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jsb16vpro01\Redirect$\i0140010\Desktop\"/>
    </mc:Choice>
  </mc:AlternateContent>
  <bookViews>
    <workbookView xWindow="0" yWindow="0" windowWidth="20490" windowHeight="7530" tabRatio="757"/>
  </bookViews>
  <sheets>
    <sheet name="全市" sheetId="6" r:id="rId1"/>
    <sheet name="千種区" sheetId="7" r:id="rId2"/>
    <sheet name="東区" sheetId="8" r:id="rId3"/>
    <sheet name="北区" sheetId="9" r:id="rId4"/>
    <sheet name="西区" sheetId="10" r:id="rId5"/>
    <sheet name="中村区" sheetId="11" r:id="rId6"/>
    <sheet name="中区" sheetId="12" r:id="rId7"/>
    <sheet name="昭和区" sheetId="13" r:id="rId8"/>
    <sheet name="瑞穂区" sheetId="14" r:id="rId9"/>
    <sheet name="熱田区" sheetId="15" r:id="rId10"/>
    <sheet name="中川区" sheetId="16" r:id="rId11"/>
    <sheet name="港区" sheetId="17" r:id="rId12"/>
    <sheet name="南区" sheetId="18" r:id="rId13"/>
    <sheet name="守山区" sheetId="19" r:id="rId14"/>
    <sheet name="緑区" sheetId="20" r:id="rId15"/>
    <sheet name="名東区" sheetId="21" r:id="rId16"/>
    <sheet name="天白区" sheetId="22" r:id="rId17"/>
  </sheets>
  <definedNames>
    <definedName name="_xlnm._FilterDatabase" localSheetId="11" hidden="1">港区!$C$1:$C$152</definedName>
    <definedName name="_xlnm._FilterDatabase" localSheetId="13" hidden="1">守山区!$C$1:$C$152</definedName>
    <definedName name="_xlnm._FilterDatabase" localSheetId="7" hidden="1">昭和区!$C$1:$C$109</definedName>
    <definedName name="_xlnm._FilterDatabase" localSheetId="8" hidden="1">瑞穂区!$C$1:$C$113</definedName>
    <definedName name="_xlnm._FilterDatabase" localSheetId="4" hidden="1">西区!$C$1:$C$136</definedName>
    <definedName name="_xlnm._FilterDatabase" localSheetId="1" hidden="1">千種区!$C$1:$C$152</definedName>
    <definedName name="_xlnm._FilterDatabase" localSheetId="0" hidden="1">全市!$C$1:$C$7</definedName>
    <definedName name="_xlnm._FilterDatabase" localSheetId="6" hidden="1">中区!$C$1:$C$61</definedName>
    <definedName name="_xlnm._FilterDatabase" localSheetId="10" hidden="1">中川区!$C$1:$C$152</definedName>
    <definedName name="_xlnm._FilterDatabase" localSheetId="5" hidden="1">中村区!$C$1:$C$137</definedName>
    <definedName name="_xlnm._FilterDatabase" localSheetId="16" hidden="1">天白区!$C$1:$C$146</definedName>
    <definedName name="_xlnm._FilterDatabase" localSheetId="2" hidden="1">東区!$C$1:$C$82</definedName>
    <definedName name="_xlnm._FilterDatabase" localSheetId="12" hidden="1">南区!$C$1:$C$150</definedName>
    <definedName name="_xlnm._FilterDatabase" localSheetId="9" hidden="1">熱田区!$C$1:$C$91</definedName>
    <definedName name="_xlnm._FilterDatabase" localSheetId="3" hidden="1">北区!$C$1:$C$152</definedName>
    <definedName name="_xlnm._FilterDatabase" localSheetId="15" hidden="1">名東区!$C$1:$C$152</definedName>
    <definedName name="_xlnm._FilterDatabase" localSheetId="14" hidden="1">緑区!$C$1:$C$152</definedName>
    <definedName name="_xlnm.Print_Area" localSheetId="11">港区!$A$2:$R$206</definedName>
    <definedName name="_xlnm.Print_Area" localSheetId="13">守山区!$A$2:$R$162</definedName>
    <definedName name="_xlnm.Print_Area" localSheetId="7">昭和区!$A$2:$R$109</definedName>
    <definedName name="_xlnm.Print_Area" localSheetId="8">瑞穂区!$A$2:$R$113</definedName>
    <definedName name="_xlnm.Print_Area" localSheetId="4">西区!$A$2:$R$136</definedName>
    <definedName name="_xlnm.Print_Area" localSheetId="1">千種区!$A$2:$R$152</definedName>
    <definedName name="_xlnm.Print_Area" localSheetId="0">全市!$A$2:$R$7</definedName>
    <definedName name="_xlnm.Print_Area" localSheetId="6">中区!$A$2:$R$61</definedName>
    <definedName name="_xlnm.Print_Area" localSheetId="10">中川区!$A$2:$R$285</definedName>
    <definedName name="_xlnm.Print_Area" localSheetId="5">中村区!$A$2:$R$137</definedName>
    <definedName name="_xlnm.Print_Area" localSheetId="16">天白区!$A$2:$R$146</definedName>
    <definedName name="_xlnm.Print_Area" localSheetId="2">東区!$A$2:$R$82</definedName>
    <definedName name="_xlnm.Print_Area" localSheetId="12">南区!$A$2:$R$150</definedName>
    <definedName name="_xlnm.Print_Area" localSheetId="9">熱田区!$A$2:$R$91</definedName>
    <definedName name="_xlnm.Print_Area" localSheetId="3">北区!$A$2:$R$163</definedName>
    <definedName name="_xlnm.Print_Area" localSheetId="15">名東区!$A$2:$R$157</definedName>
    <definedName name="_xlnm.Print_Area" localSheetId="14">緑区!$A$2:$R$308</definedName>
    <definedName name="_xlnm.Print_Titles" localSheetId="11">港区!$1:$5</definedName>
    <definedName name="_xlnm.Print_Titles" localSheetId="13">守山区!$1:$5</definedName>
    <definedName name="_xlnm.Print_Titles" localSheetId="7">昭和区!$1:$5</definedName>
    <definedName name="_xlnm.Print_Titles" localSheetId="8">瑞穂区!$1:$5</definedName>
    <definedName name="_xlnm.Print_Titles" localSheetId="4">西区!$1:$5</definedName>
    <definedName name="_xlnm.Print_Titles" localSheetId="1">千種区!$1:$5</definedName>
    <definedName name="_xlnm.Print_Titles" localSheetId="0">全市!$1:$5</definedName>
    <definedName name="_xlnm.Print_Titles" localSheetId="6">中区!$1:$5</definedName>
    <definedName name="_xlnm.Print_Titles" localSheetId="10">中川区!$1:$5</definedName>
    <definedName name="_xlnm.Print_Titles" localSheetId="5">中村区!$1:$5</definedName>
    <definedName name="_xlnm.Print_Titles" localSheetId="16">天白区!$1:$5</definedName>
    <definedName name="_xlnm.Print_Titles" localSheetId="2">東区!$1:$5</definedName>
    <definedName name="_xlnm.Print_Titles" localSheetId="12">南区!$1:$5</definedName>
    <definedName name="_xlnm.Print_Titles" localSheetId="9">熱田区!$1:$5</definedName>
    <definedName name="_xlnm.Print_Titles" localSheetId="3">北区!$1:$5</definedName>
    <definedName name="_xlnm.Print_Titles" localSheetId="15">名東区!$1:$5</definedName>
    <definedName name="_xlnm.Print_Titles" localSheetId="14">緑区!$1:$5</definedName>
  </definedNames>
  <calcPr calcId="92512"/>
</workbook>
</file>

<file path=xl/sharedStrings.xml><?xml version="1.0" encoding="utf-8"?>
<sst xmlns="http://schemas.openxmlformats.org/spreadsheetml/2006/main" count="3501" uniqueCount="2341">
  <si>
    <t>町（大字）別</t>
    <rPh sb="0" eb="1">
      <t>マチ</t>
    </rPh>
    <rPh sb="2" eb="4">
      <t>オオアザ</t>
    </rPh>
    <rPh sb="5" eb="6">
      <t>ベツ</t>
    </rPh>
    <phoneticPr fontId="1"/>
  </si>
  <si>
    <t>総　数</t>
    <rPh sb="0" eb="1">
      <t>フサ</t>
    </rPh>
    <rPh sb="2" eb="3">
      <t>カズ</t>
    </rPh>
    <phoneticPr fontId="1"/>
  </si>
  <si>
    <t>総　　　数</t>
    <rPh sb="0" eb="1">
      <t>フサ</t>
    </rPh>
    <rPh sb="4" eb="5">
      <t>カズ</t>
    </rPh>
    <phoneticPr fontId="1"/>
  </si>
  <si>
    <t>町･丁目・大字別人口－年齢別</t>
    <rPh sb="0" eb="1">
      <t>チョウ</t>
    </rPh>
    <rPh sb="2" eb="3">
      <t>チョウ</t>
    </rPh>
    <rPh sb="3" eb="4">
      <t>モク</t>
    </rPh>
    <rPh sb="5" eb="7">
      <t>オオアザ</t>
    </rPh>
    <rPh sb="7" eb="8">
      <t>ベツ</t>
    </rPh>
    <rPh sb="8" eb="10">
      <t>ジンコウ</t>
    </rPh>
    <rPh sb="11" eb="13">
      <t>ネンレイ</t>
    </rPh>
    <rPh sb="13" eb="14">
      <t>ベツ</t>
    </rPh>
    <phoneticPr fontId="1"/>
  </si>
  <si>
    <t>《公簿人口》</t>
    <rPh sb="1" eb="2">
      <t>コウ</t>
    </rPh>
    <rPh sb="2" eb="3">
      <t>ボ</t>
    </rPh>
    <rPh sb="3" eb="5">
      <t>ジンコウ</t>
    </rPh>
    <phoneticPr fontId="1"/>
  </si>
  <si>
    <t>表②</t>
  </si>
  <si>
    <t>世帯数</t>
    <rPh sb="0" eb="3">
      <t>セタイスウ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年齢
不詳</t>
    <rPh sb="0" eb="2">
      <t>ネンレイ</t>
    </rPh>
    <rPh sb="3" eb="5">
      <t>フショウ</t>
    </rPh>
    <phoneticPr fontId="1"/>
  </si>
  <si>
    <t>０～
１４歳</t>
    <rPh sb="5" eb="6">
      <t>サイ</t>
    </rPh>
    <phoneticPr fontId="1"/>
  </si>
  <si>
    <t>１５～
６４歳</t>
    <rPh sb="6" eb="7">
      <t>サイ</t>
    </rPh>
    <phoneticPr fontId="1"/>
  </si>
  <si>
    <t>０～
９歳</t>
    <rPh sb="4" eb="5">
      <t>サイ</t>
    </rPh>
    <phoneticPr fontId="1"/>
  </si>
  <si>
    <t>１０～
１９歳</t>
    <rPh sb="6" eb="7">
      <t>サイ</t>
    </rPh>
    <phoneticPr fontId="1"/>
  </si>
  <si>
    <t>２０～
２９歳</t>
    <rPh sb="6" eb="7">
      <t>サイ</t>
    </rPh>
    <phoneticPr fontId="1"/>
  </si>
  <si>
    <t>３０～
３９歳</t>
    <rPh sb="6" eb="7">
      <t>サイ</t>
    </rPh>
    <phoneticPr fontId="1"/>
  </si>
  <si>
    <t>４０～
４９歳</t>
    <rPh sb="6" eb="7">
      <t>サイ</t>
    </rPh>
    <phoneticPr fontId="1"/>
  </si>
  <si>
    <t>５０～
５９歳</t>
    <rPh sb="6" eb="7">
      <t>サイ</t>
    </rPh>
    <phoneticPr fontId="1"/>
  </si>
  <si>
    <t>６０～
６９歳</t>
    <rPh sb="6" eb="7">
      <t>サイ</t>
    </rPh>
    <phoneticPr fontId="1"/>
  </si>
  <si>
    <t>７０歳
以上</t>
    <rPh sb="2" eb="3">
      <t>サイ</t>
    </rPh>
    <rPh sb="4" eb="6">
      <t>イジョウ</t>
    </rPh>
    <phoneticPr fontId="1"/>
  </si>
  <si>
    <t>６５歳
以上</t>
    <rPh sb="2" eb="3">
      <t>サイ</t>
    </rPh>
    <rPh sb="4" eb="6">
      <t>イジョウ</t>
    </rPh>
    <phoneticPr fontId="1"/>
  </si>
  <si>
    <t>全市</t>
  </si>
  <si>
    <t>千種区</t>
  </si>
  <si>
    <t>青柳町</t>
  </si>
  <si>
    <t>赤坂町</t>
  </si>
  <si>
    <t>揚羽町</t>
  </si>
  <si>
    <t>朝岡町</t>
  </si>
  <si>
    <t>池上町</t>
  </si>
  <si>
    <t>池下町</t>
  </si>
  <si>
    <t>池下一丁目</t>
  </si>
  <si>
    <t>池下二丁目</t>
  </si>
  <si>
    <t>池園町</t>
  </si>
  <si>
    <t>猪高町大字猪子石</t>
  </si>
  <si>
    <t>稲舟通</t>
  </si>
  <si>
    <t>井上町</t>
  </si>
  <si>
    <t>今池一丁目</t>
  </si>
  <si>
    <t>今池二丁目</t>
  </si>
  <si>
    <t>今池三丁目</t>
  </si>
  <si>
    <t>今池四丁目</t>
  </si>
  <si>
    <t>今池五丁目</t>
  </si>
  <si>
    <t>今池南</t>
  </si>
  <si>
    <t>上野一丁目</t>
  </si>
  <si>
    <t>上野二丁目</t>
  </si>
  <si>
    <t>上野三丁目</t>
  </si>
  <si>
    <t>内山一丁目</t>
  </si>
  <si>
    <t>内山二丁目</t>
  </si>
  <si>
    <t>内山三丁目</t>
  </si>
  <si>
    <t>大久手町</t>
  </si>
  <si>
    <t>大島町</t>
  </si>
  <si>
    <t>丘上町</t>
  </si>
  <si>
    <t>御棚町</t>
  </si>
  <si>
    <t>鏡池通</t>
  </si>
  <si>
    <t>覚王山通</t>
  </si>
  <si>
    <t>霞ケ丘</t>
  </si>
  <si>
    <t>香流橋一丁目</t>
  </si>
  <si>
    <t>香流橋二丁目</t>
  </si>
  <si>
    <t>鹿子町</t>
  </si>
  <si>
    <t>鹿子殿</t>
  </si>
  <si>
    <t>萱場一丁目</t>
  </si>
  <si>
    <t>萱場二丁目</t>
  </si>
  <si>
    <t>唐山町</t>
  </si>
  <si>
    <t>川崎町</t>
  </si>
  <si>
    <t>観月町</t>
  </si>
  <si>
    <t>神田町</t>
  </si>
  <si>
    <t>菊坂町</t>
  </si>
  <si>
    <t>北千種一丁目</t>
  </si>
  <si>
    <t>北千種二丁目</t>
  </si>
  <si>
    <t>北千種三丁目</t>
  </si>
  <si>
    <t>希望ケ丘</t>
  </si>
  <si>
    <t>京命一丁目</t>
  </si>
  <si>
    <t>京命二丁目</t>
  </si>
  <si>
    <t>清住町</t>
  </si>
  <si>
    <t>桐林町</t>
  </si>
  <si>
    <t>楠元町</t>
  </si>
  <si>
    <t>幸川町</t>
  </si>
  <si>
    <t>向陽町</t>
  </si>
  <si>
    <t>向陽一丁目</t>
  </si>
  <si>
    <t>古出来三丁目</t>
  </si>
  <si>
    <t>小松町</t>
  </si>
  <si>
    <t>桜が丘</t>
  </si>
  <si>
    <t>山門町</t>
  </si>
  <si>
    <t>下方町</t>
  </si>
  <si>
    <t>松軒一丁目</t>
  </si>
  <si>
    <t>松軒二丁目</t>
  </si>
  <si>
    <t>松竹町</t>
  </si>
  <si>
    <t>汁谷町</t>
  </si>
  <si>
    <t>城木町</t>
  </si>
  <si>
    <t>城山町</t>
  </si>
  <si>
    <t>城山新町</t>
  </si>
  <si>
    <t>新池町</t>
  </si>
  <si>
    <t>新栄三丁目</t>
  </si>
  <si>
    <t>新西一丁目</t>
  </si>
  <si>
    <t>新西二丁目</t>
  </si>
  <si>
    <t>振甫町</t>
  </si>
  <si>
    <t>自由ケ丘</t>
  </si>
  <si>
    <t>末盛通</t>
  </si>
  <si>
    <t>清明山一丁目</t>
  </si>
  <si>
    <t>清明山二丁目</t>
  </si>
  <si>
    <t>園山町</t>
  </si>
  <si>
    <t>高見一丁目</t>
  </si>
  <si>
    <t>高見二丁目</t>
  </si>
  <si>
    <t>竹越一丁目</t>
  </si>
  <si>
    <t>竹越二丁目</t>
  </si>
  <si>
    <t>田代町</t>
  </si>
  <si>
    <t>田代本通</t>
  </si>
  <si>
    <t>谷口町</t>
  </si>
  <si>
    <t>千種一丁目</t>
  </si>
  <si>
    <t>千種二丁目</t>
  </si>
  <si>
    <t>千種三丁目</t>
  </si>
  <si>
    <t>千種通</t>
  </si>
  <si>
    <t>茶屋坂通</t>
  </si>
  <si>
    <t>茶屋が坂一丁目</t>
  </si>
  <si>
    <t>茶屋が坂二丁目</t>
  </si>
  <si>
    <t>千代が丘</t>
  </si>
  <si>
    <t>千代田橋一丁目</t>
  </si>
  <si>
    <t>千代田橋二丁目</t>
  </si>
  <si>
    <t>月ケ丘</t>
  </si>
  <si>
    <t>月見坂町</t>
  </si>
  <si>
    <t>天満通</t>
  </si>
  <si>
    <t>東明町</t>
  </si>
  <si>
    <t>徳川山町</t>
  </si>
  <si>
    <t>仲田一丁目</t>
  </si>
  <si>
    <t>仲田二丁目</t>
  </si>
  <si>
    <t>鍋屋上野町</t>
  </si>
  <si>
    <t>南明町</t>
  </si>
  <si>
    <t>西崎町</t>
  </si>
  <si>
    <t>西山元町</t>
  </si>
  <si>
    <t>日進通</t>
  </si>
  <si>
    <t>猫洞通</t>
  </si>
  <si>
    <t>萩岡町</t>
  </si>
  <si>
    <t>橋本町</t>
  </si>
  <si>
    <t>花田町</t>
  </si>
  <si>
    <t>X</t>
  </si>
  <si>
    <t>春岡通</t>
  </si>
  <si>
    <t>春岡一丁目</t>
  </si>
  <si>
    <t>春岡二丁目</t>
  </si>
  <si>
    <t>春里町</t>
  </si>
  <si>
    <t>光が丘一丁目</t>
  </si>
  <si>
    <t>光が丘二丁目</t>
  </si>
  <si>
    <t>東千種台</t>
  </si>
  <si>
    <t>東山通</t>
  </si>
  <si>
    <t>東山元町</t>
  </si>
  <si>
    <t>日岡町</t>
  </si>
  <si>
    <t>姫池通</t>
  </si>
  <si>
    <t>日和町</t>
  </si>
  <si>
    <t>吹上一丁目</t>
  </si>
  <si>
    <t>吹上二丁目</t>
  </si>
  <si>
    <t>富士見台</t>
  </si>
  <si>
    <t>不老町</t>
  </si>
  <si>
    <t>平和が丘三丁目</t>
  </si>
  <si>
    <t>法王町</t>
  </si>
  <si>
    <t>豊年町</t>
  </si>
  <si>
    <t>星ケ丘</t>
  </si>
  <si>
    <t>星が丘元町</t>
  </si>
  <si>
    <t>穂波町</t>
  </si>
  <si>
    <t>堀割町</t>
  </si>
  <si>
    <t>星が丘山手</t>
  </si>
  <si>
    <t>丸山町</t>
  </si>
  <si>
    <t>御影町</t>
  </si>
  <si>
    <t>見附町</t>
  </si>
  <si>
    <t>南ケ丘</t>
  </si>
  <si>
    <t>宮根台一丁目</t>
  </si>
  <si>
    <t>宮根台二丁目</t>
  </si>
  <si>
    <t>宮の腰町</t>
  </si>
  <si>
    <t>本山町</t>
  </si>
  <si>
    <t>山添町</t>
  </si>
  <si>
    <t>四谷通</t>
  </si>
  <si>
    <t>若水二丁目</t>
  </si>
  <si>
    <t>若水三丁目</t>
  </si>
  <si>
    <t>東区</t>
  </si>
  <si>
    <t>相生町</t>
  </si>
  <si>
    <t>葵一丁目</t>
  </si>
  <si>
    <t>葵二丁目</t>
  </si>
  <si>
    <t>葵三丁目</t>
  </si>
  <si>
    <t>赤塚町</t>
  </si>
  <si>
    <t>飯田町</t>
  </si>
  <si>
    <t>泉一丁目</t>
  </si>
  <si>
    <t>泉二丁目</t>
  </si>
  <si>
    <t>泉三丁目</t>
  </si>
  <si>
    <t>大曽根一丁目</t>
  </si>
  <si>
    <t>大曽根二丁目</t>
  </si>
  <si>
    <t>大松町</t>
  </si>
  <si>
    <t>上竪杉町</t>
  </si>
  <si>
    <t>車道町</t>
  </si>
  <si>
    <t>黒門町</t>
  </si>
  <si>
    <t>古出来一丁目</t>
  </si>
  <si>
    <t>古出来二丁目</t>
  </si>
  <si>
    <t>三の丸四丁目</t>
  </si>
  <si>
    <t>橦木町</t>
  </si>
  <si>
    <t>白壁一丁目</t>
  </si>
  <si>
    <t>白壁二丁目</t>
  </si>
  <si>
    <t>白壁三丁目</t>
  </si>
  <si>
    <t>白壁四丁目</t>
  </si>
  <si>
    <t>白壁五丁目</t>
  </si>
  <si>
    <t>新出来一丁目</t>
  </si>
  <si>
    <t>新出来二丁目</t>
  </si>
  <si>
    <t>砂田橋一丁目</t>
  </si>
  <si>
    <t>砂田橋二丁目</t>
  </si>
  <si>
    <t>砂田橋三丁目</t>
  </si>
  <si>
    <t>砂田橋四丁目</t>
  </si>
  <si>
    <t>砂田橋五丁目</t>
  </si>
  <si>
    <t>代官町</t>
  </si>
  <si>
    <t>大幸一丁目</t>
  </si>
  <si>
    <t>大幸二丁目</t>
  </si>
  <si>
    <t>大幸三丁目</t>
  </si>
  <si>
    <t>大幸四丁目</t>
  </si>
  <si>
    <t>大幸南一丁目</t>
  </si>
  <si>
    <t>大幸南二丁目</t>
  </si>
  <si>
    <t>主税町</t>
  </si>
  <si>
    <t>筒井町</t>
  </si>
  <si>
    <t>筒井一丁目</t>
  </si>
  <si>
    <t>筒井二丁目</t>
  </si>
  <si>
    <t>筒井三丁目</t>
  </si>
  <si>
    <t>出来町一丁目</t>
  </si>
  <si>
    <t>出来町二丁目</t>
  </si>
  <si>
    <t>出来町三丁目</t>
  </si>
  <si>
    <t>徳川町</t>
  </si>
  <si>
    <t>徳川一丁目</t>
  </si>
  <si>
    <t>徳川二丁目</t>
  </si>
  <si>
    <t>豊前町</t>
  </si>
  <si>
    <t>東大曽根町</t>
  </si>
  <si>
    <t>東片端町</t>
  </si>
  <si>
    <t>東桜一丁目</t>
  </si>
  <si>
    <t>東桜二丁目</t>
  </si>
  <si>
    <t>東外堀町</t>
  </si>
  <si>
    <t>久屋町</t>
  </si>
  <si>
    <t>百人町</t>
  </si>
  <si>
    <t>前浪町</t>
  </si>
  <si>
    <t>明倫町</t>
  </si>
  <si>
    <t>矢田東</t>
  </si>
  <si>
    <t>矢田南一丁目</t>
  </si>
  <si>
    <t>矢田南二丁目</t>
  </si>
  <si>
    <t>矢田南三丁目</t>
  </si>
  <si>
    <t>矢田南四丁目</t>
  </si>
  <si>
    <t>矢田南五丁目</t>
  </si>
  <si>
    <t>山口町</t>
  </si>
  <si>
    <t>矢田一丁目</t>
  </si>
  <si>
    <t>矢田二丁目</t>
  </si>
  <si>
    <t>矢田三丁目</t>
  </si>
  <si>
    <t>矢田四丁目</t>
  </si>
  <si>
    <t>矢田五丁目</t>
  </si>
  <si>
    <t>芳野一丁目</t>
  </si>
  <si>
    <t>芳野二丁目</t>
  </si>
  <si>
    <t>芳野三丁目</t>
  </si>
  <si>
    <t>北区</t>
  </si>
  <si>
    <t>芦辺町</t>
  </si>
  <si>
    <t>生駒町</t>
  </si>
  <si>
    <t>石園町</t>
  </si>
  <si>
    <t>大蔵町</t>
  </si>
  <si>
    <t>大杉町</t>
  </si>
  <si>
    <t>大杉一丁目</t>
  </si>
  <si>
    <t>大杉二丁目</t>
  </si>
  <si>
    <t>大杉三丁目</t>
  </si>
  <si>
    <t>大曽根三丁目</t>
  </si>
  <si>
    <t>大野町</t>
  </si>
  <si>
    <t>御成通</t>
  </si>
  <si>
    <t>尾上町</t>
  </si>
  <si>
    <t>織部町</t>
  </si>
  <si>
    <t>大曽根四丁目</t>
  </si>
  <si>
    <t>金田町</t>
  </si>
  <si>
    <t>上飯田通</t>
  </si>
  <si>
    <t>上飯田北町</t>
  </si>
  <si>
    <t>上飯田西町</t>
  </si>
  <si>
    <t>上飯田東町</t>
  </si>
  <si>
    <t>上飯田南町</t>
  </si>
  <si>
    <t>川中町</t>
  </si>
  <si>
    <t>垣戸町</t>
  </si>
  <si>
    <t>木津根町</t>
  </si>
  <si>
    <t>金城町</t>
  </si>
  <si>
    <t>金城一丁目</t>
  </si>
  <si>
    <t>金城二丁目</t>
  </si>
  <si>
    <t>金城三丁目</t>
  </si>
  <si>
    <t>金城四丁目</t>
  </si>
  <si>
    <t>黒川本通</t>
  </si>
  <si>
    <t>紅雲町</t>
  </si>
  <si>
    <t>光音寺町</t>
  </si>
  <si>
    <t>駒止町</t>
  </si>
  <si>
    <t>米が瀬町</t>
  </si>
  <si>
    <t>彩紅橋通</t>
  </si>
  <si>
    <t>猿投町</t>
  </si>
  <si>
    <t>志賀町</t>
  </si>
  <si>
    <t>志賀本通</t>
  </si>
  <si>
    <t>志賀南通</t>
  </si>
  <si>
    <t>敷島町</t>
  </si>
  <si>
    <t>清水一丁目</t>
  </si>
  <si>
    <t>清水二丁目</t>
  </si>
  <si>
    <t>清水三丁目</t>
  </si>
  <si>
    <t>清水四丁目</t>
  </si>
  <si>
    <t>清水五丁目</t>
  </si>
  <si>
    <t>下飯田町</t>
  </si>
  <si>
    <t>城見通</t>
  </si>
  <si>
    <t>新堀町</t>
  </si>
  <si>
    <t>神明町</t>
  </si>
  <si>
    <t>成願寺一丁目</t>
  </si>
  <si>
    <t>成願寺二丁目</t>
  </si>
  <si>
    <t>城東町</t>
  </si>
  <si>
    <t>杉栄町</t>
  </si>
  <si>
    <t>杉村一丁目</t>
  </si>
  <si>
    <t>龍ノ口町</t>
  </si>
  <si>
    <t>田幡一丁目</t>
  </si>
  <si>
    <t>田幡二丁目</t>
  </si>
  <si>
    <t>稚児宮通</t>
  </si>
  <si>
    <t>中丸町</t>
  </si>
  <si>
    <t>辻町</t>
  </si>
  <si>
    <t>辻本通</t>
  </si>
  <si>
    <t>天道町</t>
  </si>
  <si>
    <t>憧旛町</t>
  </si>
  <si>
    <t>中切町</t>
  </si>
  <si>
    <t>中杉町</t>
  </si>
  <si>
    <t>長喜町</t>
  </si>
  <si>
    <t>長田町</t>
  </si>
  <si>
    <t>浪打町</t>
  </si>
  <si>
    <t>西志賀町</t>
  </si>
  <si>
    <t>野方通</t>
  </si>
  <si>
    <t>萩野通</t>
  </si>
  <si>
    <t>八龍町</t>
  </si>
  <si>
    <t>鳩岡町</t>
  </si>
  <si>
    <t>鳩岡二丁目</t>
  </si>
  <si>
    <t>東大杉町</t>
  </si>
  <si>
    <t>東大曽根町上</t>
  </si>
  <si>
    <t>東長田町</t>
  </si>
  <si>
    <t>東水切町</t>
  </si>
  <si>
    <t>平手町</t>
  </si>
  <si>
    <t>福徳町</t>
  </si>
  <si>
    <t>平安通</t>
  </si>
  <si>
    <t>平安一丁目</t>
  </si>
  <si>
    <t>平安二丁目</t>
  </si>
  <si>
    <t>真畔町</t>
  </si>
  <si>
    <t>桝形町</t>
  </si>
  <si>
    <t>水切町</t>
  </si>
  <si>
    <t>水草町</t>
  </si>
  <si>
    <t>名城二丁目</t>
  </si>
  <si>
    <t>名城三丁目</t>
  </si>
  <si>
    <t>元志賀町</t>
  </si>
  <si>
    <t>八代町</t>
  </si>
  <si>
    <t>安井一丁目</t>
  </si>
  <si>
    <t>安井二丁目</t>
  </si>
  <si>
    <t>安井三丁目</t>
  </si>
  <si>
    <t>安井四丁目</t>
  </si>
  <si>
    <t>矢田町</t>
  </si>
  <si>
    <t>柳原一丁目</t>
  </si>
  <si>
    <t>柳原二丁目</t>
  </si>
  <si>
    <t>柳原三丁目</t>
  </si>
  <si>
    <t>柳原四丁目</t>
  </si>
  <si>
    <t>山田町</t>
  </si>
  <si>
    <t>山田北町</t>
  </si>
  <si>
    <t>山田西町</t>
  </si>
  <si>
    <t>山田一丁目</t>
  </si>
  <si>
    <t>山田二丁目</t>
  </si>
  <si>
    <t>山田三丁目</t>
  </si>
  <si>
    <t>山田四丁目</t>
  </si>
  <si>
    <t>瑠璃光町</t>
  </si>
  <si>
    <t>若葉通</t>
  </si>
  <si>
    <t>池花町</t>
  </si>
  <si>
    <t>大我麻町</t>
  </si>
  <si>
    <t>落合町</t>
  </si>
  <si>
    <t>会所町</t>
  </si>
  <si>
    <t>喜惣治一丁目</t>
  </si>
  <si>
    <t>喜惣治二丁目</t>
  </si>
  <si>
    <t>北久手町</t>
  </si>
  <si>
    <t>桐畑町</t>
  </si>
  <si>
    <t>楠町大字喜惣治新田</t>
  </si>
  <si>
    <t>楠味鋺一丁目</t>
  </si>
  <si>
    <t>楠味鋺二丁目</t>
  </si>
  <si>
    <t>楠味鋺三丁目</t>
  </si>
  <si>
    <t>楠味鋺四丁目</t>
  </si>
  <si>
    <t>楠味鋺五丁目</t>
  </si>
  <si>
    <t>楠一丁目</t>
  </si>
  <si>
    <t>楠二丁目</t>
  </si>
  <si>
    <t>楠三丁目</t>
  </si>
  <si>
    <t>楠四丁目</t>
  </si>
  <si>
    <t>楠五丁目</t>
  </si>
  <si>
    <t>玄馬町</t>
  </si>
  <si>
    <t>五反田町</t>
  </si>
  <si>
    <t>三軒町</t>
  </si>
  <si>
    <t>新沼町</t>
  </si>
  <si>
    <t>苗田町</t>
  </si>
  <si>
    <t>中味鋺一丁目</t>
  </si>
  <si>
    <t>中味鋺二丁目</t>
  </si>
  <si>
    <t>中味鋺三丁目</t>
  </si>
  <si>
    <t>西味鋺一丁目</t>
  </si>
  <si>
    <t>西味鋺二丁目</t>
  </si>
  <si>
    <t>西味鋺三丁目</t>
  </si>
  <si>
    <t>西味鋺四丁目</t>
  </si>
  <si>
    <t>西味鋺五丁目</t>
  </si>
  <si>
    <t>如意一丁目</t>
  </si>
  <si>
    <t>如意二丁目</t>
  </si>
  <si>
    <t>如意三丁目</t>
  </si>
  <si>
    <t>如意四丁目</t>
  </si>
  <si>
    <t>如意五丁目</t>
  </si>
  <si>
    <t>如来町</t>
  </si>
  <si>
    <t>東味鋺一丁目</t>
  </si>
  <si>
    <t>東味鋺二丁目</t>
  </si>
  <si>
    <t>東味鋺三丁目</t>
  </si>
  <si>
    <t>丸新町</t>
  </si>
  <si>
    <t>六が池町</t>
  </si>
  <si>
    <t>若鶴町</t>
  </si>
  <si>
    <t>西区</t>
  </si>
  <si>
    <t>天塚町</t>
  </si>
  <si>
    <t>稲生町</t>
  </si>
  <si>
    <t>牛島町</t>
  </si>
  <si>
    <t>江向町</t>
  </si>
  <si>
    <t>大金町</t>
  </si>
  <si>
    <t>押切一丁目</t>
  </si>
  <si>
    <t>押切二丁目</t>
  </si>
  <si>
    <t>貝田町</t>
  </si>
  <si>
    <t>笠取町</t>
  </si>
  <si>
    <t>上名古屋一丁目</t>
  </si>
  <si>
    <t>上名古屋二丁目</t>
  </si>
  <si>
    <t>上名古屋三丁目</t>
  </si>
  <si>
    <t>上名古屋四丁目</t>
  </si>
  <si>
    <t>上堀越町</t>
  </si>
  <si>
    <t>菊井一丁目</t>
  </si>
  <si>
    <t>菊井二丁目</t>
  </si>
  <si>
    <t>康生通</t>
  </si>
  <si>
    <t>香呑町</t>
  </si>
  <si>
    <t>児玉一丁目</t>
  </si>
  <si>
    <t>児玉二丁目</t>
  </si>
  <si>
    <t>児玉三丁目</t>
  </si>
  <si>
    <t>笹塚町</t>
  </si>
  <si>
    <t>栄生一丁目</t>
  </si>
  <si>
    <t>栄生二丁目</t>
  </si>
  <si>
    <t>栄生三丁目</t>
  </si>
  <si>
    <t>庄内通</t>
  </si>
  <si>
    <t>新福寺町</t>
  </si>
  <si>
    <t>新道一丁目</t>
  </si>
  <si>
    <t>新道二丁目</t>
  </si>
  <si>
    <t>城西一丁目</t>
  </si>
  <si>
    <t>城西二丁目</t>
  </si>
  <si>
    <t>城西三丁目</t>
  </si>
  <si>
    <t>城西四丁目</t>
  </si>
  <si>
    <t>城西五丁目</t>
  </si>
  <si>
    <t>浄心一丁目</t>
  </si>
  <si>
    <t>浄心二丁目</t>
  </si>
  <si>
    <t>浄心本通</t>
  </si>
  <si>
    <t>城北町</t>
  </si>
  <si>
    <t>数寄屋町</t>
  </si>
  <si>
    <t>浅間一丁目</t>
  </si>
  <si>
    <t>浅間二丁目</t>
  </si>
  <si>
    <t>田幡町</t>
  </si>
  <si>
    <t>秩父通</t>
  </si>
  <si>
    <t>天神山町</t>
  </si>
  <si>
    <t>東岸町</t>
  </si>
  <si>
    <t>鳥見町</t>
  </si>
  <si>
    <t>那古野一丁目</t>
  </si>
  <si>
    <t>那古野二丁目</t>
  </si>
  <si>
    <t>名塚町</t>
  </si>
  <si>
    <t>則武新町二丁目</t>
  </si>
  <si>
    <t>則武新町三丁目</t>
  </si>
  <si>
    <t>則武新町四丁目</t>
  </si>
  <si>
    <t>則武新町一丁目</t>
  </si>
  <si>
    <t>花の木一丁目</t>
  </si>
  <si>
    <t>花の木二丁目</t>
  </si>
  <si>
    <t>花の木三丁目</t>
  </si>
  <si>
    <t>幅下一丁目</t>
  </si>
  <si>
    <t>幅下二丁目</t>
  </si>
  <si>
    <t>樋の口町</t>
  </si>
  <si>
    <t>枇杷島一丁目</t>
  </si>
  <si>
    <t>枇杷島二丁目</t>
  </si>
  <si>
    <t>枇杷島三丁目</t>
  </si>
  <si>
    <t>枇杷島四丁目</t>
  </si>
  <si>
    <t>枇杷島五丁目</t>
  </si>
  <si>
    <t>堀越一丁目</t>
  </si>
  <si>
    <t>堀越二丁目</t>
  </si>
  <si>
    <t>堀越三丁目</t>
  </si>
  <si>
    <t>堀端町</t>
  </si>
  <si>
    <t>又穂町</t>
  </si>
  <si>
    <t>万代町</t>
  </si>
  <si>
    <t>南堀越一丁目</t>
  </si>
  <si>
    <t>南堀越二丁目</t>
  </si>
  <si>
    <t>名駅一丁目</t>
  </si>
  <si>
    <t>名駅二丁目</t>
  </si>
  <si>
    <t>名駅三丁目</t>
  </si>
  <si>
    <t>名西一丁目</t>
  </si>
  <si>
    <t>名西二丁目</t>
  </si>
  <si>
    <t>赤城町</t>
  </si>
  <si>
    <t>あし原町</t>
  </si>
  <si>
    <t>新木町</t>
  </si>
  <si>
    <t>市場木町</t>
  </si>
  <si>
    <t>浮野町</t>
  </si>
  <si>
    <t>歌里町</t>
  </si>
  <si>
    <t>円明町</t>
  </si>
  <si>
    <t>大野木一丁目</t>
  </si>
  <si>
    <t>大野木二丁目</t>
  </si>
  <si>
    <t>大野木三丁目</t>
  </si>
  <si>
    <t>大野木四丁目</t>
  </si>
  <si>
    <t>大野木五丁目</t>
  </si>
  <si>
    <t>上小田井一丁目</t>
  </si>
  <si>
    <t>上小田井二丁目</t>
  </si>
  <si>
    <t>上橋町</t>
  </si>
  <si>
    <t>貴生町</t>
  </si>
  <si>
    <t>木前町</t>
  </si>
  <si>
    <t>清里町</t>
  </si>
  <si>
    <t>こも原町</t>
  </si>
  <si>
    <t>五才美町</t>
  </si>
  <si>
    <t>坂井戸町</t>
  </si>
  <si>
    <t>城町</t>
  </si>
  <si>
    <t>城西町</t>
  </si>
  <si>
    <t>砂原町</t>
  </si>
  <si>
    <t>玉池町</t>
  </si>
  <si>
    <t>十方町</t>
  </si>
  <si>
    <t>中小田井一丁目</t>
  </si>
  <si>
    <t>中小田井二丁目</t>
  </si>
  <si>
    <t>中小田井三丁目</t>
  </si>
  <si>
    <t>中小田井四丁目</t>
  </si>
  <si>
    <t>中小田井五丁目</t>
  </si>
  <si>
    <t>中沼町</t>
  </si>
  <si>
    <t>長先町</t>
  </si>
  <si>
    <t>西原町</t>
  </si>
  <si>
    <t>野南町</t>
  </si>
  <si>
    <t>花原町</t>
  </si>
  <si>
    <t>比良一丁目</t>
  </si>
  <si>
    <t>比良二丁目</t>
  </si>
  <si>
    <t>比良三丁目</t>
  </si>
  <si>
    <t>比良四丁目</t>
  </si>
  <si>
    <t>平出町</t>
  </si>
  <si>
    <t>平中町</t>
  </si>
  <si>
    <t>二方町</t>
  </si>
  <si>
    <t>宝地町</t>
  </si>
  <si>
    <t>丸野一丁目</t>
  </si>
  <si>
    <t>丸野二丁目</t>
  </si>
  <si>
    <t>南川町</t>
  </si>
  <si>
    <t>見寄町</t>
  </si>
  <si>
    <t>八筋町</t>
  </si>
  <si>
    <t>山木一丁目</t>
  </si>
  <si>
    <t>山木二丁目</t>
  </si>
  <si>
    <t>中村区</t>
  </si>
  <si>
    <t>荒輪井町</t>
  </si>
  <si>
    <t>稲上町</t>
  </si>
  <si>
    <t>稲西町</t>
  </si>
  <si>
    <t>稲葉地町</t>
  </si>
  <si>
    <t>稲葉地本通</t>
  </si>
  <si>
    <t>乾出町</t>
  </si>
  <si>
    <t>猪之越町</t>
  </si>
  <si>
    <t>井深町</t>
  </si>
  <si>
    <t>岩上町</t>
  </si>
  <si>
    <t>岩塚町</t>
  </si>
  <si>
    <t>岩塚本通</t>
  </si>
  <si>
    <t>牛田通</t>
  </si>
  <si>
    <t>黄金通</t>
  </si>
  <si>
    <t>大秋町</t>
  </si>
  <si>
    <t>大宮町</t>
  </si>
  <si>
    <t>沖田町</t>
  </si>
  <si>
    <t>押木田町</t>
  </si>
  <si>
    <t>角割町</t>
  </si>
  <si>
    <t>烏森町</t>
  </si>
  <si>
    <t>香取町</t>
  </si>
  <si>
    <t>上石川町</t>
  </si>
  <si>
    <t>上米野町</t>
  </si>
  <si>
    <t>上ノ宮町</t>
  </si>
  <si>
    <t>亀島一丁目</t>
  </si>
  <si>
    <t>亀島二丁目</t>
  </si>
  <si>
    <t>鴨付町</t>
  </si>
  <si>
    <t>川前町</t>
  </si>
  <si>
    <t>菊水町</t>
  </si>
  <si>
    <t>北浦町</t>
  </si>
  <si>
    <t>北畑町</t>
  </si>
  <si>
    <t>京田町</t>
  </si>
  <si>
    <t>草薙町</t>
  </si>
  <si>
    <t>熊野町</t>
  </si>
  <si>
    <t>小鴨町</t>
  </si>
  <si>
    <t>寿町</t>
  </si>
  <si>
    <t>郷前町</t>
  </si>
  <si>
    <t>五反城町</t>
  </si>
  <si>
    <t>権現通</t>
  </si>
  <si>
    <t>栄生町</t>
  </si>
  <si>
    <t>佐古前町</t>
  </si>
  <si>
    <t>塩池町</t>
  </si>
  <si>
    <t>下米野町</t>
  </si>
  <si>
    <t>下中村町</t>
  </si>
  <si>
    <t>宿跡町</t>
  </si>
  <si>
    <t>白子町</t>
  </si>
  <si>
    <t>城屋敷町</t>
  </si>
  <si>
    <t>新富町</t>
  </si>
  <si>
    <t>十王町</t>
  </si>
  <si>
    <t>城主町</t>
  </si>
  <si>
    <t>砂田町</t>
  </si>
  <si>
    <t>諏訪町</t>
  </si>
  <si>
    <t>千成通</t>
  </si>
  <si>
    <t>太閤通</t>
  </si>
  <si>
    <t>太閤一丁目</t>
  </si>
  <si>
    <t>太閤二丁目</t>
  </si>
  <si>
    <t>太閤三丁目</t>
  </si>
  <si>
    <t>太閤四丁目</t>
  </si>
  <si>
    <t>太閤五丁目</t>
  </si>
  <si>
    <t>大正町</t>
  </si>
  <si>
    <t>高須賀町</t>
  </si>
  <si>
    <t>高道町</t>
  </si>
  <si>
    <t>竹橋町</t>
  </si>
  <si>
    <t>大日町</t>
  </si>
  <si>
    <t>大門町</t>
  </si>
  <si>
    <t>千原町</t>
  </si>
  <si>
    <t>椿町</t>
  </si>
  <si>
    <t>剣町</t>
  </si>
  <si>
    <t>豊国通</t>
  </si>
  <si>
    <t>豊幡町</t>
  </si>
  <si>
    <t>鳥居通</t>
  </si>
  <si>
    <t>鳥居西通</t>
  </si>
  <si>
    <t>中島町</t>
  </si>
  <si>
    <t>中村町</t>
  </si>
  <si>
    <t>中村中町</t>
  </si>
  <si>
    <t>中村本町</t>
  </si>
  <si>
    <t>長筬町</t>
  </si>
  <si>
    <t>長草町</t>
  </si>
  <si>
    <t>長戸井町</t>
  </si>
  <si>
    <t>並木一丁目</t>
  </si>
  <si>
    <t>並木二丁目</t>
  </si>
  <si>
    <t>賑町</t>
  </si>
  <si>
    <t>西米野町</t>
  </si>
  <si>
    <t>西栄町</t>
  </si>
  <si>
    <t>西日置一丁目</t>
  </si>
  <si>
    <t>鈍池町</t>
  </si>
  <si>
    <t>野上町</t>
  </si>
  <si>
    <t>野田町</t>
  </si>
  <si>
    <t>則武一丁目</t>
  </si>
  <si>
    <t>則武二丁目</t>
  </si>
  <si>
    <t>則武本通</t>
  </si>
  <si>
    <t>羽衣町</t>
  </si>
  <si>
    <t>橋下町</t>
  </si>
  <si>
    <t>畑江通</t>
  </si>
  <si>
    <t>八社一丁目</t>
  </si>
  <si>
    <t>八社二丁目</t>
  </si>
  <si>
    <t>東宿町</t>
  </si>
  <si>
    <t>日ノ宮町</t>
  </si>
  <si>
    <t>日比津町</t>
  </si>
  <si>
    <t>日吉町</t>
  </si>
  <si>
    <t>平池町</t>
  </si>
  <si>
    <t>深川町</t>
  </si>
  <si>
    <t>藤江町</t>
  </si>
  <si>
    <t>二瀬町</t>
  </si>
  <si>
    <t>二ツ橋町</t>
  </si>
  <si>
    <t>本陣通</t>
  </si>
  <si>
    <t>松重町</t>
  </si>
  <si>
    <t>松原町</t>
  </si>
  <si>
    <t>道下町</t>
  </si>
  <si>
    <t>宮塚町</t>
  </si>
  <si>
    <t>向島町</t>
  </si>
  <si>
    <t>名駅四丁目</t>
  </si>
  <si>
    <t>名駅五丁目</t>
  </si>
  <si>
    <t>名駅南一丁目</t>
  </si>
  <si>
    <t>名駅南二丁目</t>
  </si>
  <si>
    <t>名駅南三丁目</t>
  </si>
  <si>
    <t>名駅南四丁目</t>
  </si>
  <si>
    <t>名駅南五丁目</t>
  </si>
  <si>
    <t>名西通</t>
  </si>
  <si>
    <t>名楽町</t>
  </si>
  <si>
    <t>元中村町</t>
  </si>
  <si>
    <t>森末町</t>
  </si>
  <si>
    <t>森田町</t>
  </si>
  <si>
    <t>靖国町</t>
  </si>
  <si>
    <t>横井一丁目</t>
  </si>
  <si>
    <t>横井二丁目</t>
  </si>
  <si>
    <t>横前町</t>
  </si>
  <si>
    <t>若宮町</t>
  </si>
  <si>
    <t>中区</t>
  </si>
  <si>
    <t>伊勢山一丁目</t>
  </si>
  <si>
    <t>伊勢山二丁目</t>
  </si>
  <si>
    <t>大井町</t>
  </si>
  <si>
    <t>大須一丁目</t>
  </si>
  <si>
    <t>大須二丁目</t>
  </si>
  <si>
    <t>大須三丁目</t>
  </si>
  <si>
    <t>大須四丁目</t>
  </si>
  <si>
    <t>金山一丁目</t>
  </si>
  <si>
    <t>金山二丁目</t>
  </si>
  <si>
    <t>金山三丁目</t>
  </si>
  <si>
    <t>金山四丁目</t>
  </si>
  <si>
    <t>金山五丁目</t>
  </si>
  <si>
    <t>上前津一丁目</t>
  </si>
  <si>
    <t>上前津二丁目</t>
  </si>
  <si>
    <t>栄一丁目</t>
  </si>
  <si>
    <t>栄二丁目</t>
  </si>
  <si>
    <t>栄三丁目</t>
  </si>
  <si>
    <t>栄四丁目</t>
  </si>
  <si>
    <t>栄五丁目</t>
  </si>
  <si>
    <t>三の丸一丁目</t>
  </si>
  <si>
    <t>新栄町</t>
  </si>
  <si>
    <t>新栄一丁目</t>
  </si>
  <si>
    <t>新栄二丁目</t>
  </si>
  <si>
    <t>橘一丁目</t>
  </si>
  <si>
    <t>橘二丁目</t>
  </si>
  <si>
    <t>千代田一丁目</t>
  </si>
  <si>
    <t>千代田二丁目</t>
  </si>
  <si>
    <t>千代田三丁目</t>
  </si>
  <si>
    <t>千代田四丁目</t>
  </si>
  <si>
    <t>千代田五丁目</t>
  </si>
  <si>
    <t>錦一丁目</t>
  </si>
  <si>
    <t>錦二丁目</t>
  </si>
  <si>
    <t>錦三丁目</t>
  </si>
  <si>
    <t>富士見町</t>
  </si>
  <si>
    <t>古渡町</t>
  </si>
  <si>
    <t>平和一丁目</t>
  </si>
  <si>
    <t>平和二丁目</t>
  </si>
  <si>
    <t>正木一丁目</t>
  </si>
  <si>
    <t>正木二丁目</t>
  </si>
  <si>
    <t>正木三丁目</t>
  </si>
  <si>
    <t>正木四丁目</t>
  </si>
  <si>
    <t>松原一丁目</t>
  </si>
  <si>
    <t>松原二丁目</t>
  </si>
  <si>
    <t>松原三丁目</t>
  </si>
  <si>
    <t>丸の内一丁目</t>
  </si>
  <si>
    <t>丸の内二丁目</t>
  </si>
  <si>
    <t>丸の内三丁目</t>
  </si>
  <si>
    <t>門前町</t>
  </si>
  <si>
    <t>昭和区</t>
  </si>
  <si>
    <t>曙町</t>
  </si>
  <si>
    <t>阿由知通</t>
  </si>
  <si>
    <t>荒田町</t>
  </si>
  <si>
    <t>伊勝町</t>
  </si>
  <si>
    <t>池端町</t>
  </si>
  <si>
    <t>石仏町</t>
  </si>
  <si>
    <t>永金町</t>
  </si>
  <si>
    <t>恵方町</t>
  </si>
  <si>
    <t>円上町</t>
  </si>
  <si>
    <t>折戸町</t>
  </si>
  <si>
    <t>神村町</t>
  </si>
  <si>
    <t>上山町</t>
  </si>
  <si>
    <t>川名町</t>
  </si>
  <si>
    <t>川名本町</t>
  </si>
  <si>
    <t>川名山町</t>
  </si>
  <si>
    <t>川原通</t>
  </si>
  <si>
    <t>菊園町</t>
  </si>
  <si>
    <t>北山町</t>
  </si>
  <si>
    <t>北山本町</t>
  </si>
  <si>
    <t>車田町</t>
  </si>
  <si>
    <t>紅梅町</t>
  </si>
  <si>
    <t>小坂町</t>
  </si>
  <si>
    <t>小桜町</t>
  </si>
  <si>
    <t>駒方町</t>
  </si>
  <si>
    <t>御器所一丁目</t>
  </si>
  <si>
    <t>御器所二丁目</t>
  </si>
  <si>
    <t>御器所三丁目</t>
  </si>
  <si>
    <t>御器所四丁目</t>
  </si>
  <si>
    <t>御器所町</t>
  </si>
  <si>
    <t>御器所通</t>
  </si>
  <si>
    <t>五軒家町</t>
  </si>
  <si>
    <t>桜山町</t>
  </si>
  <si>
    <t>塩付通</t>
  </si>
  <si>
    <t>汐見町</t>
  </si>
  <si>
    <t>下構町</t>
  </si>
  <si>
    <t>白金一丁目</t>
  </si>
  <si>
    <t>白金二丁目</t>
  </si>
  <si>
    <t>白金三丁目</t>
  </si>
  <si>
    <t>田面町</t>
  </si>
  <si>
    <t>高辻町</t>
  </si>
  <si>
    <t>高峯町</t>
  </si>
  <si>
    <t>滝川町</t>
  </si>
  <si>
    <t>滝子町</t>
  </si>
  <si>
    <t>滝子通</t>
  </si>
  <si>
    <t>台町</t>
  </si>
  <si>
    <t>檀溪通</t>
  </si>
  <si>
    <t>鶴羽町</t>
  </si>
  <si>
    <t>鶴舞町</t>
  </si>
  <si>
    <t>鶴舞一丁目</t>
  </si>
  <si>
    <t>鶴舞二丁目</t>
  </si>
  <si>
    <t>鶴舞三丁目</t>
  </si>
  <si>
    <t>鶴舞四丁目</t>
  </si>
  <si>
    <t>天神町</t>
  </si>
  <si>
    <t>出口町</t>
  </si>
  <si>
    <t>東郊通</t>
  </si>
  <si>
    <t>陶生町</t>
  </si>
  <si>
    <t>東畑町</t>
  </si>
  <si>
    <t>戸田町</t>
  </si>
  <si>
    <t>長池町</t>
  </si>
  <si>
    <t>長戸町</t>
  </si>
  <si>
    <t>西畑町</t>
  </si>
  <si>
    <t>萩原町</t>
  </si>
  <si>
    <t>狭間町</t>
  </si>
  <si>
    <t>花見通</t>
  </si>
  <si>
    <t>隼人町</t>
  </si>
  <si>
    <t>広池町</t>
  </si>
  <si>
    <t>広路町</t>
  </si>
  <si>
    <t>広路通</t>
  </si>
  <si>
    <t>広路本町</t>
  </si>
  <si>
    <t>広瀬町</t>
  </si>
  <si>
    <t>広見町</t>
  </si>
  <si>
    <t>吹上町</t>
  </si>
  <si>
    <t>福江一丁目</t>
  </si>
  <si>
    <t>福江二丁目</t>
  </si>
  <si>
    <t>福江三丁目</t>
  </si>
  <si>
    <t>福原町</t>
  </si>
  <si>
    <t>藤成通</t>
  </si>
  <si>
    <t>前山町</t>
  </si>
  <si>
    <t>松風町</t>
  </si>
  <si>
    <t>丸屋町</t>
  </si>
  <si>
    <t>緑町</t>
  </si>
  <si>
    <t>南山町</t>
  </si>
  <si>
    <t>南分町</t>
  </si>
  <si>
    <t>宮東町</t>
  </si>
  <si>
    <t>妙見町</t>
  </si>
  <si>
    <t>向山町</t>
  </si>
  <si>
    <t>村雲町</t>
  </si>
  <si>
    <t>明月町</t>
  </si>
  <si>
    <t>元宮町</t>
  </si>
  <si>
    <t>八雲町</t>
  </si>
  <si>
    <t>八事本町</t>
  </si>
  <si>
    <t>安田通</t>
  </si>
  <si>
    <t>山里町</t>
  </si>
  <si>
    <t>大和町</t>
  </si>
  <si>
    <t>山中町</t>
  </si>
  <si>
    <t>山手通</t>
  </si>
  <si>
    <t>山花町</t>
  </si>
  <si>
    <t>山脇町</t>
  </si>
  <si>
    <t>八事富士見</t>
  </si>
  <si>
    <t>雪見町</t>
  </si>
  <si>
    <t>楽園町</t>
  </si>
  <si>
    <t>若柳町</t>
  </si>
  <si>
    <t>瑞穂区</t>
  </si>
  <si>
    <t>荒崎町</t>
  </si>
  <si>
    <t>石川町</t>
  </si>
  <si>
    <t>石田町</t>
  </si>
  <si>
    <t>市丘町</t>
  </si>
  <si>
    <t>井戸田町</t>
  </si>
  <si>
    <t>井の元町</t>
  </si>
  <si>
    <t>茨木町</t>
  </si>
  <si>
    <t>浮島町</t>
  </si>
  <si>
    <t>牛巻町</t>
  </si>
  <si>
    <t>内方町</t>
  </si>
  <si>
    <t>内浜町</t>
  </si>
  <si>
    <t>太田町</t>
  </si>
  <si>
    <t>御莨町</t>
  </si>
  <si>
    <t>大殿町</t>
  </si>
  <si>
    <t>鍵田町</t>
  </si>
  <si>
    <t>柏木町</t>
  </si>
  <si>
    <t>片坂町</t>
  </si>
  <si>
    <t>甲山町</t>
  </si>
  <si>
    <t>釜塚町</t>
  </si>
  <si>
    <t>上坂町</t>
  </si>
  <si>
    <t>神穂町</t>
  </si>
  <si>
    <t>神前町</t>
  </si>
  <si>
    <t>亀城町</t>
  </si>
  <si>
    <t>河岸町</t>
  </si>
  <si>
    <t>河岸一丁目</t>
  </si>
  <si>
    <t>川澄町</t>
  </si>
  <si>
    <t>雁道町</t>
  </si>
  <si>
    <t>北原町</t>
  </si>
  <si>
    <t>軍水町</t>
  </si>
  <si>
    <t>駒場町</t>
  </si>
  <si>
    <t>桜見町</t>
  </si>
  <si>
    <t>薩摩町</t>
  </si>
  <si>
    <t>佐渡町</t>
  </si>
  <si>
    <t>塩入町</t>
  </si>
  <si>
    <t>汐路町</t>
  </si>
  <si>
    <t>下坂町</t>
  </si>
  <si>
    <t>下山町</t>
  </si>
  <si>
    <t>春敲町</t>
  </si>
  <si>
    <t>松栄町</t>
  </si>
  <si>
    <t>松月町</t>
  </si>
  <si>
    <t>白砂町</t>
  </si>
  <si>
    <t>白羽根町</t>
  </si>
  <si>
    <t>新開町</t>
  </si>
  <si>
    <t>洲雲町</t>
  </si>
  <si>
    <t>須田町</t>
  </si>
  <si>
    <t>洲山町</t>
  </si>
  <si>
    <t>関取町</t>
  </si>
  <si>
    <t>膳棚町</t>
  </si>
  <si>
    <t>惣作町</t>
  </si>
  <si>
    <t>十六町</t>
  </si>
  <si>
    <t>高田町</t>
  </si>
  <si>
    <t>竹田町</t>
  </si>
  <si>
    <t>岳見町</t>
  </si>
  <si>
    <t>田光町</t>
  </si>
  <si>
    <t>田辺通</t>
  </si>
  <si>
    <t>玉水町</t>
  </si>
  <si>
    <t>大喜町</t>
  </si>
  <si>
    <t>大喜新町</t>
  </si>
  <si>
    <t>津賀田町</t>
  </si>
  <si>
    <t>佃町</t>
  </si>
  <si>
    <t>東栄町</t>
  </si>
  <si>
    <t>豊岡通</t>
  </si>
  <si>
    <t>土市町</t>
  </si>
  <si>
    <t>苗代町</t>
  </si>
  <si>
    <t>直来町</t>
  </si>
  <si>
    <t>中根町</t>
  </si>
  <si>
    <t>中山町</t>
  </si>
  <si>
    <t>西ノ割町</t>
  </si>
  <si>
    <t>仁所町</t>
  </si>
  <si>
    <t>萩山町</t>
  </si>
  <si>
    <t>白龍町</t>
  </si>
  <si>
    <t>八勝通</t>
  </si>
  <si>
    <t>初日町</t>
  </si>
  <si>
    <t>花目町</t>
  </si>
  <si>
    <t>春山町</t>
  </si>
  <si>
    <t>日向町</t>
  </si>
  <si>
    <t>姫宮町</t>
  </si>
  <si>
    <t>二野町</t>
  </si>
  <si>
    <t>船原町</t>
  </si>
  <si>
    <t>平郷町</t>
  </si>
  <si>
    <t>宝田町</t>
  </si>
  <si>
    <t>堀田通</t>
  </si>
  <si>
    <t>本願寺町</t>
  </si>
  <si>
    <t>前田町</t>
  </si>
  <si>
    <t>牧町</t>
  </si>
  <si>
    <t>松園町</t>
  </si>
  <si>
    <t>豆田町</t>
  </si>
  <si>
    <t>丸根町</t>
  </si>
  <si>
    <t>密柑山町</t>
  </si>
  <si>
    <t>瑞穂町</t>
  </si>
  <si>
    <t>瑞穂通</t>
  </si>
  <si>
    <t>御劔町</t>
  </si>
  <si>
    <t>妙音通</t>
  </si>
  <si>
    <t>村上町</t>
  </si>
  <si>
    <t>明前町</t>
  </si>
  <si>
    <t>桃園町</t>
  </si>
  <si>
    <t>師長町</t>
  </si>
  <si>
    <t>彌富ケ丘町</t>
  </si>
  <si>
    <t>彌富町</t>
  </si>
  <si>
    <t>彌富通</t>
  </si>
  <si>
    <t>柳ケ枝町</t>
  </si>
  <si>
    <t>山下通</t>
  </si>
  <si>
    <t>陽明町</t>
  </si>
  <si>
    <t>熱田区</t>
  </si>
  <si>
    <t>青池町</t>
  </si>
  <si>
    <t>明野町</t>
  </si>
  <si>
    <t>熱田西町</t>
  </si>
  <si>
    <t>池内町</t>
  </si>
  <si>
    <t>一番一丁目</t>
  </si>
  <si>
    <t>一番二丁目</t>
  </si>
  <si>
    <t>一番三丁目</t>
  </si>
  <si>
    <t>内田町</t>
  </si>
  <si>
    <t>大瀬子町</t>
  </si>
  <si>
    <t>尾頭町</t>
  </si>
  <si>
    <t>金山町一丁目</t>
  </si>
  <si>
    <t>金山町二丁目</t>
  </si>
  <si>
    <t>河田町</t>
  </si>
  <si>
    <t>川並町</t>
  </si>
  <si>
    <t>木之免町</t>
  </si>
  <si>
    <t>切戸町</t>
  </si>
  <si>
    <t>古新町</t>
  </si>
  <si>
    <t>神戸町</t>
  </si>
  <si>
    <t>五番町</t>
  </si>
  <si>
    <t>五本松町</t>
  </si>
  <si>
    <t>西郊通</t>
  </si>
  <si>
    <t>桜田町</t>
  </si>
  <si>
    <t>沢上一丁目</t>
  </si>
  <si>
    <t>沢上二丁目</t>
  </si>
  <si>
    <t>沢下町</t>
  </si>
  <si>
    <t>三番町</t>
  </si>
  <si>
    <t>三本松町</t>
  </si>
  <si>
    <t>白鳥町</t>
  </si>
  <si>
    <t>白鳥一丁目</t>
  </si>
  <si>
    <t>白鳥二丁目</t>
  </si>
  <si>
    <t>白鳥三丁目</t>
  </si>
  <si>
    <t>新尾頭一丁目</t>
  </si>
  <si>
    <t>新尾頭二丁目</t>
  </si>
  <si>
    <t>新尾頭三丁目</t>
  </si>
  <si>
    <t>神宮一丁目</t>
  </si>
  <si>
    <t>神宮二丁目</t>
  </si>
  <si>
    <t>神宮三丁目</t>
  </si>
  <si>
    <t>神宮四丁目</t>
  </si>
  <si>
    <t>神野町</t>
  </si>
  <si>
    <t>須賀町</t>
  </si>
  <si>
    <t>外土居町</t>
  </si>
  <si>
    <t>大宝一丁目</t>
  </si>
  <si>
    <t>大宝二丁目</t>
  </si>
  <si>
    <t>大宝三丁目</t>
  </si>
  <si>
    <t>大宝四丁目</t>
  </si>
  <si>
    <t>高蔵町</t>
  </si>
  <si>
    <t>田中町</t>
  </si>
  <si>
    <t>玉の井町</t>
  </si>
  <si>
    <t>千年一丁目</t>
  </si>
  <si>
    <t>千年二丁目</t>
  </si>
  <si>
    <t>千代田町</t>
  </si>
  <si>
    <t>伝馬一丁目</t>
  </si>
  <si>
    <t>伝馬二丁目</t>
  </si>
  <si>
    <t>伝馬三丁目</t>
  </si>
  <si>
    <t>中田町</t>
  </si>
  <si>
    <t>中出町</t>
  </si>
  <si>
    <t>中野新町</t>
  </si>
  <si>
    <t>波寄町</t>
  </si>
  <si>
    <t>西野町</t>
  </si>
  <si>
    <t>二番一丁目</t>
  </si>
  <si>
    <t>二番二丁目</t>
  </si>
  <si>
    <t>野立町</t>
  </si>
  <si>
    <t>幡野町</t>
  </si>
  <si>
    <t>旗屋町</t>
  </si>
  <si>
    <t>旗屋一丁目</t>
  </si>
  <si>
    <t>旗屋二丁目</t>
  </si>
  <si>
    <t>八番一丁目</t>
  </si>
  <si>
    <t>八番二丁目</t>
  </si>
  <si>
    <t>花町</t>
  </si>
  <si>
    <t>花表町</t>
  </si>
  <si>
    <t>比々野町</t>
  </si>
  <si>
    <t>南一番町</t>
  </si>
  <si>
    <t>南八熊町</t>
  </si>
  <si>
    <t>六野一丁目</t>
  </si>
  <si>
    <t>六野二丁目</t>
  </si>
  <si>
    <t>森後町</t>
  </si>
  <si>
    <t>横田一丁目</t>
  </si>
  <si>
    <t>横田二丁目</t>
  </si>
  <si>
    <t>夜寒町</t>
  </si>
  <si>
    <t>四番一丁目</t>
  </si>
  <si>
    <t>四番二丁目</t>
  </si>
  <si>
    <t>六番一丁目</t>
  </si>
  <si>
    <t>六番二丁目</t>
  </si>
  <si>
    <t>六番三丁目</t>
  </si>
  <si>
    <t>中川区</t>
  </si>
  <si>
    <t>愛知町</t>
  </si>
  <si>
    <t>熱田新田東組</t>
  </si>
  <si>
    <t>荒江町</t>
  </si>
  <si>
    <t>荒子町</t>
  </si>
  <si>
    <t>荒子一丁目</t>
  </si>
  <si>
    <t>荒子二丁目</t>
  </si>
  <si>
    <t>荒子四丁目</t>
  </si>
  <si>
    <t>荒子五丁目</t>
  </si>
  <si>
    <t>荒越町</t>
  </si>
  <si>
    <t>荒中町</t>
  </si>
  <si>
    <t>一色新町一丁目</t>
  </si>
  <si>
    <t>一色新町二丁目</t>
  </si>
  <si>
    <t>一色新町三丁目</t>
  </si>
  <si>
    <t>石場町</t>
  </si>
  <si>
    <t>一柳通</t>
  </si>
  <si>
    <t>牛立町</t>
  </si>
  <si>
    <t>打出町</t>
  </si>
  <si>
    <t>打出一丁目</t>
  </si>
  <si>
    <t>打出二丁目</t>
  </si>
  <si>
    <t>打出本町</t>
  </si>
  <si>
    <t>打中一丁目</t>
  </si>
  <si>
    <t>打中二丁目</t>
  </si>
  <si>
    <t>馬手町</t>
  </si>
  <si>
    <t>運河町</t>
  </si>
  <si>
    <t>運河通</t>
  </si>
  <si>
    <t>笈瀬町</t>
  </si>
  <si>
    <t>応仁町</t>
  </si>
  <si>
    <t>大塩町</t>
  </si>
  <si>
    <t>大畑町</t>
  </si>
  <si>
    <t>大山町</t>
  </si>
  <si>
    <t>押元町</t>
  </si>
  <si>
    <t>尾頭橋通</t>
  </si>
  <si>
    <t>尾頭橋一丁目</t>
  </si>
  <si>
    <t>尾頭橋二丁目</t>
  </si>
  <si>
    <t>尾頭橋三丁目</t>
  </si>
  <si>
    <t>尾頭橋四丁目</t>
  </si>
  <si>
    <t>開平町</t>
  </si>
  <si>
    <t>上高畑一丁目</t>
  </si>
  <si>
    <t>上高畑二丁目</t>
  </si>
  <si>
    <t>上流町</t>
  </si>
  <si>
    <t>上脇町</t>
  </si>
  <si>
    <t>北江町</t>
  </si>
  <si>
    <t>清川町</t>
  </si>
  <si>
    <t>清船町</t>
  </si>
  <si>
    <t>吉良町</t>
  </si>
  <si>
    <t>草平町</t>
  </si>
  <si>
    <t>小碓通</t>
  </si>
  <si>
    <t>九重町</t>
  </si>
  <si>
    <t>小城町</t>
  </si>
  <si>
    <t>小塚町</t>
  </si>
  <si>
    <t>小本一丁目</t>
  </si>
  <si>
    <t>小本二丁目</t>
  </si>
  <si>
    <t>小本本町</t>
  </si>
  <si>
    <t>五女子一丁目</t>
  </si>
  <si>
    <t>五女子二丁目</t>
  </si>
  <si>
    <t>五女子町</t>
  </si>
  <si>
    <t>小本三丁目</t>
  </si>
  <si>
    <t>五月通</t>
  </si>
  <si>
    <t>五月南通</t>
  </si>
  <si>
    <t>山王一丁目</t>
  </si>
  <si>
    <t>山王二丁目</t>
  </si>
  <si>
    <t>山王三丁目</t>
  </si>
  <si>
    <t>山王四丁目</t>
  </si>
  <si>
    <t>四女子町</t>
  </si>
  <si>
    <t>篠原橋通</t>
  </si>
  <si>
    <t>下之一色町</t>
  </si>
  <si>
    <t>正徳町</t>
  </si>
  <si>
    <t>松年町</t>
  </si>
  <si>
    <t>昭明町</t>
  </si>
  <si>
    <t>昭和橋通</t>
  </si>
  <si>
    <t>神郷町</t>
  </si>
  <si>
    <t>十一番町</t>
  </si>
  <si>
    <t>十番町</t>
  </si>
  <si>
    <t>澄池町</t>
  </si>
  <si>
    <t>宗円町</t>
  </si>
  <si>
    <t>外新町</t>
  </si>
  <si>
    <t>太平通</t>
  </si>
  <si>
    <t>高杉町</t>
  </si>
  <si>
    <t>高畑一丁目</t>
  </si>
  <si>
    <t>高畑二丁目</t>
  </si>
  <si>
    <t>高畑三丁目</t>
  </si>
  <si>
    <t>高畑四丁目</t>
  </si>
  <si>
    <t>高畑五丁目</t>
  </si>
  <si>
    <t>玉川町</t>
  </si>
  <si>
    <t>玉船町</t>
  </si>
  <si>
    <t>丹後町</t>
  </si>
  <si>
    <t>大当郎一丁目</t>
  </si>
  <si>
    <t>大当郎二丁目</t>
  </si>
  <si>
    <t>大当郎三丁目</t>
  </si>
  <si>
    <t>中京南通</t>
  </si>
  <si>
    <t>中郷一丁目</t>
  </si>
  <si>
    <t>中郷二丁目</t>
  </si>
  <si>
    <t>中郷三丁目</t>
  </si>
  <si>
    <t>中郷四丁目</t>
  </si>
  <si>
    <t>中郷五丁目</t>
  </si>
  <si>
    <t>月島町</t>
  </si>
  <si>
    <t>辻畑町</t>
  </si>
  <si>
    <t>蔦元町</t>
  </si>
  <si>
    <t>土野町</t>
  </si>
  <si>
    <t>露橋町</t>
  </si>
  <si>
    <t>露橋一丁目</t>
  </si>
  <si>
    <t>露橋二丁目</t>
  </si>
  <si>
    <t>富川町</t>
  </si>
  <si>
    <t>富船町</t>
  </si>
  <si>
    <t>中島新町一丁目</t>
  </si>
  <si>
    <t>中島新町二丁目</t>
  </si>
  <si>
    <t>中島新町三丁目</t>
  </si>
  <si>
    <t>中島新町四丁目</t>
  </si>
  <si>
    <t>中須町</t>
  </si>
  <si>
    <t>中野本町</t>
  </si>
  <si>
    <t>中花町</t>
  </si>
  <si>
    <t>長良町</t>
  </si>
  <si>
    <t>西中島一丁目</t>
  </si>
  <si>
    <t>西中島二丁目</t>
  </si>
  <si>
    <t>西日置町</t>
  </si>
  <si>
    <t>西日置二丁目</t>
  </si>
  <si>
    <t>二女子町</t>
  </si>
  <si>
    <t>野田一丁目</t>
  </si>
  <si>
    <t>野田二丁目</t>
  </si>
  <si>
    <t>野田三丁目</t>
  </si>
  <si>
    <t>乗越町</t>
  </si>
  <si>
    <t>葉池町</t>
  </si>
  <si>
    <t>畑田町</t>
  </si>
  <si>
    <t>八剱町</t>
  </si>
  <si>
    <t>八田町</t>
  </si>
  <si>
    <t>八田本町</t>
  </si>
  <si>
    <t>花池町</t>
  </si>
  <si>
    <t>花塚町</t>
  </si>
  <si>
    <t>東起町</t>
  </si>
  <si>
    <t>東中島町</t>
  </si>
  <si>
    <t>平戸町</t>
  </si>
  <si>
    <t>広川町</t>
  </si>
  <si>
    <t>広住町</t>
  </si>
  <si>
    <t>広田町</t>
  </si>
  <si>
    <t>福川町</t>
  </si>
  <si>
    <t>福住町</t>
  </si>
  <si>
    <t>福船町</t>
  </si>
  <si>
    <t>舟戸町</t>
  </si>
  <si>
    <t>豊成町</t>
  </si>
  <si>
    <t>法蔵町</t>
  </si>
  <si>
    <t>細米町</t>
  </si>
  <si>
    <t>法華一丁目</t>
  </si>
  <si>
    <t>法華二丁目</t>
  </si>
  <si>
    <t>法華西町</t>
  </si>
  <si>
    <t>前並町</t>
  </si>
  <si>
    <t>松ノ木町</t>
  </si>
  <si>
    <t>松葉町</t>
  </si>
  <si>
    <t>的場町</t>
  </si>
  <si>
    <t>丸米町</t>
  </si>
  <si>
    <t>万町</t>
  </si>
  <si>
    <t>三ツ池町</t>
  </si>
  <si>
    <t>三ツ屋町</t>
  </si>
  <si>
    <t>南脇町</t>
  </si>
  <si>
    <t>宮脇町</t>
  </si>
  <si>
    <t>明徳町</t>
  </si>
  <si>
    <t>元中野町</t>
  </si>
  <si>
    <t>百船町</t>
  </si>
  <si>
    <t>八神町</t>
  </si>
  <si>
    <t>八熊一丁目</t>
  </si>
  <si>
    <t>八熊二丁目</t>
  </si>
  <si>
    <t>八熊三丁目</t>
  </si>
  <si>
    <t>八熊通</t>
  </si>
  <si>
    <t>八家町</t>
  </si>
  <si>
    <t>柳川町</t>
  </si>
  <si>
    <t>柳島町</t>
  </si>
  <si>
    <t>柳田町</t>
  </si>
  <si>
    <t>柳堀町</t>
  </si>
  <si>
    <t>柳瀬町</t>
  </si>
  <si>
    <t>柳森町</t>
  </si>
  <si>
    <t>八幡本通</t>
  </si>
  <si>
    <t>横堀町</t>
  </si>
  <si>
    <t>好本町</t>
  </si>
  <si>
    <t>若山町</t>
  </si>
  <si>
    <t>榎津西町</t>
  </si>
  <si>
    <t>榎松町</t>
  </si>
  <si>
    <t>江松一丁目</t>
  </si>
  <si>
    <t>江松二丁目</t>
  </si>
  <si>
    <t>江松三丁目</t>
  </si>
  <si>
    <t>江松四丁目</t>
  </si>
  <si>
    <t>江松五丁目</t>
  </si>
  <si>
    <t>かの里一丁目</t>
  </si>
  <si>
    <t>かの里二丁目</t>
  </si>
  <si>
    <t>かの里三丁目</t>
  </si>
  <si>
    <t>供米田一丁目</t>
  </si>
  <si>
    <t>供米田二丁目</t>
  </si>
  <si>
    <t>供米田三丁目</t>
  </si>
  <si>
    <t>島井町</t>
  </si>
  <si>
    <t>助光一丁目</t>
  </si>
  <si>
    <t>助光二丁目</t>
  </si>
  <si>
    <t>助光三丁目</t>
  </si>
  <si>
    <t>大地</t>
  </si>
  <si>
    <t>戸田一丁目</t>
  </si>
  <si>
    <t>戸田二丁目</t>
  </si>
  <si>
    <t>戸田三丁目</t>
  </si>
  <si>
    <t>戸田四丁目</t>
  </si>
  <si>
    <t>戸田五丁目</t>
  </si>
  <si>
    <t>戸田西一丁目</t>
  </si>
  <si>
    <t>戸田西二丁目</t>
  </si>
  <si>
    <t>戸田西三丁目</t>
  </si>
  <si>
    <t>戸田ゆたか一丁目</t>
  </si>
  <si>
    <t>戸田ゆたか二丁目</t>
  </si>
  <si>
    <t>富田町大字包里</t>
  </si>
  <si>
    <t>富田町大字供米田</t>
  </si>
  <si>
    <t>富田町大字千音寺</t>
  </si>
  <si>
    <t>富田町大字服部</t>
  </si>
  <si>
    <t>富田町大字前田</t>
  </si>
  <si>
    <t>富田町大字榎津</t>
  </si>
  <si>
    <t>富永一丁目</t>
  </si>
  <si>
    <t>富永二丁目</t>
  </si>
  <si>
    <t>富永三丁目</t>
  </si>
  <si>
    <t>富永四丁目</t>
  </si>
  <si>
    <t>戸田明正一丁目</t>
  </si>
  <si>
    <t>戸田明正二丁目</t>
  </si>
  <si>
    <t>戸田明正三丁目</t>
  </si>
  <si>
    <t>長須賀二丁目</t>
  </si>
  <si>
    <t>長須賀三丁目</t>
  </si>
  <si>
    <t>西伏屋一丁目</t>
  </si>
  <si>
    <t>西伏屋二丁目</t>
  </si>
  <si>
    <t>西伏屋三丁目</t>
  </si>
  <si>
    <t>新家一丁目</t>
  </si>
  <si>
    <t>新家二丁目</t>
  </si>
  <si>
    <t>新家三丁目</t>
  </si>
  <si>
    <t>服部一丁目</t>
  </si>
  <si>
    <t>服部二丁目</t>
  </si>
  <si>
    <t>服部三丁目</t>
  </si>
  <si>
    <t>服部四丁目</t>
  </si>
  <si>
    <t>服部五丁目</t>
  </si>
  <si>
    <t>春田一丁目</t>
  </si>
  <si>
    <t>春田二丁目</t>
  </si>
  <si>
    <t>春田三丁目</t>
  </si>
  <si>
    <t>春田四丁目</t>
  </si>
  <si>
    <t>春田五丁目</t>
  </si>
  <si>
    <t>東かの里町</t>
  </si>
  <si>
    <t>東春田一丁目</t>
  </si>
  <si>
    <t>東春田二丁目</t>
  </si>
  <si>
    <t>東春田三丁目</t>
  </si>
  <si>
    <t>七反田町</t>
  </si>
  <si>
    <t>福島一丁目</t>
  </si>
  <si>
    <t>福島二丁目</t>
  </si>
  <si>
    <t>福島三丁目</t>
  </si>
  <si>
    <t>伏屋一丁目</t>
  </si>
  <si>
    <t>伏屋二丁目</t>
  </si>
  <si>
    <t>伏屋三丁目</t>
  </si>
  <si>
    <t>伏屋四丁目</t>
  </si>
  <si>
    <t>伏屋五丁目</t>
  </si>
  <si>
    <t>本前田町</t>
  </si>
  <si>
    <t>前田西町一丁目</t>
  </si>
  <si>
    <t>前田西町二丁目</t>
  </si>
  <si>
    <t>前田西町三丁目</t>
  </si>
  <si>
    <t>万場一丁目</t>
  </si>
  <si>
    <t>万場二丁目</t>
  </si>
  <si>
    <t>万場三丁目</t>
  </si>
  <si>
    <t>万場四丁目</t>
  </si>
  <si>
    <t>万場五丁目</t>
  </si>
  <si>
    <t>水里一丁目</t>
  </si>
  <si>
    <t>水里二丁目</t>
  </si>
  <si>
    <t>水里三丁目</t>
  </si>
  <si>
    <t>水里四丁目</t>
  </si>
  <si>
    <t>水里五丁目</t>
  </si>
  <si>
    <t>吉津一丁目</t>
  </si>
  <si>
    <t>吉津二丁目</t>
  </si>
  <si>
    <t>吉津三丁目</t>
  </si>
  <si>
    <t>吉津四丁目</t>
  </si>
  <si>
    <t>吉津五丁目</t>
  </si>
  <si>
    <t>港区</t>
  </si>
  <si>
    <t>油屋町</t>
  </si>
  <si>
    <t>惟信町</t>
  </si>
  <si>
    <t>稲永一丁目</t>
  </si>
  <si>
    <t>稲永二丁目</t>
  </si>
  <si>
    <t>稲永三丁目</t>
  </si>
  <si>
    <t>稲永四丁目</t>
  </si>
  <si>
    <t>稲永五丁目</t>
  </si>
  <si>
    <t>入場町</t>
  </si>
  <si>
    <t>入場一丁目</t>
  </si>
  <si>
    <t>入場二丁目</t>
  </si>
  <si>
    <t>入船一丁目</t>
  </si>
  <si>
    <t>入船二丁目</t>
  </si>
  <si>
    <t>いろは町</t>
  </si>
  <si>
    <t>遠若町</t>
  </si>
  <si>
    <t>小碓一丁目</t>
  </si>
  <si>
    <t>小碓二丁目</t>
  </si>
  <si>
    <t>小碓三丁目</t>
  </si>
  <si>
    <t>小碓四丁目</t>
  </si>
  <si>
    <t>小碓町</t>
  </si>
  <si>
    <t>大江町</t>
  </si>
  <si>
    <t>大手町</t>
  </si>
  <si>
    <t>金川町</t>
  </si>
  <si>
    <t>金船町</t>
  </si>
  <si>
    <t>河口町</t>
  </si>
  <si>
    <t>川西通</t>
  </si>
  <si>
    <t>川間町</t>
  </si>
  <si>
    <t>寛政町</t>
  </si>
  <si>
    <t>木場町</t>
  </si>
  <si>
    <t>九番町</t>
  </si>
  <si>
    <t>港栄一丁目</t>
  </si>
  <si>
    <t>港栄二丁目</t>
  </si>
  <si>
    <t>港栄三丁目</t>
  </si>
  <si>
    <t>港栄四丁目</t>
  </si>
  <si>
    <t>港北町</t>
  </si>
  <si>
    <t>港明一丁目</t>
  </si>
  <si>
    <t>港明二丁目</t>
  </si>
  <si>
    <t>港陽一丁目</t>
  </si>
  <si>
    <t>港陽二丁目</t>
  </si>
  <si>
    <t>港陽三丁目</t>
  </si>
  <si>
    <t>港楽一丁目</t>
  </si>
  <si>
    <t>港楽二丁目</t>
  </si>
  <si>
    <t>港楽三丁目</t>
  </si>
  <si>
    <t>小割通</t>
  </si>
  <si>
    <t>幸町</t>
  </si>
  <si>
    <t>魁町</t>
  </si>
  <si>
    <t>作倉町</t>
  </si>
  <si>
    <t>佐野町</t>
  </si>
  <si>
    <t>潮凪町</t>
  </si>
  <si>
    <t>潮見町</t>
  </si>
  <si>
    <t>七番町</t>
  </si>
  <si>
    <t>品川町</t>
  </si>
  <si>
    <t>正保町</t>
  </si>
  <si>
    <t>昭和町</t>
  </si>
  <si>
    <t>新川町</t>
  </si>
  <si>
    <t>新船町</t>
  </si>
  <si>
    <t>十一屋一丁目</t>
  </si>
  <si>
    <t>十一屋二丁目</t>
  </si>
  <si>
    <t>十一屋三丁目</t>
  </si>
  <si>
    <t>十一屋町</t>
  </si>
  <si>
    <t>神宮寺一丁目</t>
  </si>
  <si>
    <t>神宮寺二丁目</t>
  </si>
  <si>
    <t>甚兵衛通</t>
  </si>
  <si>
    <t>砂美町</t>
  </si>
  <si>
    <t>須成町</t>
  </si>
  <si>
    <t>善進町</t>
  </si>
  <si>
    <t>善進本町</t>
  </si>
  <si>
    <t>善南町</t>
  </si>
  <si>
    <t>善北町</t>
  </si>
  <si>
    <t>空見町</t>
  </si>
  <si>
    <t>泰明町</t>
  </si>
  <si>
    <t>高木町</t>
  </si>
  <si>
    <t>多加良浦町</t>
  </si>
  <si>
    <t>辰巳町</t>
  </si>
  <si>
    <t>築三町</t>
  </si>
  <si>
    <t>築盛町</t>
  </si>
  <si>
    <t>千年三丁目</t>
  </si>
  <si>
    <t>千鳥一丁目</t>
  </si>
  <si>
    <t>千鳥二丁目</t>
  </si>
  <si>
    <t>津金一丁目</t>
  </si>
  <si>
    <t>津金二丁目</t>
  </si>
  <si>
    <t>東海通</t>
  </si>
  <si>
    <t>当知町</t>
  </si>
  <si>
    <t>当知一丁目</t>
  </si>
  <si>
    <t>当知二丁目</t>
  </si>
  <si>
    <t>当知三丁目</t>
  </si>
  <si>
    <t>当知四丁目</t>
  </si>
  <si>
    <t>土古町</t>
  </si>
  <si>
    <t>中川本町</t>
  </si>
  <si>
    <t>中之島通</t>
  </si>
  <si>
    <t>西川町</t>
  </si>
  <si>
    <t>錦町</t>
  </si>
  <si>
    <t>西倉町</t>
  </si>
  <si>
    <t>野跡一丁目</t>
  </si>
  <si>
    <t>野跡二丁目</t>
  </si>
  <si>
    <t>野跡三丁目</t>
  </si>
  <si>
    <t>野跡四丁目</t>
  </si>
  <si>
    <t>野跡五丁目</t>
  </si>
  <si>
    <t>浜一丁目</t>
  </si>
  <si>
    <t>浜二丁目</t>
  </si>
  <si>
    <t>東築地町</t>
  </si>
  <si>
    <t>東土古町</t>
  </si>
  <si>
    <t>船見町</t>
  </si>
  <si>
    <t>宝神町</t>
  </si>
  <si>
    <t>宝神一丁目</t>
  </si>
  <si>
    <t>宝神二丁目</t>
  </si>
  <si>
    <t>宝神三丁目</t>
  </si>
  <si>
    <t>宝神四丁目</t>
  </si>
  <si>
    <t>宝神五丁目</t>
  </si>
  <si>
    <t>本宮町</t>
  </si>
  <si>
    <t>本宮新町</t>
  </si>
  <si>
    <t>丸池町</t>
  </si>
  <si>
    <t>南十一番町</t>
  </si>
  <si>
    <t>南十番町</t>
  </si>
  <si>
    <t>名港一丁目</t>
  </si>
  <si>
    <t>名港二丁目</t>
  </si>
  <si>
    <t>名四町</t>
  </si>
  <si>
    <t>明正一丁目</t>
  </si>
  <si>
    <t>明正二丁目</t>
  </si>
  <si>
    <t>本星崎町</t>
  </si>
  <si>
    <t>龍宮町</t>
  </si>
  <si>
    <t>秋葉一丁目</t>
  </si>
  <si>
    <t>秋葉二丁目</t>
  </si>
  <si>
    <t>秋葉三丁目</t>
  </si>
  <si>
    <t>大西一丁目</t>
  </si>
  <si>
    <t>大西二丁目</t>
  </si>
  <si>
    <t>大西三丁目</t>
  </si>
  <si>
    <t>小川一丁目</t>
  </si>
  <si>
    <t>小川二丁目</t>
  </si>
  <si>
    <t>小川三丁目</t>
  </si>
  <si>
    <t>小川四丁目</t>
  </si>
  <si>
    <t>川園一丁目</t>
  </si>
  <si>
    <t>川園二丁目</t>
  </si>
  <si>
    <t>川園三丁目</t>
  </si>
  <si>
    <t>協和一丁目</t>
  </si>
  <si>
    <t>協和二丁目</t>
  </si>
  <si>
    <t>小賀須一丁目</t>
  </si>
  <si>
    <t>小賀須二丁目</t>
  </si>
  <si>
    <t>小賀須三丁目</t>
  </si>
  <si>
    <t>小賀須四丁目</t>
  </si>
  <si>
    <t>七反野一丁目</t>
  </si>
  <si>
    <t>七反野二丁目</t>
  </si>
  <si>
    <t>新茶屋一丁目</t>
  </si>
  <si>
    <t>新茶屋二丁目</t>
  </si>
  <si>
    <t>新茶屋三丁目</t>
  </si>
  <si>
    <t>新茶屋四丁目</t>
  </si>
  <si>
    <t>新茶屋五丁目</t>
  </si>
  <si>
    <t>船頭場一丁目</t>
  </si>
  <si>
    <t>船頭場二丁目</t>
  </si>
  <si>
    <t>船頭場三丁目</t>
  </si>
  <si>
    <t>船頭場四丁目</t>
  </si>
  <si>
    <t>船頭場五丁目</t>
  </si>
  <si>
    <t>知多一丁目</t>
  </si>
  <si>
    <t>知多二丁目</t>
  </si>
  <si>
    <t>知多三丁目</t>
  </si>
  <si>
    <t>寺前町</t>
  </si>
  <si>
    <t>天目町</t>
  </si>
  <si>
    <t>七島一丁目</t>
  </si>
  <si>
    <t>七島二丁目</t>
  </si>
  <si>
    <t>南陽町大字福田</t>
  </si>
  <si>
    <t>西蟹田</t>
  </si>
  <si>
    <t>西茶屋一丁目</t>
  </si>
  <si>
    <t>西茶屋三丁目</t>
  </si>
  <si>
    <t>西茶屋四丁目</t>
  </si>
  <si>
    <t>西福田一丁目</t>
  </si>
  <si>
    <t>西福田二丁目</t>
  </si>
  <si>
    <t>西福田三丁目</t>
  </si>
  <si>
    <t>西福田四丁目</t>
  </si>
  <si>
    <t>西福田五丁目</t>
  </si>
  <si>
    <t>八百島一丁目</t>
  </si>
  <si>
    <t>八百島二丁目</t>
  </si>
  <si>
    <t>春田野一丁目</t>
  </si>
  <si>
    <t>春田野二丁目</t>
  </si>
  <si>
    <t>春田野三丁目</t>
  </si>
  <si>
    <t>畑中一丁目</t>
  </si>
  <si>
    <t>畑中二丁目</t>
  </si>
  <si>
    <t>東蟹田</t>
  </si>
  <si>
    <t>東茶屋一丁目</t>
  </si>
  <si>
    <t>東茶屋二丁目</t>
  </si>
  <si>
    <t>東茶屋三丁目</t>
  </si>
  <si>
    <t>東茶屋四丁目</t>
  </si>
  <si>
    <t>福田一丁目</t>
  </si>
  <si>
    <t>福田二丁目</t>
  </si>
  <si>
    <t>福屋一丁目</t>
  </si>
  <si>
    <t>福屋二丁目</t>
  </si>
  <si>
    <t>藤高一丁目</t>
  </si>
  <si>
    <t>藤高二丁目</t>
  </si>
  <si>
    <t>藤高三丁目</t>
  </si>
  <si>
    <t>藤高四丁目</t>
  </si>
  <si>
    <t>藤高五丁目</t>
  </si>
  <si>
    <t>藤前一丁目</t>
  </si>
  <si>
    <t>藤前二丁目</t>
  </si>
  <si>
    <t>藤前三丁目</t>
  </si>
  <si>
    <t>藤前四丁目</t>
  </si>
  <si>
    <t>藤前五丁目</t>
  </si>
  <si>
    <t>福前一丁目</t>
  </si>
  <si>
    <t>福前二丁目</t>
  </si>
  <si>
    <t>六軒家</t>
  </si>
  <si>
    <t>南区</t>
  </si>
  <si>
    <t>赤坪町</t>
  </si>
  <si>
    <t>阿原町</t>
  </si>
  <si>
    <t>荒浜町</t>
  </si>
  <si>
    <t>石元町</t>
  </si>
  <si>
    <t>岩戸町</t>
  </si>
  <si>
    <t>内田橋一丁目</t>
  </si>
  <si>
    <t>内田橋二丁目</t>
  </si>
  <si>
    <t>扇田町</t>
  </si>
  <si>
    <t>大磯通</t>
  </si>
  <si>
    <t>大堀町</t>
  </si>
  <si>
    <t>貝塚町</t>
  </si>
  <si>
    <t>駈上一丁目</t>
  </si>
  <si>
    <t>駈上二丁目</t>
  </si>
  <si>
    <t>笠寺町</t>
  </si>
  <si>
    <t>春日野町</t>
  </si>
  <si>
    <t>粕畠町</t>
  </si>
  <si>
    <t>霞町</t>
  </si>
  <si>
    <t>要町</t>
  </si>
  <si>
    <t>加福町</t>
  </si>
  <si>
    <t>加福本通</t>
  </si>
  <si>
    <t>上浜町</t>
  </si>
  <si>
    <t>神松町</t>
  </si>
  <si>
    <t>観音町</t>
  </si>
  <si>
    <t>菊住一丁目</t>
  </si>
  <si>
    <t>菊住二丁目</t>
  </si>
  <si>
    <t>北内町</t>
  </si>
  <si>
    <t>北頭町</t>
  </si>
  <si>
    <t>楠町</t>
  </si>
  <si>
    <t>源兵衛町</t>
  </si>
  <si>
    <t>港東通</t>
  </si>
  <si>
    <t>五条町</t>
  </si>
  <si>
    <t>柵下町</t>
  </si>
  <si>
    <t>桜台一丁目</t>
  </si>
  <si>
    <t>桜台二丁目</t>
  </si>
  <si>
    <t>桜本町</t>
  </si>
  <si>
    <t>三条一丁目</t>
  </si>
  <si>
    <t>三条二丁目</t>
  </si>
  <si>
    <t>汐田町</t>
  </si>
  <si>
    <t>塩屋町</t>
  </si>
  <si>
    <t>七条町</t>
  </si>
  <si>
    <t>芝町</t>
  </si>
  <si>
    <t>柴田町</t>
  </si>
  <si>
    <t>柴田本通</t>
  </si>
  <si>
    <t>城下町</t>
  </si>
  <si>
    <t>砂口町</t>
  </si>
  <si>
    <t>泉楽通</t>
  </si>
  <si>
    <t>曽池町</t>
  </si>
  <si>
    <t>外山一丁目</t>
  </si>
  <si>
    <t>外山二丁目</t>
  </si>
  <si>
    <t>鯛取通</t>
  </si>
  <si>
    <t>滝春町</t>
  </si>
  <si>
    <t>立脇町</t>
  </si>
  <si>
    <t>丹後通</t>
  </si>
  <si>
    <t>大同町</t>
  </si>
  <si>
    <t>千竃通</t>
  </si>
  <si>
    <t>忠次一丁目</t>
  </si>
  <si>
    <t>忠次二丁目</t>
  </si>
  <si>
    <t>堤町</t>
  </si>
  <si>
    <t>堤起町</t>
  </si>
  <si>
    <t>鶴里町</t>
  </si>
  <si>
    <t>鶴田一丁目</t>
  </si>
  <si>
    <t>鶴田二丁目</t>
  </si>
  <si>
    <t>鶴見通</t>
  </si>
  <si>
    <t>寺崎町</t>
  </si>
  <si>
    <t>寺部通</t>
  </si>
  <si>
    <t>天白町</t>
  </si>
  <si>
    <t>戸部町</t>
  </si>
  <si>
    <t>豊田町</t>
  </si>
  <si>
    <t>豊田一丁目</t>
  </si>
  <si>
    <t>豊田二丁目</t>
  </si>
  <si>
    <t>鳥栖一丁目</t>
  </si>
  <si>
    <t>鳥栖二丁目</t>
  </si>
  <si>
    <t>鳥山町</t>
  </si>
  <si>
    <t>道全町</t>
  </si>
  <si>
    <t>道徳通</t>
  </si>
  <si>
    <t>道徳北町</t>
  </si>
  <si>
    <t>道徳新町</t>
  </si>
  <si>
    <t>戸部下一丁目</t>
  </si>
  <si>
    <t>戸部下二丁目</t>
  </si>
  <si>
    <t>豊田三丁目</t>
  </si>
  <si>
    <t>豊田四丁目</t>
  </si>
  <si>
    <t>豊田五丁目</t>
  </si>
  <si>
    <t>中江一丁目</t>
  </si>
  <si>
    <t>中江二丁目</t>
  </si>
  <si>
    <t>中割町</t>
  </si>
  <si>
    <t>鳴尾町</t>
  </si>
  <si>
    <t>鳴尾一丁目</t>
  </si>
  <si>
    <t>鳴尾二丁目</t>
  </si>
  <si>
    <t>鳴浜町</t>
  </si>
  <si>
    <t>南陽通</t>
  </si>
  <si>
    <t>西桜町</t>
  </si>
  <si>
    <t>西田町</t>
  </si>
  <si>
    <t>西又兵ヱ町</t>
  </si>
  <si>
    <t>白雲町</t>
  </si>
  <si>
    <t>白水町</t>
  </si>
  <si>
    <t>浜田町</t>
  </si>
  <si>
    <t>浜中町</t>
  </si>
  <si>
    <t>東又兵ヱ町</t>
  </si>
  <si>
    <t>氷室町</t>
  </si>
  <si>
    <t>平子一丁目</t>
  </si>
  <si>
    <t>平子二丁目</t>
  </si>
  <si>
    <t>宝生町</t>
  </si>
  <si>
    <t>星崎町</t>
  </si>
  <si>
    <t>星崎一丁目</t>
  </si>
  <si>
    <t>星崎二丁目</t>
  </si>
  <si>
    <t>星園町</t>
  </si>
  <si>
    <t>星宮町</t>
  </si>
  <si>
    <t>本地通</t>
  </si>
  <si>
    <t>本城町</t>
  </si>
  <si>
    <t>前浜通</t>
  </si>
  <si>
    <t>松池町</t>
  </si>
  <si>
    <t>松下町</t>
  </si>
  <si>
    <t>松城町</t>
  </si>
  <si>
    <t>南野一丁目</t>
  </si>
  <si>
    <t>南野二丁目</t>
  </si>
  <si>
    <t>南野三丁目</t>
  </si>
  <si>
    <t>見晴町</t>
  </si>
  <si>
    <t>明円町</t>
  </si>
  <si>
    <t>三吉町</t>
  </si>
  <si>
    <t>明治一丁目</t>
  </si>
  <si>
    <t>明治二丁目</t>
  </si>
  <si>
    <t>元桜田町</t>
  </si>
  <si>
    <t>元塩町</t>
  </si>
  <si>
    <t>元柴田西町</t>
  </si>
  <si>
    <t>元柴田東町</t>
  </si>
  <si>
    <t>元鳴尾町</t>
  </si>
  <si>
    <t>薬師通</t>
  </si>
  <si>
    <t>弥次ヱ町</t>
  </si>
  <si>
    <t>弥生町</t>
  </si>
  <si>
    <t>豊一丁目</t>
  </si>
  <si>
    <t>豊二丁目</t>
  </si>
  <si>
    <t>豊三丁目</t>
  </si>
  <si>
    <t>豊四丁目</t>
  </si>
  <si>
    <t>呼続町</t>
  </si>
  <si>
    <t>呼続一丁目</t>
  </si>
  <si>
    <t>呼続二丁目</t>
  </si>
  <si>
    <t>呼続三丁目</t>
  </si>
  <si>
    <t>呼続四丁目</t>
  </si>
  <si>
    <t>呼続五丁目</t>
  </si>
  <si>
    <t>呼続元町</t>
  </si>
  <si>
    <t>六条町</t>
  </si>
  <si>
    <t>若草町</t>
  </si>
  <si>
    <t>守山区</t>
  </si>
  <si>
    <t>天子田一丁目</t>
  </si>
  <si>
    <t>天子田二丁目</t>
  </si>
  <si>
    <t>天子田三丁目</t>
  </si>
  <si>
    <t>天子田四丁目</t>
  </si>
  <si>
    <t>今尻町</t>
  </si>
  <si>
    <t>市場</t>
  </si>
  <si>
    <t>大森八龍一丁目</t>
  </si>
  <si>
    <t>大森八龍二丁目</t>
  </si>
  <si>
    <t>大牧町</t>
  </si>
  <si>
    <t>大森一丁目</t>
  </si>
  <si>
    <t>大森二丁目</t>
  </si>
  <si>
    <t>大森三丁目</t>
  </si>
  <si>
    <t>大森四丁目</t>
  </si>
  <si>
    <t>大森五丁目</t>
  </si>
  <si>
    <t>大屋敷</t>
  </si>
  <si>
    <t>小幡一丁目</t>
  </si>
  <si>
    <t>小幡二丁目</t>
  </si>
  <si>
    <t>小幡三丁目</t>
  </si>
  <si>
    <t>小幡四丁目</t>
  </si>
  <si>
    <t>小幡五丁目</t>
  </si>
  <si>
    <t>小幡中一丁目</t>
  </si>
  <si>
    <t>小幡中二丁目</t>
  </si>
  <si>
    <t>小幡中三丁目</t>
  </si>
  <si>
    <t>小幡太田</t>
  </si>
  <si>
    <t>小幡千代田</t>
  </si>
  <si>
    <t>小幡宮ノ腰</t>
  </si>
  <si>
    <t>太田井</t>
  </si>
  <si>
    <t>大谷町</t>
  </si>
  <si>
    <t>小幡常燈</t>
  </si>
  <si>
    <t>小幡南一丁目</t>
  </si>
  <si>
    <t>小幡南二丁目</t>
  </si>
  <si>
    <t>小幡南三丁目</t>
  </si>
  <si>
    <t>小幡北</t>
  </si>
  <si>
    <t>大森北一丁目</t>
  </si>
  <si>
    <t>大森北二丁目</t>
  </si>
  <si>
    <t>金屋一丁目</t>
  </si>
  <si>
    <t>金屋二丁目</t>
  </si>
  <si>
    <t>川上町</t>
  </si>
  <si>
    <t>川北町</t>
  </si>
  <si>
    <t>川宮町</t>
  </si>
  <si>
    <t>川村町</t>
  </si>
  <si>
    <t>川東山</t>
  </si>
  <si>
    <t>川西一丁目</t>
  </si>
  <si>
    <t>川西二丁目</t>
  </si>
  <si>
    <t>喜多山南</t>
  </si>
  <si>
    <t>喜多山一丁目</t>
  </si>
  <si>
    <t>喜多山二丁目</t>
  </si>
  <si>
    <t>小六町</t>
  </si>
  <si>
    <t>幸心一丁目</t>
  </si>
  <si>
    <t>幸心二丁目</t>
  </si>
  <si>
    <t>幸心三丁目</t>
  </si>
  <si>
    <t>幸心四丁目</t>
  </si>
  <si>
    <t>御膳洞</t>
  </si>
  <si>
    <t>更屋敷</t>
  </si>
  <si>
    <t>四軒家一丁目</t>
  </si>
  <si>
    <t>四軒家二丁目</t>
  </si>
  <si>
    <t>白沢町</t>
  </si>
  <si>
    <t>城土町</t>
  </si>
  <si>
    <t>新城</t>
  </si>
  <si>
    <t>新守町</t>
  </si>
  <si>
    <t>城南町</t>
  </si>
  <si>
    <t>新守西</t>
  </si>
  <si>
    <t>新守山</t>
  </si>
  <si>
    <t>翠松園一丁目</t>
  </si>
  <si>
    <t>翠松園二丁目</t>
  </si>
  <si>
    <t>翠松園三丁目</t>
  </si>
  <si>
    <t>瀬古一丁目</t>
  </si>
  <si>
    <t>瀬古二丁目</t>
  </si>
  <si>
    <t>瀬古三丁目</t>
  </si>
  <si>
    <t>瀬古東一丁目</t>
  </si>
  <si>
    <t>瀬古東二丁目</t>
  </si>
  <si>
    <t>瀬古東三丁目</t>
  </si>
  <si>
    <t>高島町</t>
  </si>
  <si>
    <t>大永寺町</t>
  </si>
  <si>
    <t>茶臼前</t>
  </si>
  <si>
    <t>長栄</t>
  </si>
  <si>
    <t>鳥神町</t>
  </si>
  <si>
    <t>鳥羽見一丁目</t>
  </si>
  <si>
    <t>鳥羽見二丁目</t>
  </si>
  <si>
    <t>鳥羽見三丁目</t>
  </si>
  <si>
    <t>中新</t>
  </si>
  <si>
    <t>永森町</t>
  </si>
  <si>
    <t>苗代一丁目</t>
  </si>
  <si>
    <t>苗代二丁目</t>
  </si>
  <si>
    <t>西川原町</t>
  </si>
  <si>
    <t>西城一丁目</t>
  </si>
  <si>
    <t>西城二丁目</t>
  </si>
  <si>
    <t>西新</t>
  </si>
  <si>
    <t>西島町</t>
  </si>
  <si>
    <t>廿軒家</t>
  </si>
  <si>
    <t>白山一丁目</t>
  </si>
  <si>
    <t>白山二丁目</t>
  </si>
  <si>
    <t>白山三丁目</t>
  </si>
  <si>
    <t>白山四丁目</t>
  </si>
  <si>
    <t>原境町</t>
  </si>
  <si>
    <t>八反</t>
  </si>
  <si>
    <t>東山町</t>
  </si>
  <si>
    <t>菱池町</t>
  </si>
  <si>
    <t>弁天が丘</t>
  </si>
  <si>
    <t>本地が丘</t>
  </si>
  <si>
    <t>松坂町</t>
  </si>
  <si>
    <t>町北</t>
  </si>
  <si>
    <t>町南</t>
  </si>
  <si>
    <t>緑ヶ丘</t>
  </si>
  <si>
    <t>向台一丁目</t>
  </si>
  <si>
    <t>向台二丁目</t>
  </si>
  <si>
    <t>向台三丁目</t>
  </si>
  <si>
    <t>村合町</t>
  </si>
  <si>
    <t>村前町</t>
  </si>
  <si>
    <t>元郷一丁目</t>
  </si>
  <si>
    <t>元郷二丁目</t>
  </si>
  <si>
    <t>森孝一丁目</t>
  </si>
  <si>
    <t>森孝二丁目</t>
  </si>
  <si>
    <t>森孝三丁目</t>
  </si>
  <si>
    <t>森孝四丁目</t>
  </si>
  <si>
    <t>森孝東一丁目</t>
  </si>
  <si>
    <t>森孝東二丁目</t>
  </si>
  <si>
    <t>守牧町</t>
  </si>
  <si>
    <t>森宮町</t>
  </si>
  <si>
    <t>守山一丁目</t>
  </si>
  <si>
    <t>守山二丁目</t>
  </si>
  <si>
    <t>守山三丁目</t>
  </si>
  <si>
    <t>八剣一丁目</t>
  </si>
  <si>
    <t>八剣二丁目</t>
  </si>
  <si>
    <t>薮田町</t>
  </si>
  <si>
    <t>野萩町</t>
  </si>
  <si>
    <t>竜泉寺一丁目</t>
  </si>
  <si>
    <t>竜泉寺二丁目</t>
  </si>
  <si>
    <t>脇田町</t>
  </si>
  <si>
    <t>青葉台</t>
  </si>
  <si>
    <t>青山台</t>
  </si>
  <si>
    <t>泉が丘</t>
  </si>
  <si>
    <t>大字上志段味</t>
  </si>
  <si>
    <t>大字吉根</t>
  </si>
  <si>
    <t>桔梗平一丁目</t>
  </si>
  <si>
    <t>桔梗平二丁目</t>
  </si>
  <si>
    <t>桔梗平三丁目</t>
  </si>
  <si>
    <t>吉根一丁目</t>
  </si>
  <si>
    <t>吉根二丁目</t>
  </si>
  <si>
    <t>吉根三丁目</t>
  </si>
  <si>
    <t>吉根南</t>
  </si>
  <si>
    <t>笹ヶ根一丁目</t>
  </si>
  <si>
    <t>笹ヶ根二丁目</t>
  </si>
  <si>
    <t>笹ヶ根三丁目</t>
  </si>
  <si>
    <t>大字下志段味</t>
  </si>
  <si>
    <t>鼓が丘一丁目</t>
  </si>
  <si>
    <t>鼓が丘二丁目</t>
  </si>
  <si>
    <t>大字中志段味</t>
  </si>
  <si>
    <t>花咲台一丁目</t>
  </si>
  <si>
    <t>花咲台二丁目</t>
  </si>
  <si>
    <t>日の後</t>
  </si>
  <si>
    <t>平池東</t>
  </si>
  <si>
    <t>深沢一丁目</t>
  </si>
  <si>
    <t>深沢二丁目</t>
  </si>
  <si>
    <t>百合が丘</t>
  </si>
  <si>
    <t>緑区</t>
  </si>
  <si>
    <t>相原郷二丁目</t>
  </si>
  <si>
    <t>青山一丁目</t>
  </si>
  <si>
    <t>青山二丁目</t>
  </si>
  <si>
    <t>青山三丁目</t>
  </si>
  <si>
    <t>旭出一丁目</t>
  </si>
  <si>
    <t>旭出二丁目</t>
  </si>
  <si>
    <t>旭出三丁目</t>
  </si>
  <si>
    <t>有松町大字有松</t>
  </si>
  <si>
    <t>有松町大字桶狭間</t>
  </si>
  <si>
    <t>相原郷一丁目</t>
  </si>
  <si>
    <t>有松</t>
  </si>
  <si>
    <t>有松愛宕</t>
  </si>
  <si>
    <t>有松三丁山</t>
  </si>
  <si>
    <t>有松南</t>
  </si>
  <si>
    <t>青山四丁目</t>
  </si>
  <si>
    <t>池上台三丁目</t>
  </si>
  <si>
    <t>有松幕山</t>
  </si>
  <si>
    <t>浦里一丁目</t>
  </si>
  <si>
    <t>浦里二丁目</t>
  </si>
  <si>
    <t>浦里三丁目</t>
  </si>
  <si>
    <t>浦里四丁目</t>
  </si>
  <si>
    <t>浦里五丁目</t>
  </si>
  <si>
    <t>漆山</t>
  </si>
  <si>
    <t>姥子山一丁目</t>
  </si>
  <si>
    <t>姥子山二丁目</t>
  </si>
  <si>
    <t>姥子山三丁目</t>
  </si>
  <si>
    <t>姥子山四丁目</t>
  </si>
  <si>
    <t>姥子山五丁目</t>
  </si>
  <si>
    <t>大高町</t>
  </si>
  <si>
    <t>大高台一丁目</t>
  </si>
  <si>
    <t>大高台二丁目</t>
  </si>
  <si>
    <t>桶狭間北二丁目</t>
  </si>
  <si>
    <t>桶狭間北三丁目</t>
  </si>
  <si>
    <t>尾崎山一丁目</t>
  </si>
  <si>
    <t>尾崎山二丁目</t>
  </si>
  <si>
    <t>大形山</t>
  </si>
  <si>
    <t>大高台三丁目</t>
  </si>
  <si>
    <t>大根山一丁目</t>
  </si>
  <si>
    <t>大根山二丁目</t>
  </si>
  <si>
    <t>桶狭間切戸</t>
  </si>
  <si>
    <t>桶狭間清水山</t>
  </si>
  <si>
    <t>桶狭間神明</t>
  </si>
  <si>
    <t>桶狭間森前</t>
  </si>
  <si>
    <t>桶狭間</t>
  </si>
  <si>
    <t>桶狭間上の山</t>
  </si>
  <si>
    <t>桶狭間南</t>
  </si>
  <si>
    <t>桶狭間西</t>
  </si>
  <si>
    <t>桶狭間巻山</t>
  </si>
  <si>
    <t>倉坂</t>
  </si>
  <si>
    <t>境松一丁目</t>
  </si>
  <si>
    <t>境松二丁目</t>
  </si>
  <si>
    <t>左京山</t>
  </si>
  <si>
    <t>作の山町</t>
  </si>
  <si>
    <t>潮見が丘一丁目</t>
  </si>
  <si>
    <t>潮見が丘二丁目</t>
  </si>
  <si>
    <t>潮見が丘三丁目</t>
  </si>
  <si>
    <t>鹿山一丁目</t>
  </si>
  <si>
    <t>鹿山二丁目</t>
  </si>
  <si>
    <t>鹿山三丁目</t>
  </si>
  <si>
    <t>四本木</t>
  </si>
  <si>
    <t>清水山一丁目</t>
  </si>
  <si>
    <t>清水山二丁目</t>
  </si>
  <si>
    <t>定納山一丁目</t>
  </si>
  <si>
    <t>定納山二丁目</t>
  </si>
  <si>
    <t>曽根一丁目</t>
  </si>
  <si>
    <t>曽根二丁目</t>
  </si>
  <si>
    <t>曽根三丁目</t>
  </si>
  <si>
    <t>太子一丁目</t>
  </si>
  <si>
    <t>太子二丁目</t>
  </si>
  <si>
    <t>太子三丁目</t>
  </si>
  <si>
    <t>武路町</t>
  </si>
  <si>
    <t>忠治山</t>
  </si>
  <si>
    <t>大将ケ根一丁目</t>
  </si>
  <si>
    <t>大将ケ根二丁目</t>
  </si>
  <si>
    <t>高根山一丁目</t>
  </si>
  <si>
    <t>高根山二丁目</t>
  </si>
  <si>
    <t>鳥澄一丁目</t>
  </si>
  <si>
    <t>鳥澄二丁目</t>
  </si>
  <si>
    <t>鳥澄三丁目</t>
  </si>
  <si>
    <t>鳴海町</t>
  </si>
  <si>
    <t>字池上</t>
  </si>
  <si>
    <t>字上ノ山</t>
  </si>
  <si>
    <t>字杜若</t>
  </si>
  <si>
    <t>字古鳴海</t>
  </si>
  <si>
    <t>字嫁ケ茶屋</t>
  </si>
  <si>
    <t>南陵</t>
  </si>
  <si>
    <t>野末町</t>
  </si>
  <si>
    <t>平子が丘</t>
  </si>
  <si>
    <t>文久山</t>
  </si>
  <si>
    <t>松が根台</t>
  </si>
  <si>
    <t>万場山二丁目</t>
  </si>
  <si>
    <t>南大高一丁目</t>
  </si>
  <si>
    <t>南大高二丁目</t>
  </si>
  <si>
    <t>南大高三丁目</t>
  </si>
  <si>
    <t>南大高四丁目</t>
  </si>
  <si>
    <t>森の里一丁目</t>
  </si>
  <si>
    <t>森の里二丁目</t>
  </si>
  <si>
    <t>緑花台</t>
  </si>
  <si>
    <t>六田一丁目</t>
  </si>
  <si>
    <t>六田二丁目</t>
  </si>
  <si>
    <t>若田一丁目</t>
  </si>
  <si>
    <t>若田二丁目</t>
  </si>
  <si>
    <t>若田三丁目</t>
  </si>
  <si>
    <t>相川一丁目</t>
  </si>
  <si>
    <t>相川二丁目</t>
  </si>
  <si>
    <t>相川三丁目</t>
  </si>
  <si>
    <t>赤松</t>
  </si>
  <si>
    <t>池上台一丁目</t>
  </si>
  <si>
    <t>池上台二丁目</t>
  </si>
  <si>
    <t>梅里一丁目</t>
  </si>
  <si>
    <t>梅里二丁目</t>
  </si>
  <si>
    <t>大清水一丁目</t>
  </si>
  <si>
    <t>大清水二丁目</t>
  </si>
  <si>
    <t>大清水三丁目</t>
  </si>
  <si>
    <t>大清水四丁目</t>
  </si>
  <si>
    <t>大清水五丁目</t>
  </si>
  <si>
    <t>大清水西</t>
  </si>
  <si>
    <t>大清水東</t>
  </si>
  <si>
    <t>上旭一丁目</t>
  </si>
  <si>
    <t>上旭二丁目</t>
  </si>
  <si>
    <t>神沢一丁目</t>
  </si>
  <si>
    <t>神沢二丁目</t>
  </si>
  <si>
    <t>神沢三丁目</t>
  </si>
  <si>
    <t>神の倉一丁目</t>
  </si>
  <si>
    <t>神の倉二丁目</t>
  </si>
  <si>
    <t>神の倉三丁目</t>
  </si>
  <si>
    <t>神の倉四丁目</t>
  </si>
  <si>
    <t>篭山一丁目</t>
  </si>
  <si>
    <t>篭山二丁目</t>
  </si>
  <si>
    <t>篭山三丁目</t>
  </si>
  <si>
    <t>鎌倉台一丁目</t>
  </si>
  <si>
    <t>鎌倉台二丁目</t>
  </si>
  <si>
    <t>鏡田</t>
  </si>
  <si>
    <t>亀が洞一丁目</t>
  </si>
  <si>
    <t>亀が洞二丁目</t>
  </si>
  <si>
    <t>亀が洞三丁目</t>
  </si>
  <si>
    <t>黒沢台一丁目</t>
  </si>
  <si>
    <t>黒沢台二丁目</t>
  </si>
  <si>
    <t>黒沢台三丁目</t>
  </si>
  <si>
    <t>黒沢台四丁目</t>
  </si>
  <si>
    <t>黒沢台五丁目</t>
  </si>
  <si>
    <t>熊の前一丁目</t>
  </si>
  <si>
    <t>熊の前二丁目</t>
  </si>
  <si>
    <t>古鳴海一丁目</t>
  </si>
  <si>
    <t>古鳴海二丁目</t>
  </si>
  <si>
    <t>鴻仏目一丁目</t>
  </si>
  <si>
    <t>鴻仏目二丁目</t>
  </si>
  <si>
    <t>小坂一丁目</t>
  </si>
  <si>
    <t>小坂二丁目</t>
  </si>
  <si>
    <t>篠の風一丁目</t>
  </si>
  <si>
    <t>篠の風二丁目</t>
  </si>
  <si>
    <t>篠の風三丁目</t>
  </si>
  <si>
    <t>白土</t>
  </si>
  <si>
    <t>砂田一丁目</t>
  </si>
  <si>
    <t>砂田二丁目</t>
  </si>
  <si>
    <t>高根台</t>
  </si>
  <si>
    <t>滝ノ水一丁目</t>
  </si>
  <si>
    <t>滝ノ水二丁目</t>
  </si>
  <si>
    <t>滝ノ水三丁目</t>
  </si>
  <si>
    <t>滝ノ水四丁目</t>
  </si>
  <si>
    <t>滝ノ水五丁目</t>
  </si>
  <si>
    <t>鶴が沢一丁目</t>
  </si>
  <si>
    <t>鶴が沢二丁目</t>
  </si>
  <si>
    <t>鶴が沢三丁目</t>
  </si>
  <si>
    <t>徳重一丁目</t>
  </si>
  <si>
    <t>徳重二丁目</t>
  </si>
  <si>
    <t>徳重三丁目</t>
  </si>
  <si>
    <t>徳重四丁目</t>
  </si>
  <si>
    <t>徳重五丁目</t>
  </si>
  <si>
    <t>長根町</t>
  </si>
  <si>
    <t>鳴丘一丁目</t>
  </si>
  <si>
    <t>鳴丘二丁目</t>
  </si>
  <si>
    <t>鳴子町</t>
  </si>
  <si>
    <t>鳴丘三丁目</t>
  </si>
  <si>
    <t>字大清水</t>
  </si>
  <si>
    <t>字鏡田</t>
  </si>
  <si>
    <t>字神ノ倉</t>
  </si>
  <si>
    <t>字笹塚</t>
  </si>
  <si>
    <t>字伝冶山</t>
  </si>
  <si>
    <t>字藤川</t>
  </si>
  <si>
    <t>字諸ノ木</t>
  </si>
  <si>
    <t>字横吹</t>
  </si>
  <si>
    <t>西神の倉一丁目</t>
  </si>
  <si>
    <t>西神の倉二丁目</t>
  </si>
  <si>
    <t>乗鞍一丁目</t>
  </si>
  <si>
    <t>乗鞍二丁目</t>
  </si>
  <si>
    <t>乗鞍三丁目</t>
  </si>
  <si>
    <t>久方二丁目</t>
  </si>
  <si>
    <t>久方三丁目</t>
  </si>
  <si>
    <t>東神の倉一丁目</t>
  </si>
  <si>
    <t>東神の倉二丁目</t>
  </si>
  <si>
    <t>東神の倉三丁目</t>
  </si>
  <si>
    <t>平手北一丁目</t>
  </si>
  <si>
    <t>平手北二丁目</t>
  </si>
  <si>
    <t>平手南一丁目</t>
  </si>
  <si>
    <t>平手南二丁目</t>
  </si>
  <si>
    <t>藤塚一丁目</t>
  </si>
  <si>
    <t>藤塚二丁目</t>
  </si>
  <si>
    <t>藤塚三丁目</t>
  </si>
  <si>
    <t>兵庫一丁目</t>
  </si>
  <si>
    <t>兵庫二丁目</t>
  </si>
  <si>
    <t>ほら貝一丁目</t>
  </si>
  <si>
    <t>ほら貝二丁目</t>
  </si>
  <si>
    <t>ほら貝三丁目</t>
  </si>
  <si>
    <t>細口一丁目</t>
  </si>
  <si>
    <t>細口二丁目</t>
  </si>
  <si>
    <t>細口三丁目</t>
  </si>
  <si>
    <t>万場山一丁目</t>
  </si>
  <si>
    <t>水広一丁目</t>
  </si>
  <si>
    <t>水広二丁目</t>
  </si>
  <si>
    <t>水広三丁目</t>
  </si>
  <si>
    <t>桃山一丁目</t>
  </si>
  <si>
    <t>桃山二丁目</t>
  </si>
  <si>
    <t>桃山三丁目</t>
  </si>
  <si>
    <t>桃山四丁目</t>
  </si>
  <si>
    <t>諸の木一丁目</t>
  </si>
  <si>
    <t>諸の木二丁目</t>
  </si>
  <si>
    <t>諸の木三丁目</t>
  </si>
  <si>
    <t>元徳重一丁目</t>
  </si>
  <si>
    <t>元徳重二丁目</t>
  </si>
  <si>
    <t>八つ松一丁目</t>
  </si>
  <si>
    <t>八つ松二丁目</t>
  </si>
  <si>
    <t>横吹町</t>
  </si>
  <si>
    <t>名東区</t>
  </si>
  <si>
    <t>赤松台</t>
  </si>
  <si>
    <t>明が丘</t>
  </si>
  <si>
    <t>朝日が丘</t>
  </si>
  <si>
    <t>石が根町</t>
  </si>
  <si>
    <t>猪高町大字上社</t>
  </si>
  <si>
    <t>猪高町大字藤森</t>
  </si>
  <si>
    <t>猪高台一丁目</t>
  </si>
  <si>
    <t>猪高台二丁目</t>
  </si>
  <si>
    <t>一社一丁目</t>
  </si>
  <si>
    <t>一社二丁目</t>
  </si>
  <si>
    <t>一社三丁目</t>
  </si>
  <si>
    <t>一社四丁目</t>
  </si>
  <si>
    <t>猪子石一丁目</t>
  </si>
  <si>
    <t>猪子石二丁目</t>
  </si>
  <si>
    <t>猪子石三丁目</t>
  </si>
  <si>
    <t>猪子石原一丁目</t>
  </si>
  <si>
    <t>猪子石原二丁目</t>
  </si>
  <si>
    <t>猪子石原三丁目</t>
  </si>
  <si>
    <t>植園町</t>
  </si>
  <si>
    <t>梅森坂一丁目</t>
  </si>
  <si>
    <t>梅森坂二丁目</t>
  </si>
  <si>
    <t>梅森坂三丁目</t>
  </si>
  <si>
    <t>梅森坂四丁目</t>
  </si>
  <si>
    <t>梅森坂五丁目</t>
  </si>
  <si>
    <t>梅森坂西一丁目</t>
  </si>
  <si>
    <t>梅森坂西二丁目</t>
  </si>
  <si>
    <t>延珠町</t>
  </si>
  <si>
    <t>扇町</t>
  </si>
  <si>
    <t>大針一丁目</t>
  </si>
  <si>
    <t>大針二丁目</t>
  </si>
  <si>
    <t>大針三丁目</t>
  </si>
  <si>
    <t>香流一丁目</t>
  </si>
  <si>
    <t>香流二丁目</t>
  </si>
  <si>
    <t>香流三丁目</t>
  </si>
  <si>
    <t>神丘町</t>
  </si>
  <si>
    <t>神里一丁目</t>
  </si>
  <si>
    <t>神里二丁目</t>
  </si>
  <si>
    <t>上菅一丁目</t>
  </si>
  <si>
    <t>上菅二丁目</t>
  </si>
  <si>
    <t>上社一丁目</t>
  </si>
  <si>
    <t>上社二丁目</t>
  </si>
  <si>
    <t>上社三丁目</t>
  </si>
  <si>
    <t>上社四丁目</t>
  </si>
  <si>
    <t>上社五丁目</t>
  </si>
  <si>
    <t>亀の井一丁目</t>
  </si>
  <si>
    <t>亀の井二丁目</t>
  </si>
  <si>
    <t>亀の井三丁目</t>
  </si>
  <si>
    <t>貴船一丁目</t>
  </si>
  <si>
    <t>貴船二丁目</t>
  </si>
  <si>
    <t>貴船三丁目</t>
  </si>
  <si>
    <t>小池町</t>
  </si>
  <si>
    <t>小井堀町</t>
  </si>
  <si>
    <t>香坂</t>
  </si>
  <si>
    <t>香南一丁目</t>
  </si>
  <si>
    <t>香南二丁目</t>
  </si>
  <si>
    <t>極楽一丁目</t>
  </si>
  <si>
    <t>極楽二丁目</t>
  </si>
  <si>
    <t>極楽三丁目</t>
  </si>
  <si>
    <t>極楽四丁目</t>
  </si>
  <si>
    <t>極楽五丁目</t>
  </si>
  <si>
    <t>山香町</t>
  </si>
  <si>
    <t>神月町</t>
  </si>
  <si>
    <t>新宿一丁目</t>
  </si>
  <si>
    <t>新宿二丁目</t>
  </si>
  <si>
    <t>勢子坊一丁目</t>
  </si>
  <si>
    <t>勢子坊二丁目</t>
  </si>
  <si>
    <t>勢子坊三丁目</t>
  </si>
  <si>
    <t>勢子坊四丁目</t>
  </si>
  <si>
    <t>高針荒田</t>
  </si>
  <si>
    <t>高針一丁目</t>
  </si>
  <si>
    <t>高針二丁目</t>
  </si>
  <si>
    <t>高針三丁目</t>
  </si>
  <si>
    <t>高針四丁目</t>
  </si>
  <si>
    <t>高針五丁目</t>
  </si>
  <si>
    <t>高針台一丁目</t>
  </si>
  <si>
    <t>高針台二丁目</t>
  </si>
  <si>
    <t>高針台三丁目</t>
  </si>
  <si>
    <t>高間町</t>
  </si>
  <si>
    <t>高社一丁目</t>
  </si>
  <si>
    <t>高社二丁目</t>
  </si>
  <si>
    <t>高柳町</t>
  </si>
  <si>
    <t>宝が丘</t>
  </si>
  <si>
    <t>代万町</t>
  </si>
  <si>
    <t>高針原一丁目</t>
  </si>
  <si>
    <t>高針原二丁目</t>
  </si>
  <si>
    <t>丁田町</t>
  </si>
  <si>
    <t>つつじが丘</t>
  </si>
  <si>
    <t>照が丘</t>
  </si>
  <si>
    <t>天神下</t>
  </si>
  <si>
    <t>富が丘</t>
  </si>
  <si>
    <t>西里町</t>
  </si>
  <si>
    <t>西山台</t>
  </si>
  <si>
    <t>西山本通</t>
  </si>
  <si>
    <t>にじが丘</t>
  </si>
  <si>
    <t>望が丘</t>
  </si>
  <si>
    <t>野間町</t>
  </si>
  <si>
    <t>八前一丁目</t>
  </si>
  <si>
    <t>八前二丁目</t>
  </si>
  <si>
    <t>八前三丁目</t>
  </si>
  <si>
    <t>引山一丁目</t>
  </si>
  <si>
    <t>引山二丁目</t>
  </si>
  <si>
    <t>引山三丁目</t>
  </si>
  <si>
    <t>引山四丁目</t>
  </si>
  <si>
    <t>姫若町</t>
  </si>
  <si>
    <t>藤香町</t>
  </si>
  <si>
    <t>藤が丘</t>
  </si>
  <si>
    <t>藤里町</t>
  </si>
  <si>
    <t>藤巻町</t>
  </si>
  <si>
    <t>藤見が丘</t>
  </si>
  <si>
    <t>藤森一丁目</t>
  </si>
  <si>
    <t>藤森二丁目</t>
  </si>
  <si>
    <t>藤森西町</t>
  </si>
  <si>
    <t>文教台一丁目</t>
  </si>
  <si>
    <t>文教台二丁目</t>
  </si>
  <si>
    <t>平和が丘一丁目</t>
  </si>
  <si>
    <t>平和が丘二丁目</t>
  </si>
  <si>
    <t>平和が丘四丁目</t>
  </si>
  <si>
    <t>平和が丘五丁目</t>
  </si>
  <si>
    <t>本郷一丁目</t>
  </si>
  <si>
    <t>本郷二丁目</t>
  </si>
  <si>
    <t>本郷三丁目</t>
  </si>
  <si>
    <t>牧の里一丁目</t>
  </si>
  <si>
    <t>牧の里二丁目</t>
  </si>
  <si>
    <t>牧の里三丁目</t>
  </si>
  <si>
    <t>牧の原一丁目</t>
  </si>
  <si>
    <t>牧の原二丁目</t>
  </si>
  <si>
    <t>牧の原三丁目</t>
  </si>
  <si>
    <t>松井町</t>
  </si>
  <si>
    <t>名東本通</t>
  </si>
  <si>
    <t>名東本町</t>
  </si>
  <si>
    <t>社が丘一丁目</t>
  </si>
  <si>
    <t>社が丘二丁目</t>
  </si>
  <si>
    <t>社が丘三丁目</t>
  </si>
  <si>
    <t>社が丘四丁目</t>
  </si>
  <si>
    <t>社口一丁目</t>
  </si>
  <si>
    <t>社口二丁目</t>
  </si>
  <si>
    <t>社台一丁目</t>
  </si>
  <si>
    <t>社台二丁目</t>
  </si>
  <si>
    <t>社台三丁目</t>
  </si>
  <si>
    <t>山の手一丁目</t>
  </si>
  <si>
    <t>山の手二丁目</t>
  </si>
  <si>
    <t>山の手三丁目</t>
  </si>
  <si>
    <t>豊が丘</t>
  </si>
  <si>
    <t>よもぎ台一丁目</t>
  </si>
  <si>
    <t>よもぎ台二丁目</t>
  </si>
  <si>
    <t>よもぎ台三丁目</t>
  </si>
  <si>
    <t>陸前町</t>
  </si>
  <si>
    <t>若葉台</t>
  </si>
  <si>
    <t>天白区</t>
  </si>
  <si>
    <t>荒池一丁目</t>
  </si>
  <si>
    <t>荒池二丁目</t>
  </si>
  <si>
    <t>井口一丁目</t>
  </si>
  <si>
    <t>井口二丁目</t>
  </si>
  <si>
    <t>池場一丁目</t>
  </si>
  <si>
    <t>池場二丁目</t>
  </si>
  <si>
    <t>池場三丁目</t>
  </si>
  <si>
    <t>池場四丁目</t>
  </si>
  <si>
    <t>池場五丁目</t>
  </si>
  <si>
    <t>池見一丁目</t>
  </si>
  <si>
    <t>池見二丁目</t>
  </si>
  <si>
    <t>一本松一丁目</t>
  </si>
  <si>
    <t>一本松二丁目</t>
  </si>
  <si>
    <t>井の森町</t>
  </si>
  <si>
    <t>植田一丁目</t>
  </si>
  <si>
    <t>植田三丁目</t>
  </si>
  <si>
    <t>植田西一丁目</t>
  </si>
  <si>
    <t>植田西二丁目</t>
  </si>
  <si>
    <t>植田西三丁目</t>
  </si>
  <si>
    <t>植田南一丁目</t>
  </si>
  <si>
    <t>植田南二丁目</t>
  </si>
  <si>
    <t>植田南三丁目</t>
  </si>
  <si>
    <t>植田山一丁目</t>
  </si>
  <si>
    <t>植田山二丁目</t>
  </si>
  <si>
    <t>植田山三丁目</t>
  </si>
  <si>
    <t>植田山四丁目</t>
  </si>
  <si>
    <t>植田山五丁目</t>
  </si>
  <si>
    <t>梅が丘二丁目</t>
  </si>
  <si>
    <t>梅が丘三丁目</t>
  </si>
  <si>
    <t>梅が丘四丁目</t>
  </si>
  <si>
    <t>梅が丘一丁目</t>
  </si>
  <si>
    <t>梅が丘五丁目</t>
  </si>
  <si>
    <t>植田二丁目</t>
  </si>
  <si>
    <t>植田東一丁目</t>
  </si>
  <si>
    <t>植田東二丁目</t>
  </si>
  <si>
    <t>植田東三丁目</t>
  </si>
  <si>
    <t>植田本町一丁目</t>
  </si>
  <si>
    <t>植田本町二丁目</t>
  </si>
  <si>
    <t>植田本町三丁目</t>
  </si>
  <si>
    <t>海老山町</t>
  </si>
  <si>
    <t>大坪一丁目</t>
  </si>
  <si>
    <t>大坪二丁目</t>
  </si>
  <si>
    <t>大根町</t>
  </si>
  <si>
    <t>音聞山</t>
  </si>
  <si>
    <t>表台</t>
  </si>
  <si>
    <t>表山一丁目</t>
  </si>
  <si>
    <t>表山二丁目</t>
  </si>
  <si>
    <t>表山三丁目</t>
  </si>
  <si>
    <t>御前場町</t>
  </si>
  <si>
    <t>鴻の巣一丁目</t>
  </si>
  <si>
    <t>鴻の巣二丁目</t>
  </si>
  <si>
    <t>境根町</t>
  </si>
  <si>
    <t>笹原町</t>
  </si>
  <si>
    <t>山郷町</t>
  </si>
  <si>
    <t>塩釜口一丁目</t>
  </si>
  <si>
    <t>塩釜口二丁目</t>
  </si>
  <si>
    <t>島田一丁目</t>
  </si>
  <si>
    <t>島田二丁目</t>
  </si>
  <si>
    <t>島田三丁目</t>
  </si>
  <si>
    <t>島田四丁目</t>
  </si>
  <si>
    <t>島田五丁目</t>
  </si>
  <si>
    <t>島田が丘</t>
  </si>
  <si>
    <t>島田黒石</t>
  </si>
  <si>
    <t>菅田一丁目</t>
  </si>
  <si>
    <t>菅田二丁目</t>
  </si>
  <si>
    <t>菅田三丁目</t>
  </si>
  <si>
    <t>高坂町</t>
  </si>
  <si>
    <t>高島一丁目</t>
  </si>
  <si>
    <t>高宮町</t>
  </si>
  <si>
    <t>高島二丁目</t>
  </si>
  <si>
    <t>土原一丁目</t>
  </si>
  <si>
    <t>土原二丁目</t>
  </si>
  <si>
    <t>土原三丁目</t>
  </si>
  <si>
    <t>土原四丁目</t>
  </si>
  <si>
    <t>土原五丁目</t>
  </si>
  <si>
    <t>天白町大字野並</t>
  </si>
  <si>
    <t>天白町大字平針</t>
  </si>
  <si>
    <t>天白町大字八事</t>
  </si>
  <si>
    <t>道明町</t>
  </si>
  <si>
    <t>中砂町</t>
  </si>
  <si>
    <t>中坪町</t>
  </si>
  <si>
    <t>中平一丁目</t>
  </si>
  <si>
    <t>中平二丁目</t>
  </si>
  <si>
    <t>中平三丁目</t>
  </si>
  <si>
    <t>中平四丁目</t>
  </si>
  <si>
    <t>中平五丁目</t>
  </si>
  <si>
    <t>西入町</t>
  </si>
  <si>
    <t>野並一丁目</t>
  </si>
  <si>
    <t>野並二丁目</t>
  </si>
  <si>
    <t>野並三丁目</t>
  </si>
  <si>
    <t>野並四丁目</t>
  </si>
  <si>
    <t>八幡山</t>
  </si>
  <si>
    <t>原一丁目</t>
  </si>
  <si>
    <t>原二丁目</t>
  </si>
  <si>
    <t>原三丁目</t>
  </si>
  <si>
    <t>原四丁目</t>
  </si>
  <si>
    <t>原五丁目</t>
  </si>
  <si>
    <t>久方一丁目</t>
  </si>
  <si>
    <t>一つ山</t>
  </si>
  <si>
    <t>平針一丁目</t>
  </si>
  <si>
    <t>平針二丁目</t>
  </si>
  <si>
    <t>平針三丁目</t>
  </si>
  <si>
    <t>平針四丁目</t>
  </si>
  <si>
    <t>平針五丁目</t>
  </si>
  <si>
    <t>平針台一丁目</t>
  </si>
  <si>
    <t>平針台二丁目</t>
  </si>
  <si>
    <t>平針南一丁目</t>
  </si>
  <si>
    <t>平針南二丁目</t>
  </si>
  <si>
    <t>平針南三丁目</t>
  </si>
  <si>
    <t>平針南四丁目</t>
  </si>
  <si>
    <t>福池一丁目</t>
  </si>
  <si>
    <t>福池二丁目</t>
  </si>
  <si>
    <t>古川町</t>
  </si>
  <si>
    <t>保呂町</t>
  </si>
  <si>
    <t>御幸山</t>
  </si>
  <si>
    <t>向が丘一丁目</t>
  </si>
  <si>
    <t>向が丘二丁目</t>
  </si>
  <si>
    <t>向が丘三丁目</t>
  </si>
  <si>
    <t>向が丘四丁目</t>
  </si>
  <si>
    <t>元八事一丁目</t>
  </si>
  <si>
    <t>元八事二丁目</t>
  </si>
  <si>
    <t>元八事三丁目</t>
  </si>
  <si>
    <t>元八事四丁目</t>
  </si>
  <si>
    <t>元八事五丁目</t>
  </si>
  <si>
    <t>元植田一丁目</t>
  </si>
  <si>
    <t>元植田二丁目</t>
  </si>
  <si>
    <t>元植田三丁目</t>
  </si>
  <si>
    <t>八事石坂</t>
  </si>
  <si>
    <t>八事天道</t>
  </si>
  <si>
    <t>山根町</t>
  </si>
  <si>
    <t>弥生が岡</t>
  </si>
  <si>
    <t>八事山</t>
  </si>
  <si>
    <t>焼山一丁目</t>
  </si>
  <si>
    <t>焼山二丁目</t>
  </si>
  <si>
    <t>横町</t>
  </si>
  <si>
    <t>　字相原町</t>
  </si>
  <si>
    <t>　字赤塚</t>
  </si>
  <si>
    <t>　字有松裏</t>
  </si>
  <si>
    <t>　字雷</t>
  </si>
  <si>
    <t>　字池上</t>
  </si>
  <si>
    <t>　字石田</t>
  </si>
  <si>
    <t>　字石畑</t>
  </si>
  <si>
    <t>　字石堀山</t>
  </si>
  <si>
    <t>　字上中町</t>
  </si>
  <si>
    <t>　字上ノ山</t>
  </si>
  <si>
    <t>　字姥子山</t>
  </si>
  <si>
    <t>　字会下</t>
  </si>
  <si>
    <t>　字大根</t>
  </si>
  <si>
    <t>　字尾崎山</t>
  </si>
  <si>
    <t>　字御茶屋</t>
  </si>
  <si>
    <t>　字乙子山</t>
  </si>
  <si>
    <t>　字杜若</t>
  </si>
  <si>
    <t>　字片坂</t>
  </si>
  <si>
    <t>　字片平</t>
  </si>
  <si>
    <t>　字鎌研</t>
  </si>
  <si>
    <t>　字上汐田</t>
  </si>
  <si>
    <t>　字上汐田堤塘</t>
  </si>
  <si>
    <t>　字栢木</t>
  </si>
  <si>
    <t>　字北浦</t>
  </si>
  <si>
    <t>　字京田</t>
  </si>
  <si>
    <t>　字光正寺</t>
  </si>
  <si>
    <t>　字鴻ノ巣</t>
  </si>
  <si>
    <t>　字古鳴海</t>
  </si>
  <si>
    <t>　字小松山</t>
  </si>
  <si>
    <t>　字小森</t>
  </si>
  <si>
    <t>　字作町</t>
  </si>
  <si>
    <t>　字三高根</t>
  </si>
  <si>
    <t>　字三王山</t>
  </si>
  <si>
    <t>　字下汐田</t>
  </si>
  <si>
    <t>　字下拾貫目堤塘</t>
  </si>
  <si>
    <t>　字下中</t>
  </si>
  <si>
    <t>　字宿地</t>
  </si>
  <si>
    <t>　字城</t>
  </si>
  <si>
    <t>　字諏訪山</t>
  </si>
  <si>
    <t>　字清水寺</t>
  </si>
  <si>
    <t>　字前之輪</t>
  </si>
  <si>
    <t>　字善明寺</t>
  </si>
  <si>
    <t>　字太鼓田</t>
  </si>
  <si>
    <t>　字大将ケ根</t>
  </si>
  <si>
    <t>　字蛸畑</t>
  </si>
  <si>
    <t>　字丹下</t>
  </si>
  <si>
    <t>　字長田</t>
  </si>
  <si>
    <t>　字天白</t>
  </si>
  <si>
    <t>　字砦</t>
  </si>
  <si>
    <t>　字中汐田</t>
  </si>
  <si>
    <t>　字根古屋</t>
  </si>
  <si>
    <t>　字白山</t>
  </si>
  <si>
    <t>　字花井町</t>
  </si>
  <si>
    <t>　字平部</t>
  </si>
  <si>
    <t>　字文木</t>
  </si>
  <si>
    <t>　字鉾ノ木</t>
  </si>
  <si>
    <t>　字細根</t>
  </si>
  <si>
    <t>　字母呂後</t>
  </si>
  <si>
    <t>　字本町</t>
  </si>
  <si>
    <t>　字丸内</t>
  </si>
  <si>
    <t>　字三皿</t>
  </si>
  <si>
    <t>　字明願</t>
  </si>
  <si>
    <t>　字向田</t>
  </si>
  <si>
    <t>　字最中堤塘</t>
  </si>
  <si>
    <t>　字森下</t>
  </si>
  <si>
    <t>　字矢切</t>
  </si>
  <si>
    <t>　字薬師山</t>
  </si>
  <si>
    <t>　字山腰</t>
  </si>
  <si>
    <t>　字山下</t>
  </si>
  <si>
    <t>　字山ノ神</t>
  </si>
  <si>
    <t>　字米塚</t>
  </si>
  <si>
    <t>　字嫁ケ茶屋</t>
  </si>
  <si>
    <t>　字柳長</t>
  </si>
  <si>
    <t>　字早稲屋</t>
  </si>
  <si>
    <t>※　鳴海町は区域が広いため、字別のデータも集計して掲載しています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 "/>
    <numFmt numFmtId="177" formatCode="[$-411]ggge&quot;年&quot;m&quot;月&quot;d&quot;日現在&quot;;@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明朝"/>
      <family val="1"/>
      <charset val="128"/>
    </font>
    <font>
      <sz val="8"/>
      <name val="ＭＳ Ｐゴシック"/>
      <family val="3"/>
      <charset val="128"/>
    </font>
    <font>
      <sz val="8"/>
      <name val="ＭＳ Ｐ明朝"/>
      <family val="1"/>
      <charset val="128"/>
    </font>
    <font>
      <sz val="12"/>
      <name val="ＭＳ 明朝"/>
      <family val="1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2" fillId="0" borderId="0" xfId="0" applyFont="1" applyFill="1">
      <alignment vertical="center"/>
    </xf>
    <xf numFmtId="49" fontId="2" fillId="0" borderId="0" xfId="0" applyNumberFormat="1" applyFont="1" applyFill="1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49" fontId="5" fillId="0" borderId="0" xfId="0" applyNumberFormat="1" applyFont="1" applyFill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vertical="center"/>
    </xf>
    <xf numFmtId="176" fontId="4" fillId="0" borderId="0" xfId="0" applyNumberFormat="1" applyFont="1" applyFill="1" applyAlignment="1">
      <alignment horizontal="right" vertical="center"/>
    </xf>
    <xf numFmtId="0" fontId="8" fillId="0" borderId="0" xfId="0" applyFont="1" applyBorder="1" applyAlignment="1">
      <alignment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177" fontId="2" fillId="0" borderId="4" xfId="0" applyNumberFormat="1" applyFont="1" applyBorder="1" applyAlignment="1">
      <alignment horizontal="right" vertical="center" shrinkToFit="1"/>
    </xf>
    <xf numFmtId="0" fontId="3" fillId="0" borderId="1" xfId="0" applyFont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7"/>
  <sheetViews>
    <sheetView tabSelected="1"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21</v>
      </c>
      <c r="B6" s="3"/>
      <c r="C6" s="12">
        <v>1138596</v>
      </c>
      <c r="D6" s="12">
        <v>2293459</v>
      </c>
      <c r="E6" s="12">
        <v>1132986</v>
      </c>
      <c r="F6" s="12">
        <v>1160473</v>
      </c>
      <c r="G6" s="12">
        <v>185596</v>
      </c>
      <c r="H6" s="12">
        <v>191945</v>
      </c>
      <c r="I6" s="12">
        <v>270650</v>
      </c>
      <c r="J6" s="12">
        <v>289410</v>
      </c>
      <c r="K6" s="12">
        <v>342947</v>
      </c>
      <c r="L6" s="12">
        <v>316880</v>
      </c>
      <c r="M6" s="12">
        <v>245744</v>
      </c>
      <c r="N6" s="12">
        <v>450283</v>
      </c>
      <c r="O6" s="12">
        <v>4</v>
      </c>
      <c r="P6" s="12">
        <v>281431</v>
      </c>
      <c r="Q6" s="12">
        <v>1439290</v>
      </c>
      <c r="R6" s="12">
        <v>572734</v>
      </c>
    </row>
    <row r="7" spans="1:18" s="4" customFormat="1" x14ac:dyDescent="0.15">
      <c r="A7" s="3"/>
      <c r="B7" s="3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91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910</v>
      </c>
      <c r="B6" s="3"/>
      <c r="C6" s="12">
        <v>33524</v>
      </c>
      <c r="D6" s="12">
        <v>65125</v>
      </c>
      <c r="E6" s="12">
        <v>32354</v>
      </c>
      <c r="F6" s="12">
        <v>32771</v>
      </c>
      <c r="G6" s="12">
        <v>4643</v>
      </c>
      <c r="H6" s="12">
        <v>4709</v>
      </c>
      <c r="I6" s="12">
        <v>7838</v>
      </c>
      <c r="J6" s="12">
        <v>8344</v>
      </c>
      <c r="K6" s="12">
        <v>9372</v>
      </c>
      <c r="L6" s="12">
        <v>8976</v>
      </c>
      <c r="M6" s="12">
        <v>7823</v>
      </c>
      <c r="N6" s="12">
        <v>13420</v>
      </c>
      <c r="O6" s="12">
        <v>0</v>
      </c>
      <c r="P6" s="12">
        <v>6922</v>
      </c>
      <c r="Q6" s="12">
        <v>40881</v>
      </c>
      <c r="R6" s="12">
        <v>17322</v>
      </c>
    </row>
    <row r="7" spans="1:18" s="4" customFormat="1" x14ac:dyDescent="0.15">
      <c r="A7" s="3"/>
      <c r="B7" s="3" t="s">
        <v>911</v>
      </c>
      <c r="C7" s="12">
        <v>441</v>
      </c>
      <c r="D7" s="12">
        <v>846</v>
      </c>
      <c r="E7" s="12">
        <v>423</v>
      </c>
      <c r="F7" s="12">
        <v>423</v>
      </c>
      <c r="G7" s="12">
        <v>45</v>
      </c>
      <c r="H7" s="12">
        <v>43</v>
      </c>
      <c r="I7" s="12">
        <v>103</v>
      </c>
      <c r="J7" s="12">
        <v>108</v>
      </c>
      <c r="K7" s="12">
        <v>107</v>
      </c>
      <c r="L7" s="12">
        <v>113</v>
      </c>
      <c r="M7" s="12">
        <v>102</v>
      </c>
      <c r="N7" s="12">
        <v>225</v>
      </c>
      <c r="O7" s="12">
        <v>0</v>
      </c>
      <c r="P7" s="12">
        <v>71</v>
      </c>
      <c r="Q7" s="12">
        <v>491</v>
      </c>
      <c r="R7" s="12">
        <v>284</v>
      </c>
    </row>
    <row r="8" spans="1:18" s="4" customFormat="1" x14ac:dyDescent="0.15">
      <c r="A8" s="3"/>
      <c r="B8" s="3" t="s">
        <v>912</v>
      </c>
      <c r="C8" s="12">
        <v>568</v>
      </c>
      <c r="D8" s="12">
        <v>1073</v>
      </c>
      <c r="E8" s="12">
        <v>579</v>
      </c>
      <c r="F8" s="12">
        <v>494</v>
      </c>
      <c r="G8" s="12">
        <v>66</v>
      </c>
      <c r="H8" s="12">
        <v>94</v>
      </c>
      <c r="I8" s="12">
        <v>177</v>
      </c>
      <c r="J8" s="12">
        <v>124</v>
      </c>
      <c r="K8" s="12">
        <v>150</v>
      </c>
      <c r="L8" s="12">
        <v>148</v>
      </c>
      <c r="M8" s="12">
        <v>118</v>
      </c>
      <c r="N8" s="12">
        <v>196</v>
      </c>
      <c r="O8" s="12">
        <v>0</v>
      </c>
      <c r="P8" s="12">
        <v>116</v>
      </c>
      <c r="Q8" s="12">
        <v>707</v>
      </c>
      <c r="R8" s="12">
        <v>250</v>
      </c>
    </row>
    <row r="9" spans="1:18" s="4" customFormat="1" x14ac:dyDescent="0.15">
      <c r="A9" s="3"/>
      <c r="B9" s="3" t="s">
        <v>913</v>
      </c>
      <c r="C9" s="12">
        <v>98</v>
      </c>
      <c r="D9" s="12">
        <v>213</v>
      </c>
      <c r="E9" s="12">
        <v>111</v>
      </c>
      <c r="F9" s="12">
        <v>102</v>
      </c>
      <c r="G9" s="12">
        <v>13</v>
      </c>
      <c r="H9" s="12">
        <v>32</v>
      </c>
      <c r="I9" s="12">
        <v>9</v>
      </c>
      <c r="J9" s="12">
        <v>14</v>
      </c>
      <c r="K9" s="12">
        <v>58</v>
      </c>
      <c r="L9" s="12">
        <v>49</v>
      </c>
      <c r="M9" s="12">
        <v>22</v>
      </c>
      <c r="N9" s="12">
        <v>16</v>
      </c>
      <c r="O9" s="12">
        <v>0</v>
      </c>
      <c r="P9" s="12">
        <v>33</v>
      </c>
      <c r="Q9" s="12">
        <v>156</v>
      </c>
      <c r="R9" s="12">
        <v>24</v>
      </c>
    </row>
    <row r="10" spans="1:18" s="4" customFormat="1" x14ac:dyDescent="0.15">
      <c r="A10" s="3"/>
      <c r="B10" s="3" t="s">
        <v>914</v>
      </c>
      <c r="C10" s="12">
        <v>131</v>
      </c>
      <c r="D10" s="12">
        <v>221</v>
      </c>
      <c r="E10" s="12">
        <v>87</v>
      </c>
      <c r="F10" s="12">
        <v>134</v>
      </c>
      <c r="G10" s="12">
        <v>1</v>
      </c>
      <c r="H10" s="12">
        <v>13</v>
      </c>
      <c r="I10" s="12">
        <v>17</v>
      </c>
      <c r="J10" s="12">
        <v>4</v>
      </c>
      <c r="K10" s="12">
        <v>27</v>
      </c>
      <c r="L10" s="12">
        <v>24</v>
      </c>
      <c r="M10" s="12">
        <v>34</v>
      </c>
      <c r="N10" s="12">
        <v>101</v>
      </c>
      <c r="O10" s="12">
        <v>0</v>
      </c>
      <c r="P10" s="12">
        <v>3</v>
      </c>
      <c r="Q10" s="12">
        <v>96</v>
      </c>
      <c r="R10" s="12">
        <v>122</v>
      </c>
    </row>
    <row r="11" spans="1:18" s="4" customFormat="1" x14ac:dyDescent="0.15">
      <c r="A11" s="3"/>
      <c r="B11" s="3" t="s">
        <v>915</v>
      </c>
      <c r="C11" s="12">
        <v>680</v>
      </c>
      <c r="D11" s="12">
        <v>1451</v>
      </c>
      <c r="E11" s="12">
        <v>708</v>
      </c>
      <c r="F11" s="12">
        <v>743</v>
      </c>
      <c r="G11" s="12">
        <v>101</v>
      </c>
      <c r="H11" s="12">
        <v>102</v>
      </c>
      <c r="I11" s="12">
        <v>137</v>
      </c>
      <c r="J11" s="12">
        <v>156</v>
      </c>
      <c r="K11" s="12">
        <v>211</v>
      </c>
      <c r="L11" s="12">
        <v>197</v>
      </c>
      <c r="M11" s="12">
        <v>189</v>
      </c>
      <c r="N11" s="12">
        <v>358</v>
      </c>
      <c r="O11" s="12">
        <v>0</v>
      </c>
      <c r="P11" s="12">
        <v>151</v>
      </c>
      <c r="Q11" s="12">
        <v>836</v>
      </c>
      <c r="R11" s="12">
        <v>464</v>
      </c>
    </row>
    <row r="12" spans="1:18" s="4" customFormat="1" x14ac:dyDescent="0.15">
      <c r="A12" s="3"/>
      <c r="B12" s="3" t="s">
        <v>916</v>
      </c>
      <c r="C12" s="12">
        <v>1060</v>
      </c>
      <c r="D12" s="12">
        <v>2111</v>
      </c>
      <c r="E12" s="12">
        <v>1053</v>
      </c>
      <c r="F12" s="12">
        <v>1058</v>
      </c>
      <c r="G12" s="12">
        <v>122</v>
      </c>
      <c r="H12" s="12">
        <v>136</v>
      </c>
      <c r="I12" s="12">
        <v>238</v>
      </c>
      <c r="J12" s="12">
        <v>213</v>
      </c>
      <c r="K12" s="12">
        <v>277</v>
      </c>
      <c r="L12" s="12">
        <v>316</v>
      </c>
      <c r="M12" s="12">
        <v>273</v>
      </c>
      <c r="N12" s="12">
        <v>536</v>
      </c>
      <c r="O12" s="12">
        <v>0</v>
      </c>
      <c r="P12" s="12">
        <v>168</v>
      </c>
      <c r="Q12" s="12">
        <v>1271</v>
      </c>
      <c r="R12" s="12">
        <v>672</v>
      </c>
    </row>
    <row r="13" spans="1:18" s="4" customFormat="1" x14ac:dyDescent="0.15">
      <c r="A13" s="3"/>
      <c r="B13" s="3" t="s">
        <v>917</v>
      </c>
      <c r="C13" s="12">
        <v>570</v>
      </c>
      <c r="D13" s="12">
        <v>1114</v>
      </c>
      <c r="E13" s="12">
        <v>534</v>
      </c>
      <c r="F13" s="12">
        <v>580</v>
      </c>
      <c r="G13" s="12">
        <v>40</v>
      </c>
      <c r="H13" s="12">
        <v>99</v>
      </c>
      <c r="I13" s="12">
        <v>115</v>
      </c>
      <c r="J13" s="12">
        <v>100</v>
      </c>
      <c r="K13" s="12">
        <v>159</v>
      </c>
      <c r="L13" s="12">
        <v>175</v>
      </c>
      <c r="M13" s="12">
        <v>147</v>
      </c>
      <c r="N13" s="12">
        <v>279</v>
      </c>
      <c r="O13" s="12">
        <v>0</v>
      </c>
      <c r="P13" s="12">
        <v>80</v>
      </c>
      <c r="Q13" s="12">
        <v>682</v>
      </c>
      <c r="R13" s="12">
        <v>352</v>
      </c>
    </row>
    <row r="14" spans="1:18" s="4" customFormat="1" x14ac:dyDescent="0.15">
      <c r="A14" s="3"/>
      <c r="B14" s="3" t="s">
        <v>918</v>
      </c>
      <c r="C14" s="12">
        <v>58</v>
      </c>
      <c r="D14" s="12">
        <v>101</v>
      </c>
      <c r="E14" s="12">
        <v>41</v>
      </c>
      <c r="F14" s="12">
        <v>60</v>
      </c>
      <c r="G14" s="12">
        <v>5</v>
      </c>
      <c r="H14" s="12">
        <v>9</v>
      </c>
      <c r="I14" s="12">
        <v>9</v>
      </c>
      <c r="J14" s="12">
        <v>11</v>
      </c>
      <c r="K14" s="12">
        <v>15</v>
      </c>
      <c r="L14" s="12">
        <v>9</v>
      </c>
      <c r="M14" s="12">
        <v>12</v>
      </c>
      <c r="N14" s="12">
        <v>31</v>
      </c>
      <c r="O14" s="12">
        <v>0</v>
      </c>
      <c r="P14" s="12">
        <v>11</v>
      </c>
      <c r="Q14" s="12">
        <v>51</v>
      </c>
      <c r="R14" s="12">
        <v>39</v>
      </c>
    </row>
    <row r="15" spans="1:18" s="4" customFormat="1" x14ac:dyDescent="0.15">
      <c r="A15" s="3"/>
      <c r="B15" s="3" t="s">
        <v>919</v>
      </c>
      <c r="C15" s="12">
        <v>235</v>
      </c>
      <c r="D15" s="12">
        <v>500</v>
      </c>
      <c r="E15" s="12">
        <v>239</v>
      </c>
      <c r="F15" s="12">
        <v>261</v>
      </c>
      <c r="G15" s="12">
        <v>29</v>
      </c>
      <c r="H15" s="12">
        <v>30</v>
      </c>
      <c r="I15" s="12">
        <v>40</v>
      </c>
      <c r="J15" s="12">
        <v>44</v>
      </c>
      <c r="K15" s="12">
        <v>50</v>
      </c>
      <c r="L15" s="12">
        <v>74</v>
      </c>
      <c r="M15" s="12">
        <v>77</v>
      </c>
      <c r="N15" s="12">
        <v>156</v>
      </c>
      <c r="O15" s="12">
        <v>0</v>
      </c>
      <c r="P15" s="12">
        <v>41</v>
      </c>
      <c r="Q15" s="12">
        <v>260</v>
      </c>
      <c r="R15" s="12">
        <v>199</v>
      </c>
    </row>
    <row r="16" spans="1:18" s="4" customFormat="1" x14ac:dyDescent="0.15">
      <c r="A16" s="3"/>
      <c r="B16" s="3" t="s">
        <v>920</v>
      </c>
      <c r="C16" s="12">
        <v>75</v>
      </c>
      <c r="D16" s="12">
        <v>109</v>
      </c>
      <c r="E16" s="12">
        <v>60</v>
      </c>
      <c r="F16" s="12">
        <v>49</v>
      </c>
      <c r="G16" s="12">
        <v>2</v>
      </c>
      <c r="H16" s="12">
        <v>3</v>
      </c>
      <c r="I16" s="12">
        <v>20</v>
      </c>
      <c r="J16" s="12">
        <v>20</v>
      </c>
      <c r="K16" s="12">
        <v>10</v>
      </c>
      <c r="L16" s="12">
        <v>9</v>
      </c>
      <c r="M16" s="12">
        <v>10</v>
      </c>
      <c r="N16" s="12">
        <v>35</v>
      </c>
      <c r="O16" s="12">
        <v>0</v>
      </c>
      <c r="P16" s="12">
        <v>3</v>
      </c>
      <c r="Q16" s="12">
        <v>67</v>
      </c>
      <c r="R16" s="12">
        <v>39</v>
      </c>
    </row>
    <row r="17" spans="1:18" s="4" customFormat="1" x14ac:dyDescent="0.15">
      <c r="A17" s="3"/>
      <c r="B17" s="3" t="s">
        <v>921</v>
      </c>
      <c r="C17" s="12">
        <v>359</v>
      </c>
      <c r="D17" s="12">
        <v>538</v>
      </c>
      <c r="E17" s="12">
        <v>274</v>
      </c>
      <c r="F17" s="12">
        <v>264</v>
      </c>
      <c r="G17" s="12">
        <v>18</v>
      </c>
      <c r="H17" s="12">
        <v>12</v>
      </c>
      <c r="I17" s="12">
        <v>113</v>
      </c>
      <c r="J17" s="12">
        <v>79</v>
      </c>
      <c r="K17" s="12">
        <v>82</v>
      </c>
      <c r="L17" s="12">
        <v>67</v>
      </c>
      <c r="M17" s="12">
        <v>41</v>
      </c>
      <c r="N17" s="12">
        <v>126</v>
      </c>
      <c r="O17" s="12">
        <v>0</v>
      </c>
      <c r="P17" s="12">
        <v>24</v>
      </c>
      <c r="Q17" s="12">
        <v>363</v>
      </c>
      <c r="R17" s="12">
        <v>151</v>
      </c>
    </row>
    <row r="18" spans="1:18" s="4" customFormat="1" x14ac:dyDescent="0.15">
      <c r="A18" s="3"/>
      <c r="B18" s="3" t="s">
        <v>922</v>
      </c>
      <c r="C18" s="12">
        <v>30</v>
      </c>
      <c r="D18" s="12">
        <v>53</v>
      </c>
      <c r="E18" s="12">
        <v>18</v>
      </c>
      <c r="F18" s="12">
        <v>35</v>
      </c>
      <c r="G18" s="12">
        <v>1</v>
      </c>
      <c r="H18" s="12">
        <v>2</v>
      </c>
      <c r="I18" s="12">
        <v>4</v>
      </c>
      <c r="J18" s="12">
        <v>6</v>
      </c>
      <c r="K18" s="12">
        <v>4</v>
      </c>
      <c r="L18" s="12">
        <v>7</v>
      </c>
      <c r="M18" s="12">
        <v>6</v>
      </c>
      <c r="N18" s="12">
        <v>23</v>
      </c>
      <c r="O18" s="12">
        <v>0</v>
      </c>
      <c r="P18" s="12">
        <v>2</v>
      </c>
      <c r="Q18" s="12">
        <v>23</v>
      </c>
      <c r="R18" s="12">
        <v>28</v>
      </c>
    </row>
    <row r="19" spans="1:18" s="4" customFormat="1" x14ac:dyDescent="0.15">
      <c r="A19" s="3"/>
      <c r="B19" s="3" t="s">
        <v>923</v>
      </c>
      <c r="C19" s="12">
        <v>230</v>
      </c>
      <c r="D19" s="12">
        <v>503</v>
      </c>
      <c r="E19" s="12">
        <v>238</v>
      </c>
      <c r="F19" s="12">
        <v>265</v>
      </c>
      <c r="G19" s="12">
        <v>60</v>
      </c>
      <c r="H19" s="12">
        <v>43</v>
      </c>
      <c r="I19" s="12">
        <v>56</v>
      </c>
      <c r="J19" s="12">
        <v>83</v>
      </c>
      <c r="K19" s="12">
        <v>102</v>
      </c>
      <c r="L19" s="12">
        <v>44</v>
      </c>
      <c r="M19" s="12">
        <v>37</v>
      </c>
      <c r="N19" s="12">
        <v>78</v>
      </c>
      <c r="O19" s="12">
        <v>0</v>
      </c>
      <c r="P19" s="12">
        <v>88</v>
      </c>
      <c r="Q19" s="12">
        <v>322</v>
      </c>
      <c r="R19" s="12">
        <v>93</v>
      </c>
    </row>
    <row r="20" spans="1:18" s="4" customFormat="1" x14ac:dyDescent="0.15">
      <c r="A20" s="3"/>
      <c r="B20" s="3" t="s">
        <v>924</v>
      </c>
      <c r="C20" s="12">
        <v>115</v>
      </c>
      <c r="D20" s="12">
        <v>252</v>
      </c>
      <c r="E20" s="12">
        <v>131</v>
      </c>
      <c r="F20" s="12">
        <v>121</v>
      </c>
      <c r="G20" s="12">
        <v>44</v>
      </c>
      <c r="H20" s="12">
        <v>16</v>
      </c>
      <c r="I20" s="12">
        <v>22</v>
      </c>
      <c r="J20" s="12">
        <v>57</v>
      </c>
      <c r="K20" s="12">
        <v>64</v>
      </c>
      <c r="L20" s="12">
        <v>21</v>
      </c>
      <c r="M20" s="12">
        <v>14</v>
      </c>
      <c r="N20" s="12">
        <v>14</v>
      </c>
      <c r="O20" s="12">
        <v>0</v>
      </c>
      <c r="P20" s="12">
        <v>59</v>
      </c>
      <c r="Q20" s="12">
        <v>171</v>
      </c>
      <c r="R20" s="12">
        <v>22</v>
      </c>
    </row>
    <row r="21" spans="1:18" s="4" customFormat="1" x14ac:dyDescent="0.15">
      <c r="A21" s="3"/>
      <c r="B21" s="3" t="s">
        <v>925</v>
      </c>
      <c r="C21" s="12">
        <v>196</v>
      </c>
      <c r="D21" s="12">
        <v>369</v>
      </c>
      <c r="E21" s="12">
        <v>187</v>
      </c>
      <c r="F21" s="12">
        <v>182</v>
      </c>
      <c r="G21" s="12">
        <v>25</v>
      </c>
      <c r="H21" s="12">
        <v>17</v>
      </c>
      <c r="I21" s="12">
        <v>65</v>
      </c>
      <c r="J21" s="12">
        <v>39</v>
      </c>
      <c r="K21" s="12">
        <v>47</v>
      </c>
      <c r="L21" s="12">
        <v>42</v>
      </c>
      <c r="M21" s="12">
        <v>52</v>
      </c>
      <c r="N21" s="12">
        <v>82</v>
      </c>
      <c r="O21" s="12">
        <v>0</v>
      </c>
      <c r="P21" s="12">
        <v>32</v>
      </c>
      <c r="Q21" s="12">
        <v>235</v>
      </c>
      <c r="R21" s="12">
        <v>102</v>
      </c>
    </row>
    <row r="22" spans="1:18" s="4" customFormat="1" x14ac:dyDescent="0.15">
      <c r="A22" s="3"/>
      <c r="B22" s="3" t="s">
        <v>926</v>
      </c>
      <c r="C22" s="12">
        <v>622</v>
      </c>
      <c r="D22" s="12">
        <v>1287</v>
      </c>
      <c r="E22" s="12">
        <v>640</v>
      </c>
      <c r="F22" s="12">
        <v>647</v>
      </c>
      <c r="G22" s="12">
        <v>94</v>
      </c>
      <c r="H22" s="12">
        <v>111</v>
      </c>
      <c r="I22" s="12">
        <v>157</v>
      </c>
      <c r="J22" s="12">
        <v>172</v>
      </c>
      <c r="K22" s="12">
        <v>186</v>
      </c>
      <c r="L22" s="12">
        <v>162</v>
      </c>
      <c r="M22" s="12">
        <v>132</v>
      </c>
      <c r="N22" s="12">
        <v>273</v>
      </c>
      <c r="O22" s="12">
        <v>0</v>
      </c>
      <c r="P22" s="12">
        <v>145</v>
      </c>
      <c r="Q22" s="12">
        <v>795</v>
      </c>
      <c r="R22" s="12">
        <v>347</v>
      </c>
    </row>
    <row r="23" spans="1:18" s="4" customFormat="1" x14ac:dyDescent="0.15">
      <c r="A23" s="3"/>
      <c r="B23" s="3" t="s">
        <v>927</v>
      </c>
      <c r="C23" s="12">
        <v>521</v>
      </c>
      <c r="D23" s="12">
        <v>1121</v>
      </c>
      <c r="E23" s="12">
        <v>566</v>
      </c>
      <c r="F23" s="12">
        <v>555</v>
      </c>
      <c r="G23" s="12">
        <v>141</v>
      </c>
      <c r="H23" s="12">
        <v>79</v>
      </c>
      <c r="I23" s="12">
        <v>120</v>
      </c>
      <c r="J23" s="12">
        <v>210</v>
      </c>
      <c r="K23" s="12">
        <v>157</v>
      </c>
      <c r="L23" s="12">
        <v>127</v>
      </c>
      <c r="M23" s="12">
        <v>109</v>
      </c>
      <c r="N23" s="12">
        <v>178</v>
      </c>
      <c r="O23" s="12">
        <v>0</v>
      </c>
      <c r="P23" s="12">
        <v>179</v>
      </c>
      <c r="Q23" s="12">
        <v>713</v>
      </c>
      <c r="R23" s="12">
        <v>229</v>
      </c>
    </row>
    <row r="24" spans="1:18" s="4" customFormat="1" x14ac:dyDescent="0.15">
      <c r="A24" s="3"/>
      <c r="B24" s="3" t="s">
        <v>928</v>
      </c>
      <c r="C24" s="12">
        <v>206</v>
      </c>
      <c r="D24" s="12">
        <v>315</v>
      </c>
      <c r="E24" s="12">
        <v>148</v>
      </c>
      <c r="F24" s="12">
        <v>167</v>
      </c>
      <c r="G24" s="12">
        <v>9</v>
      </c>
      <c r="H24" s="12">
        <v>14</v>
      </c>
      <c r="I24" s="12">
        <v>35</v>
      </c>
      <c r="J24" s="12">
        <v>27</v>
      </c>
      <c r="K24" s="12">
        <v>20</v>
      </c>
      <c r="L24" s="12">
        <v>28</v>
      </c>
      <c r="M24" s="12">
        <v>35</v>
      </c>
      <c r="N24" s="12">
        <v>147</v>
      </c>
      <c r="O24" s="12">
        <v>0</v>
      </c>
      <c r="P24" s="12">
        <v>15</v>
      </c>
      <c r="Q24" s="12">
        <v>136</v>
      </c>
      <c r="R24" s="12">
        <v>164</v>
      </c>
    </row>
    <row r="25" spans="1:18" s="4" customFormat="1" x14ac:dyDescent="0.15">
      <c r="A25" s="3"/>
      <c r="B25" s="3" t="s">
        <v>929</v>
      </c>
      <c r="C25" s="12">
        <v>645</v>
      </c>
      <c r="D25" s="12">
        <v>1405</v>
      </c>
      <c r="E25" s="12">
        <v>717</v>
      </c>
      <c r="F25" s="12">
        <v>688</v>
      </c>
      <c r="G25" s="12">
        <v>146</v>
      </c>
      <c r="H25" s="12">
        <v>107</v>
      </c>
      <c r="I25" s="12">
        <v>146</v>
      </c>
      <c r="J25" s="12">
        <v>201</v>
      </c>
      <c r="K25" s="12">
        <v>203</v>
      </c>
      <c r="L25" s="12">
        <v>164</v>
      </c>
      <c r="M25" s="12">
        <v>171</v>
      </c>
      <c r="N25" s="12">
        <v>267</v>
      </c>
      <c r="O25" s="12">
        <v>0</v>
      </c>
      <c r="P25" s="12">
        <v>206</v>
      </c>
      <c r="Q25" s="12">
        <v>855</v>
      </c>
      <c r="R25" s="12">
        <v>344</v>
      </c>
    </row>
    <row r="26" spans="1:18" s="4" customFormat="1" x14ac:dyDescent="0.15">
      <c r="A26" s="3"/>
      <c r="B26" s="3" t="s">
        <v>930</v>
      </c>
      <c r="C26" s="12">
        <v>208</v>
      </c>
      <c r="D26" s="12">
        <v>354</v>
      </c>
      <c r="E26" s="12">
        <v>180</v>
      </c>
      <c r="F26" s="12">
        <v>174</v>
      </c>
      <c r="G26" s="12">
        <v>27</v>
      </c>
      <c r="H26" s="12">
        <v>14</v>
      </c>
      <c r="I26" s="12">
        <v>66</v>
      </c>
      <c r="J26" s="12">
        <v>48</v>
      </c>
      <c r="K26" s="12">
        <v>40</v>
      </c>
      <c r="L26" s="12">
        <v>31</v>
      </c>
      <c r="M26" s="12">
        <v>36</v>
      </c>
      <c r="N26" s="12">
        <v>92</v>
      </c>
      <c r="O26" s="12">
        <v>0</v>
      </c>
      <c r="P26" s="12">
        <v>34</v>
      </c>
      <c r="Q26" s="12">
        <v>212</v>
      </c>
      <c r="R26" s="12">
        <v>108</v>
      </c>
    </row>
    <row r="27" spans="1:18" s="4" customFormat="1" x14ac:dyDescent="0.15">
      <c r="A27" s="3"/>
      <c r="B27" s="3" t="s">
        <v>931</v>
      </c>
      <c r="C27" s="12">
        <v>140</v>
      </c>
      <c r="D27" s="12">
        <v>214</v>
      </c>
      <c r="E27" s="12">
        <v>105</v>
      </c>
      <c r="F27" s="12">
        <v>109</v>
      </c>
      <c r="G27" s="12">
        <v>13</v>
      </c>
      <c r="H27" s="12">
        <v>5</v>
      </c>
      <c r="I27" s="12">
        <v>34</v>
      </c>
      <c r="J27" s="12">
        <v>42</v>
      </c>
      <c r="K27" s="12">
        <v>37</v>
      </c>
      <c r="L27" s="12">
        <v>27</v>
      </c>
      <c r="M27" s="12">
        <v>28</v>
      </c>
      <c r="N27" s="12">
        <v>28</v>
      </c>
      <c r="O27" s="12">
        <v>0</v>
      </c>
      <c r="P27" s="12">
        <v>17</v>
      </c>
      <c r="Q27" s="12">
        <v>154</v>
      </c>
      <c r="R27" s="12">
        <v>43</v>
      </c>
    </row>
    <row r="28" spans="1:18" s="4" customFormat="1" x14ac:dyDescent="0.15">
      <c r="A28" s="3"/>
      <c r="B28" s="3" t="s">
        <v>932</v>
      </c>
      <c r="C28" s="12">
        <v>650</v>
      </c>
      <c r="D28" s="12">
        <v>1100</v>
      </c>
      <c r="E28" s="12">
        <v>568</v>
      </c>
      <c r="F28" s="12">
        <v>532</v>
      </c>
      <c r="G28" s="12">
        <v>69</v>
      </c>
      <c r="H28" s="12">
        <v>47</v>
      </c>
      <c r="I28" s="12">
        <v>178</v>
      </c>
      <c r="J28" s="12">
        <v>156</v>
      </c>
      <c r="K28" s="12">
        <v>149</v>
      </c>
      <c r="L28" s="12">
        <v>119</v>
      </c>
      <c r="M28" s="12">
        <v>140</v>
      </c>
      <c r="N28" s="12">
        <v>242</v>
      </c>
      <c r="O28" s="12">
        <v>0</v>
      </c>
      <c r="P28" s="12">
        <v>90</v>
      </c>
      <c r="Q28" s="12">
        <v>685</v>
      </c>
      <c r="R28" s="12">
        <v>325</v>
      </c>
    </row>
    <row r="29" spans="1:18" s="4" customFormat="1" x14ac:dyDescent="0.15">
      <c r="A29" s="3"/>
      <c r="B29" s="3" t="s">
        <v>933</v>
      </c>
      <c r="C29" s="12">
        <v>480</v>
      </c>
      <c r="D29" s="12">
        <v>1049</v>
      </c>
      <c r="E29" s="12">
        <v>498</v>
      </c>
      <c r="F29" s="12">
        <v>551</v>
      </c>
      <c r="G29" s="12">
        <v>53</v>
      </c>
      <c r="H29" s="12">
        <v>130</v>
      </c>
      <c r="I29" s="12">
        <v>90</v>
      </c>
      <c r="J29" s="12">
        <v>89</v>
      </c>
      <c r="K29" s="12">
        <v>166</v>
      </c>
      <c r="L29" s="12">
        <v>194</v>
      </c>
      <c r="M29" s="12">
        <v>164</v>
      </c>
      <c r="N29" s="12">
        <v>163</v>
      </c>
      <c r="O29" s="12">
        <v>0</v>
      </c>
      <c r="P29" s="12">
        <v>112</v>
      </c>
      <c r="Q29" s="12">
        <v>687</v>
      </c>
      <c r="R29" s="12">
        <v>250</v>
      </c>
    </row>
    <row r="30" spans="1:18" s="4" customFormat="1" x14ac:dyDescent="0.15">
      <c r="A30" s="3"/>
      <c r="B30" s="3" t="s">
        <v>934</v>
      </c>
      <c r="C30" s="12">
        <v>202</v>
      </c>
      <c r="D30" s="12">
        <v>386</v>
      </c>
      <c r="E30" s="12">
        <v>180</v>
      </c>
      <c r="F30" s="12">
        <v>206</v>
      </c>
      <c r="G30" s="12">
        <v>41</v>
      </c>
      <c r="H30" s="12">
        <v>22</v>
      </c>
      <c r="I30" s="12">
        <v>53</v>
      </c>
      <c r="J30" s="12">
        <v>65</v>
      </c>
      <c r="K30" s="12">
        <v>46</v>
      </c>
      <c r="L30" s="12">
        <v>45</v>
      </c>
      <c r="M30" s="12">
        <v>38</v>
      </c>
      <c r="N30" s="12">
        <v>76</v>
      </c>
      <c r="O30" s="12">
        <v>0</v>
      </c>
      <c r="P30" s="12">
        <v>48</v>
      </c>
      <c r="Q30" s="12">
        <v>238</v>
      </c>
      <c r="R30" s="12">
        <v>100</v>
      </c>
    </row>
    <row r="31" spans="1:18" s="4" customFormat="1" x14ac:dyDescent="0.15">
      <c r="A31" s="3"/>
      <c r="B31" s="3" t="s">
        <v>935</v>
      </c>
      <c r="C31" s="12">
        <v>183</v>
      </c>
      <c r="D31" s="12">
        <v>274</v>
      </c>
      <c r="E31" s="12">
        <v>134</v>
      </c>
      <c r="F31" s="12">
        <v>140</v>
      </c>
      <c r="G31" s="12">
        <v>10</v>
      </c>
      <c r="H31" s="12">
        <v>16</v>
      </c>
      <c r="I31" s="12">
        <v>50</v>
      </c>
      <c r="J31" s="12">
        <v>41</v>
      </c>
      <c r="K31" s="12">
        <v>30</v>
      </c>
      <c r="L31" s="12">
        <v>27</v>
      </c>
      <c r="M31" s="12">
        <v>31</v>
      </c>
      <c r="N31" s="12">
        <v>69</v>
      </c>
      <c r="O31" s="12">
        <v>0</v>
      </c>
      <c r="P31" s="12">
        <v>16</v>
      </c>
      <c r="Q31" s="12">
        <v>177</v>
      </c>
      <c r="R31" s="12">
        <v>81</v>
      </c>
    </row>
    <row r="32" spans="1:18" s="4" customFormat="1" x14ac:dyDescent="0.15">
      <c r="A32" s="3"/>
      <c r="B32" s="3" t="s">
        <v>936</v>
      </c>
      <c r="C32" s="12">
        <v>617</v>
      </c>
      <c r="D32" s="12">
        <v>1219</v>
      </c>
      <c r="E32" s="12">
        <v>631</v>
      </c>
      <c r="F32" s="12">
        <v>588</v>
      </c>
      <c r="G32" s="12">
        <v>65</v>
      </c>
      <c r="H32" s="12">
        <v>118</v>
      </c>
      <c r="I32" s="12">
        <v>126</v>
      </c>
      <c r="J32" s="12">
        <v>120</v>
      </c>
      <c r="K32" s="12">
        <v>211</v>
      </c>
      <c r="L32" s="12">
        <v>150</v>
      </c>
      <c r="M32" s="12">
        <v>162</v>
      </c>
      <c r="N32" s="12">
        <v>267</v>
      </c>
      <c r="O32" s="12">
        <v>0</v>
      </c>
      <c r="P32" s="12">
        <v>114</v>
      </c>
      <c r="Q32" s="12">
        <v>757</v>
      </c>
      <c r="R32" s="12">
        <v>348</v>
      </c>
    </row>
    <row r="33" spans="1:18" s="4" customFormat="1" x14ac:dyDescent="0.15">
      <c r="A33" s="3"/>
      <c r="B33" s="3" t="s">
        <v>937</v>
      </c>
      <c r="C33" s="12">
        <v>1235</v>
      </c>
      <c r="D33" s="12">
        <v>2403</v>
      </c>
      <c r="E33" s="12">
        <v>1136</v>
      </c>
      <c r="F33" s="12">
        <v>1267</v>
      </c>
      <c r="G33" s="12">
        <v>193</v>
      </c>
      <c r="H33" s="12">
        <v>125</v>
      </c>
      <c r="I33" s="12">
        <v>260</v>
      </c>
      <c r="J33" s="12">
        <v>391</v>
      </c>
      <c r="K33" s="12">
        <v>304</v>
      </c>
      <c r="L33" s="12">
        <v>282</v>
      </c>
      <c r="M33" s="12">
        <v>382</v>
      </c>
      <c r="N33" s="12">
        <v>466</v>
      </c>
      <c r="O33" s="12">
        <v>0</v>
      </c>
      <c r="P33" s="12">
        <v>248</v>
      </c>
      <c r="Q33" s="12">
        <v>1498</v>
      </c>
      <c r="R33" s="12">
        <v>657</v>
      </c>
    </row>
    <row r="34" spans="1:18" s="4" customFormat="1" x14ac:dyDescent="0.15">
      <c r="A34" s="3"/>
      <c r="B34" s="3" t="s">
        <v>938</v>
      </c>
      <c r="C34" s="12">
        <v>97</v>
      </c>
      <c r="D34" s="12">
        <v>220</v>
      </c>
      <c r="E34" s="12">
        <v>121</v>
      </c>
      <c r="F34" s="12">
        <v>99</v>
      </c>
      <c r="G34" s="12">
        <v>28</v>
      </c>
      <c r="H34" s="12">
        <v>15</v>
      </c>
      <c r="I34" s="12">
        <v>27</v>
      </c>
      <c r="J34" s="12">
        <v>44</v>
      </c>
      <c r="K34" s="12">
        <v>25</v>
      </c>
      <c r="L34" s="12">
        <v>37</v>
      </c>
      <c r="M34" s="12">
        <v>26</v>
      </c>
      <c r="N34" s="12">
        <v>18</v>
      </c>
      <c r="O34" s="12">
        <v>0</v>
      </c>
      <c r="P34" s="12">
        <v>38</v>
      </c>
      <c r="Q34" s="12">
        <v>157</v>
      </c>
      <c r="R34" s="12">
        <v>25</v>
      </c>
    </row>
    <row r="35" spans="1:18" s="4" customFormat="1" x14ac:dyDescent="0.15">
      <c r="A35" s="3"/>
      <c r="B35" s="3" t="s">
        <v>939</v>
      </c>
      <c r="C35" s="12">
        <v>135</v>
      </c>
      <c r="D35" s="12">
        <v>277</v>
      </c>
      <c r="E35" s="12">
        <v>135</v>
      </c>
      <c r="F35" s="12">
        <v>142</v>
      </c>
      <c r="G35" s="12">
        <v>13</v>
      </c>
      <c r="H35" s="12">
        <v>25</v>
      </c>
      <c r="I35" s="12">
        <v>41</v>
      </c>
      <c r="J35" s="12">
        <v>39</v>
      </c>
      <c r="K35" s="12">
        <v>42</v>
      </c>
      <c r="L35" s="12">
        <v>39</v>
      </c>
      <c r="M35" s="12">
        <v>31</v>
      </c>
      <c r="N35" s="12">
        <v>47</v>
      </c>
      <c r="O35" s="12">
        <v>0</v>
      </c>
      <c r="P35" s="12">
        <v>28</v>
      </c>
      <c r="Q35" s="12">
        <v>186</v>
      </c>
      <c r="R35" s="12">
        <v>63</v>
      </c>
    </row>
    <row r="36" spans="1:18" s="4" customFormat="1" x14ac:dyDescent="0.15">
      <c r="A36" s="3"/>
      <c r="B36" s="3" t="s">
        <v>940</v>
      </c>
      <c r="C36" s="12">
        <v>271</v>
      </c>
      <c r="D36" s="12">
        <v>524</v>
      </c>
      <c r="E36" s="12">
        <v>248</v>
      </c>
      <c r="F36" s="12">
        <v>276</v>
      </c>
      <c r="G36" s="12">
        <v>45</v>
      </c>
      <c r="H36" s="12">
        <v>25</v>
      </c>
      <c r="I36" s="12">
        <v>67</v>
      </c>
      <c r="J36" s="12">
        <v>60</v>
      </c>
      <c r="K36" s="12">
        <v>57</v>
      </c>
      <c r="L36" s="12">
        <v>83</v>
      </c>
      <c r="M36" s="12">
        <v>60</v>
      </c>
      <c r="N36" s="12">
        <v>127</v>
      </c>
      <c r="O36" s="12">
        <v>0</v>
      </c>
      <c r="P36" s="12">
        <v>60</v>
      </c>
      <c r="Q36" s="12">
        <v>304</v>
      </c>
      <c r="R36" s="12">
        <v>160</v>
      </c>
    </row>
    <row r="37" spans="1:18" s="4" customFormat="1" x14ac:dyDescent="0.15">
      <c r="A37" s="3"/>
      <c r="B37" s="3" t="s">
        <v>941</v>
      </c>
      <c r="C37" s="12">
        <v>196</v>
      </c>
      <c r="D37" s="12">
        <v>383</v>
      </c>
      <c r="E37" s="12">
        <v>191</v>
      </c>
      <c r="F37" s="12">
        <v>192</v>
      </c>
      <c r="G37" s="12">
        <v>16</v>
      </c>
      <c r="H37" s="12">
        <v>26</v>
      </c>
      <c r="I37" s="12">
        <v>36</v>
      </c>
      <c r="J37" s="12">
        <v>49</v>
      </c>
      <c r="K37" s="12">
        <v>53</v>
      </c>
      <c r="L37" s="12">
        <v>66</v>
      </c>
      <c r="M37" s="12">
        <v>58</v>
      </c>
      <c r="N37" s="12">
        <v>79</v>
      </c>
      <c r="O37" s="12">
        <v>0</v>
      </c>
      <c r="P37" s="12">
        <v>29</v>
      </c>
      <c r="Q37" s="12">
        <v>244</v>
      </c>
      <c r="R37" s="12">
        <v>110</v>
      </c>
    </row>
    <row r="38" spans="1:18" s="4" customFormat="1" x14ac:dyDescent="0.15">
      <c r="A38" s="3"/>
      <c r="B38" s="3" t="s">
        <v>942</v>
      </c>
      <c r="C38" s="12">
        <v>668</v>
      </c>
      <c r="D38" s="12">
        <v>1036</v>
      </c>
      <c r="E38" s="12">
        <v>542</v>
      </c>
      <c r="F38" s="12">
        <v>494</v>
      </c>
      <c r="G38" s="12">
        <v>68</v>
      </c>
      <c r="H38" s="12">
        <v>40</v>
      </c>
      <c r="I38" s="12">
        <v>212</v>
      </c>
      <c r="J38" s="12">
        <v>187</v>
      </c>
      <c r="K38" s="12">
        <v>166</v>
      </c>
      <c r="L38" s="12">
        <v>122</v>
      </c>
      <c r="M38" s="12">
        <v>72</v>
      </c>
      <c r="N38" s="12">
        <v>169</v>
      </c>
      <c r="O38" s="12">
        <v>0</v>
      </c>
      <c r="P38" s="12">
        <v>91</v>
      </c>
      <c r="Q38" s="12">
        <v>747</v>
      </c>
      <c r="R38" s="12">
        <v>198</v>
      </c>
    </row>
    <row r="39" spans="1:18" s="4" customFormat="1" x14ac:dyDescent="0.15">
      <c r="A39" s="3"/>
      <c r="B39" s="3" t="s">
        <v>943</v>
      </c>
      <c r="C39" s="12">
        <v>156</v>
      </c>
      <c r="D39" s="12">
        <v>311</v>
      </c>
      <c r="E39" s="12">
        <v>150</v>
      </c>
      <c r="F39" s="12">
        <v>161</v>
      </c>
      <c r="G39" s="12">
        <v>18</v>
      </c>
      <c r="H39" s="12">
        <v>35</v>
      </c>
      <c r="I39" s="12">
        <v>30</v>
      </c>
      <c r="J39" s="12">
        <v>24</v>
      </c>
      <c r="K39" s="12">
        <v>66</v>
      </c>
      <c r="L39" s="12">
        <v>58</v>
      </c>
      <c r="M39" s="12">
        <v>40</v>
      </c>
      <c r="N39" s="12">
        <v>40</v>
      </c>
      <c r="O39" s="12">
        <v>0</v>
      </c>
      <c r="P39" s="12">
        <v>35</v>
      </c>
      <c r="Q39" s="12">
        <v>218</v>
      </c>
      <c r="R39" s="12">
        <v>58</v>
      </c>
    </row>
    <row r="40" spans="1:18" s="4" customFormat="1" x14ac:dyDescent="0.15">
      <c r="A40" s="3"/>
      <c r="B40" s="3" t="s">
        <v>944</v>
      </c>
      <c r="C40" s="12">
        <v>127</v>
      </c>
      <c r="D40" s="12">
        <v>200</v>
      </c>
      <c r="E40" s="12">
        <v>100</v>
      </c>
      <c r="F40" s="12">
        <v>100</v>
      </c>
      <c r="G40" s="12">
        <v>13</v>
      </c>
      <c r="H40" s="12">
        <v>10</v>
      </c>
      <c r="I40" s="12">
        <v>23</v>
      </c>
      <c r="J40" s="12">
        <v>37</v>
      </c>
      <c r="K40" s="12">
        <v>39</v>
      </c>
      <c r="L40" s="12">
        <v>28</v>
      </c>
      <c r="M40" s="12">
        <v>15</v>
      </c>
      <c r="N40" s="12">
        <v>35</v>
      </c>
      <c r="O40" s="12">
        <v>0</v>
      </c>
      <c r="P40" s="12">
        <v>16</v>
      </c>
      <c r="Q40" s="12">
        <v>147</v>
      </c>
      <c r="R40" s="12">
        <v>37</v>
      </c>
    </row>
    <row r="41" spans="1:18" s="4" customFormat="1" x14ac:dyDescent="0.15">
      <c r="A41" s="3"/>
      <c r="B41" s="3" t="s">
        <v>945</v>
      </c>
      <c r="C41" s="12">
        <v>4</v>
      </c>
      <c r="D41" s="12">
        <v>4</v>
      </c>
      <c r="E41" s="12">
        <v>4</v>
      </c>
      <c r="F41" s="12">
        <v>0</v>
      </c>
      <c r="G41" s="12" t="s">
        <v>132</v>
      </c>
      <c r="H41" s="12" t="s">
        <v>132</v>
      </c>
      <c r="I41" s="12" t="s">
        <v>132</v>
      </c>
      <c r="J41" s="12" t="s">
        <v>132</v>
      </c>
      <c r="K41" s="12" t="s">
        <v>132</v>
      </c>
      <c r="L41" s="12" t="s">
        <v>132</v>
      </c>
      <c r="M41" s="12" t="s">
        <v>132</v>
      </c>
      <c r="N41" s="12" t="s">
        <v>132</v>
      </c>
      <c r="O41" s="12" t="s">
        <v>132</v>
      </c>
      <c r="P41" s="12" t="s">
        <v>132</v>
      </c>
      <c r="Q41" s="12" t="s">
        <v>132</v>
      </c>
      <c r="R41" s="12" t="s">
        <v>132</v>
      </c>
    </row>
    <row r="42" spans="1:18" s="4" customFormat="1" x14ac:dyDescent="0.15">
      <c r="A42" s="3"/>
      <c r="B42" s="3" t="s">
        <v>946</v>
      </c>
      <c r="C42" s="12">
        <v>166</v>
      </c>
      <c r="D42" s="12">
        <v>291</v>
      </c>
      <c r="E42" s="12">
        <v>157</v>
      </c>
      <c r="F42" s="12">
        <v>134</v>
      </c>
      <c r="G42" s="12">
        <v>8</v>
      </c>
      <c r="H42" s="12">
        <v>25</v>
      </c>
      <c r="I42" s="12">
        <v>32</v>
      </c>
      <c r="J42" s="12">
        <v>33</v>
      </c>
      <c r="K42" s="12">
        <v>33</v>
      </c>
      <c r="L42" s="12">
        <v>48</v>
      </c>
      <c r="M42" s="12">
        <v>31</v>
      </c>
      <c r="N42" s="12">
        <v>81</v>
      </c>
      <c r="O42" s="12">
        <v>0</v>
      </c>
      <c r="P42" s="12">
        <v>20</v>
      </c>
      <c r="Q42" s="12">
        <v>176</v>
      </c>
      <c r="R42" s="12">
        <v>95</v>
      </c>
    </row>
    <row r="43" spans="1:18" s="4" customFormat="1" x14ac:dyDescent="0.15">
      <c r="A43" s="3"/>
      <c r="B43" s="3" t="s">
        <v>947</v>
      </c>
      <c r="C43" s="12">
        <v>214</v>
      </c>
      <c r="D43" s="12">
        <v>354</v>
      </c>
      <c r="E43" s="12">
        <v>175</v>
      </c>
      <c r="F43" s="12">
        <v>179</v>
      </c>
      <c r="G43" s="12">
        <v>28</v>
      </c>
      <c r="H43" s="12">
        <v>17</v>
      </c>
      <c r="I43" s="12">
        <v>28</v>
      </c>
      <c r="J43" s="12">
        <v>68</v>
      </c>
      <c r="K43" s="12">
        <v>61</v>
      </c>
      <c r="L43" s="12">
        <v>41</v>
      </c>
      <c r="M43" s="12">
        <v>29</v>
      </c>
      <c r="N43" s="12">
        <v>82</v>
      </c>
      <c r="O43" s="12">
        <v>0</v>
      </c>
      <c r="P43" s="12">
        <v>37</v>
      </c>
      <c r="Q43" s="12">
        <v>221</v>
      </c>
      <c r="R43" s="12">
        <v>96</v>
      </c>
    </row>
    <row r="44" spans="1:18" s="4" customFormat="1" x14ac:dyDescent="0.15">
      <c r="A44" s="3"/>
      <c r="B44" s="3" t="s">
        <v>948</v>
      </c>
      <c r="C44" s="12">
        <v>205</v>
      </c>
      <c r="D44" s="12">
        <v>261</v>
      </c>
      <c r="E44" s="12">
        <v>175</v>
      </c>
      <c r="F44" s="12">
        <v>86</v>
      </c>
      <c r="G44" s="12">
        <v>4</v>
      </c>
      <c r="H44" s="12">
        <v>5</v>
      </c>
      <c r="I44" s="12">
        <v>70</v>
      </c>
      <c r="J44" s="12">
        <v>50</v>
      </c>
      <c r="K44" s="12">
        <v>35</v>
      </c>
      <c r="L44" s="12">
        <v>41</v>
      </c>
      <c r="M44" s="12">
        <v>21</v>
      </c>
      <c r="N44" s="12">
        <v>35</v>
      </c>
      <c r="O44" s="12">
        <v>0</v>
      </c>
      <c r="P44" s="12">
        <v>6</v>
      </c>
      <c r="Q44" s="12">
        <v>215</v>
      </c>
      <c r="R44" s="12">
        <v>40</v>
      </c>
    </row>
    <row r="45" spans="1:18" s="4" customFormat="1" x14ac:dyDescent="0.15">
      <c r="A45" s="3"/>
      <c r="B45" s="3" t="s">
        <v>949</v>
      </c>
      <c r="C45" s="12">
        <v>209</v>
      </c>
      <c r="D45" s="12">
        <v>428</v>
      </c>
      <c r="E45" s="12">
        <v>217</v>
      </c>
      <c r="F45" s="12">
        <v>211</v>
      </c>
      <c r="G45" s="12">
        <v>29</v>
      </c>
      <c r="H45" s="12">
        <v>49</v>
      </c>
      <c r="I45" s="12">
        <v>67</v>
      </c>
      <c r="J45" s="12">
        <v>50</v>
      </c>
      <c r="K45" s="12">
        <v>60</v>
      </c>
      <c r="L45" s="12">
        <v>54</v>
      </c>
      <c r="M45" s="12">
        <v>38</v>
      </c>
      <c r="N45" s="12">
        <v>81</v>
      </c>
      <c r="O45" s="12">
        <v>0</v>
      </c>
      <c r="P45" s="12">
        <v>50</v>
      </c>
      <c r="Q45" s="12">
        <v>280</v>
      </c>
      <c r="R45" s="12">
        <v>98</v>
      </c>
    </row>
    <row r="46" spans="1:18" s="4" customFormat="1" x14ac:dyDescent="0.15">
      <c r="A46" s="3"/>
      <c r="B46" s="3" t="s">
        <v>950</v>
      </c>
      <c r="C46" s="12">
        <v>162</v>
      </c>
      <c r="D46" s="12">
        <v>289</v>
      </c>
      <c r="E46" s="12">
        <v>153</v>
      </c>
      <c r="F46" s="12">
        <v>136</v>
      </c>
      <c r="G46" s="12">
        <v>22</v>
      </c>
      <c r="H46" s="12">
        <v>20</v>
      </c>
      <c r="I46" s="12">
        <v>34</v>
      </c>
      <c r="J46" s="12">
        <v>39</v>
      </c>
      <c r="K46" s="12">
        <v>46</v>
      </c>
      <c r="L46" s="12">
        <v>44</v>
      </c>
      <c r="M46" s="12">
        <v>33</v>
      </c>
      <c r="N46" s="12">
        <v>51</v>
      </c>
      <c r="O46" s="12">
        <v>0</v>
      </c>
      <c r="P46" s="12">
        <v>32</v>
      </c>
      <c r="Q46" s="12">
        <v>188</v>
      </c>
      <c r="R46" s="12">
        <v>69</v>
      </c>
    </row>
    <row r="47" spans="1:18" s="4" customFormat="1" x14ac:dyDescent="0.15">
      <c r="A47" s="3"/>
      <c r="B47" s="3" t="s">
        <v>951</v>
      </c>
      <c r="C47" s="12">
        <v>192</v>
      </c>
      <c r="D47" s="12">
        <v>397</v>
      </c>
      <c r="E47" s="12">
        <v>186</v>
      </c>
      <c r="F47" s="12">
        <v>211</v>
      </c>
      <c r="G47" s="12">
        <v>26</v>
      </c>
      <c r="H47" s="12">
        <v>41</v>
      </c>
      <c r="I47" s="12">
        <v>46</v>
      </c>
      <c r="J47" s="12">
        <v>34</v>
      </c>
      <c r="K47" s="12">
        <v>76</v>
      </c>
      <c r="L47" s="12">
        <v>76</v>
      </c>
      <c r="M47" s="12">
        <v>47</v>
      </c>
      <c r="N47" s="12">
        <v>51</v>
      </c>
      <c r="O47" s="12">
        <v>0</v>
      </c>
      <c r="P47" s="12">
        <v>47</v>
      </c>
      <c r="Q47" s="12">
        <v>278</v>
      </c>
      <c r="R47" s="12">
        <v>72</v>
      </c>
    </row>
    <row r="48" spans="1:18" s="4" customFormat="1" x14ac:dyDescent="0.15">
      <c r="A48" s="3"/>
      <c r="B48" s="3" t="s">
        <v>952</v>
      </c>
      <c r="C48" s="12">
        <v>763</v>
      </c>
      <c r="D48" s="12">
        <v>1342</v>
      </c>
      <c r="E48" s="12">
        <v>619</v>
      </c>
      <c r="F48" s="12">
        <v>723</v>
      </c>
      <c r="G48" s="12">
        <v>66</v>
      </c>
      <c r="H48" s="12">
        <v>89</v>
      </c>
      <c r="I48" s="12">
        <v>114</v>
      </c>
      <c r="J48" s="12">
        <v>133</v>
      </c>
      <c r="K48" s="12">
        <v>185</v>
      </c>
      <c r="L48" s="12">
        <v>222</v>
      </c>
      <c r="M48" s="12">
        <v>161</v>
      </c>
      <c r="N48" s="12">
        <v>372</v>
      </c>
      <c r="O48" s="12">
        <v>0</v>
      </c>
      <c r="P48" s="12">
        <v>111</v>
      </c>
      <c r="Q48" s="12">
        <v>780</v>
      </c>
      <c r="R48" s="12">
        <v>451</v>
      </c>
    </row>
    <row r="49" spans="1:18" s="4" customFormat="1" x14ac:dyDescent="0.15">
      <c r="A49" s="3"/>
      <c r="B49" s="3" t="s">
        <v>953</v>
      </c>
      <c r="C49" s="12">
        <v>641</v>
      </c>
      <c r="D49" s="12">
        <v>1437</v>
      </c>
      <c r="E49" s="12">
        <v>681</v>
      </c>
      <c r="F49" s="12">
        <v>756</v>
      </c>
      <c r="G49" s="12">
        <v>126</v>
      </c>
      <c r="H49" s="12">
        <v>105</v>
      </c>
      <c r="I49" s="12">
        <v>146</v>
      </c>
      <c r="J49" s="12">
        <v>180</v>
      </c>
      <c r="K49" s="12">
        <v>187</v>
      </c>
      <c r="L49" s="12">
        <v>260</v>
      </c>
      <c r="M49" s="12">
        <v>218</v>
      </c>
      <c r="N49" s="12">
        <v>215</v>
      </c>
      <c r="O49" s="12">
        <v>0</v>
      </c>
      <c r="P49" s="12">
        <v>171</v>
      </c>
      <c r="Q49" s="12">
        <v>963</v>
      </c>
      <c r="R49" s="12">
        <v>303</v>
      </c>
    </row>
    <row r="50" spans="1:18" s="4" customFormat="1" x14ac:dyDescent="0.15">
      <c r="A50" s="3"/>
      <c r="B50" s="3" t="s">
        <v>954</v>
      </c>
      <c r="C50" s="12">
        <v>542</v>
      </c>
      <c r="D50" s="12">
        <v>1065</v>
      </c>
      <c r="E50" s="12">
        <v>519</v>
      </c>
      <c r="F50" s="12">
        <v>546</v>
      </c>
      <c r="G50" s="12">
        <v>83</v>
      </c>
      <c r="H50" s="12">
        <v>68</v>
      </c>
      <c r="I50" s="12">
        <v>142</v>
      </c>
      <c r="J50" s="12">
        <v>153</v>
      </c>
      <c r="K50" s="12">
        <v>151</v>
      </c>
      <c r="L50" s="12">
        <v>174</v>
      </c>
      <c r="M50" s="12">
        <v>122</v>
      </c>
      <c r="N50" s="12">
        <v>172</v>
      </c>
      <c r="O50" s="12">
        <v>0</v>
      </c>
      <c r="P50" s="12">
        <v>111</v>
      </c>
      <c r="Q50" s="12">
        <v>725</v>
      </c>
      <c r="R50" s="12">
        <v>229</v>
      </c>
    </row>
    <row r="51" spans="1:18" s="4" customFormat="1" x14ac:dyDescent="0.15">
      <c r="A51" s="3"/>
      <c r="B51" s="3" t="s">
        <v>955</v>
      </c>
      <c r="C51" s="12">
        <v>573</v>
      </c>
      <c r="D51" s="12">
        <v>1194</v>
      </c>
      <c r="E51" s="12">
        <v>585</v>
      </c>
      <c r="F51" s="12">
        <v>609</v>
      </c>
      <c r="G51" s="12">
        <v>75</v>
      </c>
      <c r="H51" s="12">
        <v>105</v>
      </c>
      <c r="I51" s="12">
        <v>110</v>
      </c>
      <c r="J51" s="12">
        <v>136</v>
      </c>
      <c r="K51" s="12">
        <v>155</v>
      </c>
      <c r="L51" s="12">
        <v>169</v>
      </c>
      <c r="M51" s="12">
        <v>174</v>
      </c>
      <c r="N51" s="12">
        <v>270</v>
      </c>
      <c r="O51" s="12">
        <v>0</v>
      </c>
      <c r="P51" s="12">
        <v>119</v>
      </c>
      <c r="Q51" s="12">
        <v>710</v>
      </c>
      <c r="R51" s="12">
        <v>365</v>
      </c>
    </row>
    <row r="52" spans="1:18" s="4" customFormat="1" x14ac:dyDescent="0.15">
      <c r="A52" s="3"/>
      <c r="B52" s="3" t="s">
        <v>956</v>
      </c>
      <c r="C52" s="12">
        <v>280</v>
      </c>
      <c r="D52" s="12">
        <v>601</v>
      </c>
      <c r="E52" s="12">
        <v>283</v>
      </c>
      <c r="F52" s="12">
        <v>318</v>
      </c>
      <c r="G52" s="12">
        <v>47</v>
      </c>
      <c r="H52" s="12">
        <v>55</v>
      </c>
      <c r="I52" s="12">
        <v>35</v>
      </c>
      <c r="J52" s="12">
        <v>91</v>
      </c>
      <c r="K52" s="12">
        <v>89</v>
      </c>
      <c r="L52" s="12">
        <v>66</v>
      </c>
      <c r="M52" s="12">
        <v>83</v>
      </c>
      <c r="N52" s="12">
        <v>135</v>
      </c>
      <c r="O52" s="12">
        <v>0</v>
      </c>
      <c r="P52" s="12">
        <v>81</v>
      </c>
      <c r="Q52" s="12">
        <v>344</v>
      </c>
      <c r="R52" s="12">
        <v>176</v>
      </c>
    </row>
    <row r="53" spans="1:18" s="4" customFormat="1" x14ac:dyDescent="0.15">
      <c r="A53" s="3"/>
      <c r="B53" s="3" t="s">
        <v>957</v>
      </c>
      <c r="C53" s="12">
        <v>60</v>
      </c>
      <c r="D53" s="12">
        <v>126</v>
      </c>
      <c r="E53" s="12">
        <v>59</v>
      </c>
      <c r="F53" s="12">
        <v>67</v>
      </c>
      <c r="G53" s="12">
        <v>12</v>
      </c>
      <c r="H53" s="12">
        <v>8</v>
      </c>
      <c r="I53" s="12">
        <v>11</v>
      </c>
      <c r="J53" s="12">
        <v>11</v>
      </c>
      <c r="K53" s="12">
        <v>17</v>
      </c>
      <c r="L53" s="12">
        <v>22</v>
      </c>
      <c r="M53" s="12">
        <v>23</v>
      </c>
      <c r="N53" s="12">
        <v>22</v>
      </c>
      <c r="O53" s="12">
        <v>0</v>
      </c>
      <c r="P53" s="12">
        <v>16</v>
      </c>
      <c r="Q53" s="12">
        <v>76</v>
      </c>
      <c r="R53" s="12">
        <v>34</v>
      </c>
    </row>
    <row r="54" spans="1:18" s="4" customFormat="1" x14ac:dyDescent="0.15">
      <c r="A54" s="3"/>
      <c r="B54" s="3" t="s">
        <v>958</v>
      </c>
      <c r="C54" s="12">
        <v>359</v>
      </c>
      <c r="D54" s="12">
        <v>709</v>
      </c>
      <c r="E54" s="12">
        <v>350</v>
      </c>
      <c r="F54" s="12">
        <v>359</v>
      </c>
      <c r="G54" s="12">
        <v>46</v>
      </c>
      <c r="H54" s="12">
        <v>65</v>
      </c>
      <c r="I54" s="12">
        <v>85</v>
      </c>
      <c r="J54" s="12">
        <v>68</v>
      </c>
      <c r="K54" s="12">
        <v>106</v>
      </c>
      <c r="L54" s="12">
        <v>115</v>
      </c>
      <c r="M54" s="12">
        <v>89</v>
      </c>
      <c r="N54" s="12">
        <v>135</v>
      </c>
      <c r="O54" s="12">
        <v>0</v>
      </c>
      <c r="P54" s="12">
        <v>84</v>
      </c>
      <c r="Q54" s="12">
        <v>437</v>
      </c>
      <c r="R54" s="12">
        <v>188</v>
      </c>
    </row>
    <row r="55" spans="1:18" s="4" customFormat="1" x14ac:dyDescent="0.15">
      <c r="A55" s="3"/>
      <c r="B55" s="3" t="s">
        <v>959</v>
      </c>
      <c r="C55" s="12">
        <v>620</v>
      </c>
      <c r="D55" s="12">
        <v>1240</v>
      </c>
      <c r="E55" s="12">
        <v>634</v>
      </c>
      <c r="F55" s="12">
        <v>606</v>
      </c>
      <c r="G55" s="12">
        <v>95</v>
      </c>
      <c r="H55" s="12">
        <v>92</v>
      </c>
      <c r="I55" s="12">
        <v>110</v>
      </c>
      <c r="J55" s="12">
        <v>151</v>
      </c>
      <c r="K55" s="12">
        <v>165</v>
      </c>
      <c r="L55" s="12">
        <v>158</v>
      </c>
      <c r="M55" s="12">
        <v>168</v>
      </c>
      <c r="N55" s="12">
        <v>301</v>
      </c>
      <c r="O55" s="12">
        <v>0</v>
      </c>
      <c r="P55" s="12">
        <v>145</v>
      </c>
      <c r="Q55" s="12">
        <v>707</v>
      </c>
      <c r="R55" s="12">
        <v>388</v>
      </c>
    </row>
    <row r="56" spans="1:18" s="4" customFormat="1" x14ac:dyDescent="0.15">
      <c r="A56" s="3"/>
      <c r="B56" s="3" t="s">
        <v>960</v>
      </c>
      <c r="C56" s="12">
        <v>506</v>
      </c>
      <c r="D56" s="12">
        <v>1150</v>
      </c>
      <c r="E56" s="12">
        <v>572</v>
      </c>
      <c r="F56" s="12">
        <v>578</v>
      </c>
      <c r="G56" s="12">
        <v>82</v>
      </c>
      <c r="H56" s="12">
        <v>92</v>
      </c>
      <c r="I56" s="12">
        <v>118</v>
      </c>
      <c r="J56" s="12">
        <v>132</v>
      </c>
      <c r="K56" s="12">
        <v>152</v>
      </c>
      <c r="L56" s="12">
        <v>144</v>
      </c>
      <c r="M56" s="12">
        <v>134</v>
      </c>
      <c r="N56" s="12">
        <v>296</v>
      </c>
      <c r="O56" s="12">
        <v>0</v>
      </c>
      <c r="P56" s="12">
        <v>132</v>
      </c>
      <c r="Q56" s="12">
        <v>662</v>
      </c>
      <c r="R56" s="12">
        <v>356</v>
      </c>
    </row>
    <row r="57" spans="1:18" s="4" customFormat="1" x14ac:dyDescent="0.15">
      <c r="A57" s="3"/>
      <c r="B57" s="3" t="s">
        <v>961</v>
      </c>
      <c r="C57" s="12">
        <v>442</v>
      </c>
      <c r="D57" s="12">
        <v>867</v>
      </c>
      <c r="E57" s="12">
        <v>434</v>
      </c>
      <c r="F57" s="12">
        <v>433</v>
      </c>
      <c r="G57" s="12">
        <v>53</v>
      </c>
      <c r="H57" s="12">
        <v>57</v>
      </c>
      <c r="I57" s="12">
        <v>154</v>
      </c>
      <c r="J57" s="12">
        <v>113</v>
      </c>
      <c r="K57" s="12">
        <v>104</v>
      </c>
      <c r="L57" s="12">
        <v>125</v>
      </c>
      <c r="M57" s="12">
        <v>113</v>
      </c>
      <c r="N57" s="12">
        <v>148</v>
      </c>
      <c r="O57" s="12">
        <v>0</v>
      </c>
      <c r="P57" s="12">
        <v>80</v>
      </c>
      <c r="Q57" s="12">
        <v>578</v>
      </c>
      <c r="R57" s="12">
        <v>209</v>
      </c>
    </row>
    <row r="58" spans="1:18" s="4" customFormat="1" x14ac:dyDescent="0.15">
      <c r="A58" s="3"/>
      <c r="B58" s="3" t="s">
        <v>962</v>
      </c>
      <c r="C58" s="12">
        <v>444</v>
      </c>
      <c r="D58" s="12">
        <v>800</v>
      </c>
      <c r="E58" s="12">
        <v>392</v>
      </c>
      <c r="F58" s="12">
        <v>408</v>
      </c>
      <c r="G58" s="12">
        <v>60</v>
      </c>
      <c r="H58" s="12">
        <v>47</v>
      </c>
      <c r="I58" s="12">
        <v>160</v>
      </c>
      <c r="J58" s="12">
        <v>141</v>
      </c>
      <c r="K58" s="12">
        <v>116</v>
      </c>
      <c r="L58" s="12">
        <v>85</v>
      </c>
      <c r="M58" s="12">
        <v>72</v>
      </c>
      <c r="N58" s="12">
        <v>119</v>
      </c>
      <c r="O58" s="12">
        <v>0</v>
      </c>
      <c r="P58" s="12">
        <v>84</v>
      </c>
      <c r="Q58" s="12">
        <v>560</v>
      </c>
      <c r="R58" s="12">
        <v>156</v>
      </c>
    </row>
    <row r="59" spans="1:18" s="4" customFormat="1" x14ac:dyDescent="0.15">
      <c r="A59" s="3"/>
      <c r="B59" s="3" t="s">
        <v>963</v>
      </c>
      <c r="C59" s="12">
        <v>896</v>
      </c>
      <c r="D59" s="12">
        <v>1593</v>
      </c>
      <c r="E59" s="12">
        <v>769</v>
      </c>
      <c r="F59" s="12">
        <v>824</v>
      </c>
      <c r="G59" s="12">
        <v>91</v>
      </c>
      <c r="H59" s="12">
        <v>88</v>
      </c>
      <c r="I59" s="12">
        <v>212</v>
      </c>
      <c r="J59" s="12">
        <v>255</v>
      </c>
      <c r="K59" s="12">
        <v>181</v>
      </c>
      <c r="L59" s="12">
        <v>168</v>
      </c>
      <c r="M59" s="12">
        <v>219</v>
      </c>
      <c r="N59" s="12">
        <v>379</v>
      </c>
      <c r="O59" s="12">
        <v>0</v>
      </c>
      <c r="P59" s="12">
        <v>124</v>
      </c>
      <c r="Q59" s="12">
        <v>986</v>
      </c>
      <c r="R59" s="12">
        <v>483</v>
      </c>
    </row>
    <row r="60" spans="1:18" s="4" customFormat="1" x14ac:dyDescent="0.15">
      <c r="A60" s="3"/>
      <c r="B60" s="3" t="s">
        <v>964</v>
      </c>
      <c r="C60" s="12">
        <v>273</v>
      </c>
      <c r="D60" s="12">
        <v>554</v>
      </c>
      <c r="E60" s="12">
        <v>289</v>
      </c>
      <c r="F60" s="12">
        <v>265</v>
      </c>
      <c r="G60" s="12">
        <v>46</v>
      </c>
      <c r="H60" s="12">
        <v>51</v>
      </c>
      <c r="I60" s="12">
        <v>71</v>
      </c>
      <c r="J60" s="12">
        <v>82</v>
      </c>
      <c r="K60" s="12">
        <v>79</v>
      </c>
      <c r="L60" s="12">
        <v>94</v>
      </c>
      <c r="M60" s="12">
        <v>63</v>
      </c>
      <c r="N60" s="12">
        <v>68</v>
      </c>
      <c r="O60" s="12">
        <v>0</v>
      </c>
      <c r="P60" s="12">
        <v>66</v>
      </c>
      <c r="Q60" s="12">
        <v>391</v>
      </c>
      <c r="R60" s="12">
        <v>97</v>
      </c>
    </row>
    <row r="61" spans="1:18" s="4" customFormat="1" x14ac:dyDescent="0.15">
      <c r="A61" s="3"/>
      <c r="B61" s="3" t="s">
        <v>965</v>
      </c>
      <c r="C61" s="12">
        <v>159</v>
      </c>
      <c r="D61" s="12">
        <v>298</v>
      </c>
      <c r="E61" s="12">
        <v>153</v>
      </c>
      <c r="F61" s="12">
        <v>145</v>
      </c>
      <c r="G61" s="12">
        <v>24</v>
      </c>
      <c r="H61" s="12">
        <v>15</v>
      </c>
      <c r="I61" s="12">
        <v>43</v>
      </c>
      <c r="J61" s="12">
        <v>56</v>
      </c>
      <c r="K61" s="12">
        <v>40</v>
      </c>
      <c r="L61" s="12">
        <v>51</v>
      </c>
      <c r="M61" s="12">
        <v>25</v>
      </c>
      <c r="N61" s="12">
        <v>44</v>
      </c>
      <c r="O61" s="12">
        <v>0</v>
      </c>
      <c r="P61" s="12">
        <v>30</v>
      </c>
      <c r="Q61" s="12">
        <v>212</v>
      </c>
      <c r="R61" s="12">
        <v>56</v>
      </c>
    </row>
    <row r="62" spans="1:18" s="4" customFormat="1" x14ac:dyDescent="0.15">
      <c r="A62" s="3"/>
      <c r="B62" s="3" t="s">
        <v>966</v>
      </c>
      <c r="C62" s="12">
        <v>567</v>
      </c>
      <c r="D62" s="12">
        <v>1067</v>
      </c>
      <c r="E62" s="12">
        <v>536</v>
      </c>
      <c r="F62" s="12">
        <v>531</v>
      </c>
      <c r="G62" s="12">
        <v>101</v>
      </c>
      <c r="H62" s="12">
        <v>53</v>
      </c>
      <c r="I62" s="12">
        <v>139</v>
      </c>
      <c r="J62" s="12">
        <v>162</v>
      </c>
      <c r="K62" s="12">
        <v>177</v>
      </c>
      <c r="L62" s="12">
        <v>142</v>
      </c>
      <c r="M62" s="12">
        <v>123</v>
      </c>
      <c r="N62" s="12">
        <v>170</v>
      </c>
      <c r="O62" s="12">
        <v>0</v>
      </c>
      <c r="P62" s="12">
        <v>134</v>
      </c>
      <c r="Q62" s="12">
        <v>700</v>
      </c>
      <c r="R62" s="12">
        <v>233</v>
      </c>
    </row>
    <row r="63" spans="1:18" s="4" customFormat="1" x14ac:dyDescent="0.15">
      <c r="A63" s="3"/>
      <c r="B63" s="3" t="s">
        <v>967</v>
      </c>
      <c r="C63" s="12">
        <v>1</v>
      </c>
      <c r="D63" s="12">
        <v>4</v>
      </c>
      <c r="E63" s="12">
        <v>2</v>
      </c>
      <c r="F63" s="12">
        <v>2</v>
      </c>
      <c r="G63" s="12" t="s">
        <v>132</v>
      </c>
      <c r="H63" s="12" t="s">
        <v>132</v>
      </c>
      <c r="I63" s="12" t="s">
        <v>132</v>
      </c>
      <c r="J63" s="12" t="s">
        <v>132</v>
      </c>
      <c r="K63" s="12" t="s">
        <v>132</v>
      </c>
      <c r="L63" s="12" t="s">
        <v>132</v>
      </c>
      <c r="M63" s="12" t="s">
        <v>132</v>
      </c>
      <c r="N63" s="12" t="s">
        <v>132</v>
      </c>
      <c r="O63" s="12" t="s">
        <v>132</v>
      </c>
      <c r="P63" s="12" t="s">
        <v>132</v>
      </c>
      <c r="Q63" s="12" t="s">
        <v>132</v>
      </c>
      <c r="R63" s="12" t="s">
        <v>132</v>
      </c>
    </row>
    <row r="64" spans="1:18" s="4" customFormat="1" x14ac:dyDescent="0.15">
      <c r="A64" s="3"/>
      <c r="B64" s="3" t="s">
        <v>968</v>
      </c>
      <c r="C64" s="12">
        <v>689</v>
      </c>
      <c r="D64" s="12">
        <v>1131</v>
      </c>
      <c r="E64" s="12">
        <v>600</v>
      </c>
      <c r="F64" s="12">
        <v>531</v>
      </c>
      <c r="G64" s="12">
        <v>81</v>
      </c>
      <c r="H64" s="12">
        <v>44</v>
      </c>
      <c r="I64" s="12">
        <v>197</v>
      </c>
      <c r="J64" s="12">
        <v>179</v>
      </c>
      <c r="K64" s="12">
        <v>187</v>
      </c>
      <c r="L64" s="12">
        <v>132</v>
      </c>
      <c r="M64" s="12">
        <v>107</v>
      </c>
      <c r="N64" s="12">
        <v>204</v>
      </c>
      <c r="O64" s="12">
        <v>0</v>
      </c>
      <c r="P64" s="12">
        <v>109</v>
      </c>
      <c r="Q64" s="12">
        <v>765</v>
      </c>
      <c r="R64" s="12">
        <v>257</v>
      </c>
    </row>
    <row r="65" spans="1:18" s="4" customFormat="1" x14ac:dyDescent="0.15">
      <c r="A65" s="3"/>
      <c r="B65" s="3" t="s">
        <v>969</v>
      </c>
      <c r="C65" s="12">
        <v>458</v>
      </c>
      <c r="D65" s="12">
        <v>914</v>
      </c>
      <c r="E65" s="12">
        <v>457</v>
      </c>
      <c r="F65" s="12">
        <v>457</v>
      </c>
      <c r="G65" s="12">
        <v>54</v>
      </c>
      <c r="H65" s="12">
        <v>76</v>
      </c>
      <c r="I65" s="12">
        <v>110</v>
      </c>
      <c r="J65" s="12">
        <v>93</v>
      </c>
      <c r="K65" s="12">
        <v>123</v>
      </c>
      <c r="L65" s="12">
        <v>121</v>
      </c>
      <c r="M65" s="12">
        <v>138</v>
      </c>
      <c r="N65" s="12">
        <v>199</v>
      </c>
      <c r="O65" s="12">
        <v>0</v>
      </c>
      <c r="P65" s="12">
        <v>95</v>
      </c>
      <c r="Q65" s="12">
        <v>546</v>
      </c>
      <c r="R65" s="12">
        <v>273</v>
      </c>
    </row>
    <row r="66" spans="1:18" s="4" customFormat="1" x14ac:dyDescent="0.15">
      <c r="A66" s="3"/>
      <c r="B66" s="3" t="s">
        <v>970</v>
      </c>
      <c r="C66" s="12">
        <v>480</v>
      </c>
      <c r="D66" s="12">
        <v>938</v>
      </c>
      <c r="E66" s="12">
        <v>465</v>
      </c>
      <c r="F66" s="12">
        <v>473</v>
      </c>
      <c r="G66" s="12">
        <v>50</v>
      </c>
      <c r="H66" s="12">
        <v>89</v>
      </c>
      <c r="I66" s="12">
        <v>117</v>
      </c>
      <c r="J66" s="12">
        <v>86</v>
      </c>
      <c r="K66" s="12">
        <v>126</v>
      </c>
      <c r="L66" s="12">
        <v>112</v>
      </c>
      <c r="M66" s="12">
        <v>118</v>
      </c>
      <c r="N66" s="12">
        <v>240</v>
      </c>
      <c r="O66" s="12">
        <v>0</v>
      </c>
      <c r="P66" s="12">
        <v>94</v>
      </c>
      <c r="Q66" s="12">
        <v>549</v>
      </c>
      <c r="R66" s="12">
        <v>295</v>
      </c>
    </row>
    <row r="67" spans="1:18" s="4" customFormat="1" x14ac:dyDescent="0.15">
      <c r="A67" s="3"/>
      <c r="B67" s="3" t="s">
        <v>971</v>
      </c>
      <c r="C67" s="12">
        <v>1156</v>
      </c>
      <c r="D67" s="12">
        <v>2053</v>
      </c>
      <c r="E67" s="12">
        <v>980</v>
      </c>
      <c r="F67" s="12">
        <v>1073</v>
      </c>
      <c r="G67" s="12">
        <v>84</v>
      </c>
      <c r="H67" s="12">
        <v>122</v>
      </c>
      <c r="I67" s="12">
        <v>193</v>
      </c>
      <c r="J67" s="12">
        <v>164</v>
      </c>
      <c r="K67" s="12">
        <v>238</v>
      </c>
      <c r="L67" s="12">
        <v>267</v>
      </c>
      <c r="M67" s="12">
        <v>269</v>
      </c>
      <c r="N67" s="12">
        <v>716</v>
      </c>
      <c r="O67" s="12">
        <v>0</v>
      </c>
      <c r="P67" s="12">
        <v>134</v>
      </c>
      <c r="Q67" s="12">
        <v>1047</v>
      </c>
      <c r="R67" s="12">
        <v>872</v>
      </c>
    </row>
    <row r="68" spans="1:18" s="4" customFormat="1" x14ac:dyDescent="0.15">
      <c r="A68" s="3"/>
      <c r="B68" s="3" t="s">
        <v>972</v>
      </c>
      <c r="C68" s="12">
        <v>510</v>
      </c>
      <c r="D68" s="12">
        <v>993</v>
      </c>
      <c r="E68" s="12">
        <v>489</v>
      </c>
      <c r="F68" s="12">
        <v>504</v>
      </c>
      <c r="G68" s="12">
        <v>74</v>
      </c>
      <c r="H68" s="12">
        <v>61</v>
      </c>
      <c r="I68" s="12">
        <v>109</v>
      </c>
      <c r="J68" s="12">
        <v>113</v>
      </c>
      <c r="K68" s="12">
        <v>149</v>
      </c>
      <c r="L68" s="12">
        <v>113</v>
      </c>
      <c r="M68" s="12">
        <v>118</v>
      </c>
      <c r="N68" s="12">
        <v>256</v>
      </c>
      <c r="O68" s="12">
        <v>0</v>
      </c>
      <c r="P68" s="12">
        <v>103</v>
      </c>
      <c r="Q68" s="12">
        <v>579</v>
      </c>
      <c r="R68" s="12">
        <v>311</v>
      </c>
    </row>
    <row r="69" spans="1:18" s="4" customFormat="1" x14ac:dyDescent="0.15">
      <c r="A69" s="3"/>
      <c r="B69" s="3" t="s">
        <v>973</v>
      </c>
      <c r="C69" s="12">
        <v>411</v>
      </c>
      <c r="D69" s="12">
        <v>965</v>
      </c>
      <c r="E69" s="12">
        <v>497</v>
      </c>
      <c r="F69" s="12">
        <v>468</v>
      </c>
      <c r="G69" s="12">
        <v>104</v>
      </c>
      <c r="H69" s="12">
        <v>64</v>
      </c>
      <c r="I69" s="12">
        <v>107</v>
      </c>
      <c r="J69" s="12">
        <v>141</v>
      </c>
      <c r="K69" s="12">
        <v>115</v>
      </c>
      <c r="L69" s="12">
        <v>157</v>
      </c>
      <c r="M69" s="12">
        <v>99</v>
      </c>
      <c r="N69" s="12">
        <v>178</v>
      </c>
      <c r="O69" s="12">
        <v>0</v>
      </c>
      <c r="P69" s="12">
        <v>138</v>
      </c>
      <c r="Q69" s="12">
        <v>605</v>
      </c>
      <c r="R69" s="12">
        <v>222</v>
      </c>
    </row>
    <row r="70" spans="1:18" s="4" customFormat="1" x14ac:dyDescent="0.15">
      <c r="A70" s="3"/>
      <c r="B70" s="3" t="s">
        <v>974</v>
      </c>
      <c r="C70" s="12">
        <v>109</v>
      </c>
      <c r="D70" s="12">
        <v>212</v>
      </c>
      <c r="E70" s="12">
        <v>101</v>
      </c>
      <c r="F70" s="12">
        <v>111</v>
      </c>
      <c r="G70" s="12">
        <v>10</v>
      </c>
      <c r="H70" s="12">
        <v>10</v>
      </c>
      <c r="I70" s="12">
        <v>15</v>
      </c>
      <c r="J70" s="12">
        <v>19</v>
      </c>
      <c r="K70" s="12">
        <v>21</v>
      </c>
      <c r="L70" s="12">
        <v>48</v>
      </c>
      <c r="M70" s="12">
        <v>32</v>
      </c>
      <c r="N70" s="12">
        <v>57</v>
      </c>
      <c r="O70" s="12">
        <v>0</v>
      </c>
      <c r="P70" s="12">
        <v>17</v>
      </c>
      <c r="Q70" s="12">
        <v>126</v>
      </c>
      <c r="R70" s="12">
        <v>69</v>
      </c>
    </row>
    <row r="71" spans="1:18" s="4" customFormat="1" x14ac:dyDescent="0.15">
      <c r="A71" s="3"/>
      <c r="B71" s="3" t="s">
        <v>975</v>
      </c>
      <c r="C71" s="12">
        <v>269</v>
      </c>
      <c r="D71" s="12">
        <v>552</v>
      </c>
      <c r="E71" s="12">
        <v>271</v>
      </c>
      <c r="F71" s="12">
        <v>281</v>
      </c>
      <c r="G71" s="12">
        <v>49</v>
      </c>
      <c r="H71" s="12">
        <v>32</v>
      </c>
      <c r="I71" s="12">
        <v>69</v>
      </c>
      <c r="J71" s="12">
        <v>67</v>
      </c>
      <c r="K71" s="12">
        <v>75</v>
      </c>
      <c r="L71" s="12">
        <v>83</v>
      </c>
      <c r="M71" s="12">
        <v>72</v>
      </c>
      <c r="N71" s="12">
        <v>105</v>
      </c>
      <c r="O71" s="12">
        <v>0</v>
      </c>
      <c r="P71" s="12">
        <v>68</v>
      </c>
      <c r="Q71" s="12">
        <v>338</v>
      </c>
      <c r="R71" s="12">
        <v>146</v>
      </c>
    </row>
    <row r="72" spans="1:18" s="4" customFormat="1" x14ac:dyDescent="0.15">
      <c r="A72" s="3"/>
      <c r="B72" s="3" t="s">
        <v>976</v>
      </c>
      <c r="C72" s="12">
        <v>769</v>
      </c>
      <c r="D72" s="12">
        <v>1542</v>
      </c>
      <c r="E72" s="12">
        <v>770</v>
      </c>
      <c r="F72" s="12">
        <v>772</v>
      </c>
      <c r="G72" s="12">
        <v>106</v>
      </c>
      <c r="H72" s="12">
        <v>95</v>
      </c>
      <c r="I72" s="12">
        <v>153</v>
      </c>
      <c r="J72" s="12">
        <v>181</v>
      </c>
      <c r="K72" s="12">
        <v>240</v>
      </c>
      <c r="L72" s="12">
        <v>197</v>
      </c>
      <c r="M72" s="12">
        <v>224</v>
      </c>
      <c r="N72" s="12">
        <v>346</v>
      </c>
      <c r="O72" s="12">
        <v>0</v>
      </c>
      <c r="P72" s="12">
        <v>151</v>
      </c>
      <c r="Q72" s="12">
        <v>919</v>
      </c>
      <c r="R72" s="12">
        <v>472</v>
      </c>
    </row>
    <row r="73" spans="1:18" s="4" customFormat="1" x14ac:dyDescent="0.15">
      <c r="A73" s="3"/>
      <c r="B73" s="3" t="s">
        <v>977</v>
      </c>
      <c r="C73" s="12">
        <v>193</v>
      </c>
      <c r="D73" s="12">
        <v>409</v>
      </c>
      <c r="E73" s="12">
        <v>199</v>
      </c>
      <c r="F73" s="12">
        <v>210</v>
      </c>
      <c r="G73" s="12">
        <v>29</v>
      </c>
      <c r="H73" s="12">
        <v>31</v>
      </c>
      <c r="I73" s="12">
        <v>44</v>
      </c>
      <c r="J73" s="12">
        <v>52</v>
      </c>
      <c r="K73" s="12">
        <v>45</v>
      </c>
      <c r="L73" s="12">
        <v>68</v>
      </c>
      <c r="M73" s="12">
        <v>62</v>
      </c>
      <c r="N73" s="12">
        <v>78</v>
      </c>
      <c r="O73" s="12">
        <v>0</v>
      </c>
      <c r="P73" s="12">
        <v>46</v>
      </c>
      <c r="Q73" s="12">
        <v>258</v>
      </c>
      <c r="R73" s="12">
        <v>105</v>
      </c>
    </row>
    <row r="74" spans="1:18" s="4" customFormat="1" x14ac:dyDescent="0.15">
      <c r="A74" s="3"/>
      <c r="B74" s="3" t="s">
        <v>978</v>
      </c>
      <c r="C74" s="12">
        <v>756</v>
      </c>
      <c r="D74" s="12">
        <v>1587</v>
      </c>
      <c r="E74" s="12">
        <v>804</v>
      </c>
      <c r="F74" s="12">
        <v>783</v>
      </c>
      <c r="G74" s="12">
        <v>165</v>
      </c>
      <c r="H74" s="12">
        <v>153</v>
      </c>
      <c r="I74" s="12">
        <v>220</v>
      </c>
      <c r="J74" s="12">
        <v>197</v>
      </c>
      <c r="K74" s="12">
        <v>280</v>
      </c>
      <c r="L74" s="12">
        <v>239</v>
      </c>
      <c r="M74" s="12">
        <v>142</v>
      </c>
      <c r="N74" s="12">
        <v>191</v>
      </c>
      <c r="O74" s="12">
        <v>0</v>
      </c>
      <c r="P74" s="12">
        <v>240</v>
      </c>
      <c r="Q74" s="12">
        <v>1093</v>
      </c>
      <c r="R74" s="12">
        <v>254</v>
      </c>
    </row>
    <row r="75" spans="1:18" s="4" customFormat="1" x14ac:dyDescent="0.15">
      <c r="A75" s="3"/>
      <c r="B75" s="3" t="s">
        <v>979</v>
      </c>
      <c r="C75" s="12">
        <v>374</v>
      </c>
      <c r="D75" s="12">
        <v>666</v>
      </c>
      <c r="E75" s="12">
        <v>322</v>
      </c>
      <c r="F75" s="12">
        <v>344</v>
      </c>
      <c r="G75" s="12">
        <v>37</v>
      </c>
      <c r="H75" s="12">
        <v>52</v>
      </c>
      <c r="I75" s="12">
        <v>77</v>
      </c>
      <c r="J75" s="12">
        <v>79</v>
      </c>
      <c r="K75" s="12">
        <v>123</v>
      </c>
      <c r="L75" s="12">
        <v>77</v>
      </c>
      <c r="M75" s="12">
        <v>60</v>
      </c>
      <c r="N75" s="12">
        <v>161</v>
      </c>
      <c r="O75" s="12">
        <v>0</v>
      </c>
      <c r="P75" s="12">
        <v>53</v>
      </c>
      <c r="Q75" s="12">
        <v>411</v>
      </c>
      <c r="R75" s="12">
        <v>202</v>
      </c>
    </row>
    <row r="76" spans="1:18" s="4" customFormat="1" x14ac:dyDescent="0.15">
      <c r="A76" s="3"/>
      <c r="B76" s="3" t="s">
        <v>980</v>
      </c>
      <c r="C76" s="12">
        <v>571</v>
      </c>
      <c r="D76" s="12">
        <v>1123</v>
      </c>
      <c r="E76" s="12">
        <v>577</v>
      </c>
      <c r="F76" s="12">
        <v>546</v>
      </c>
      <c r="G76" s="12">
        <v>94</v>
      </c>
      <c r="H76" s="12">
        <v>59</v>
      </c>
      <c r="I76" s="12">
        <v>102</v>
      </c>
      <c r="J76" s="12">
        <v>166</v>
      </c>
      <c r="K76" s="12">
        <v>154</v>
      </c>
      <c r="L76" s="12">
        <v>184</v>
      </c>
      <c r="M76" s="12">
        <v>131</v>
      </c>
      <c r="N76" s="12">
        <v>233</v>
      </c>
      <c r="O76" s="12">
        <v>0</v>
      </c>
      <c r="P76" s="12">
        <v>120</v>
      </c>
      <c r="Q76" s="12">
        <v>715</v>
      </c>
      <c r="R76" s="12">
        <v>288</v>
      </c>
    </row>
    <row r="77" spans="1:18" s="4" customFormat="1" x14ac:dyDescent="0.15">
      <c r="A77" s="3"/>
      <c r="B77" s="3" t="s">
        <v>981</v>
      </c>
      <c r="C77" s="12">
        <v>419</v>
      </c>
      <c r="D77" s="12">
        <v>848</v>
      </c>
      <c r="E77" s="12">
        <v>422</v>
      </c>
      <c r="F77" s="12">
        <v>426</v>
      </c>
      <c r="G77" s="12">
        <v>67</v>
      </c>
      <c r="H77" s="12">
        <v>98</v>
      </c>
      <c r="I77" s="12">
        <v>116</v>
      </c>
      <c r="J77" s="12">
        <v>129</v>
      </c>
      <c r="K77" s="12">
        <v>161</v>
      </c>
      <c r="L77" s="12">
        <v>120</v>
      </c>
      <c r="M77" s="12">
        <v>73</v>
      </c>
      <c r="N77" s="12">
        <v>84</v>
      </c>
      <c r="O77" s="12">
        <v>0</v>
      </c>
      <c r="P77" s="12">
        <v>115</v>
      </c>
      <c r="Q77" s="12">
        <v>614</v>
      </c>
      <c r="R77" s="12">
        <v>119</v>
      </c>
    </row>
    <row r="78" spans="1:18" s="4" customFormat="1" x14ac:dyDescent="0.15">
      <c r="A78" s="3"/>
      <c r="B78" s="3" t="s">
        <v>982</v>
      </c>
      <c r="C78" s="12">
        <v>568</v>
      </c>
      <c r="D78" s="12">
        <v>1153</v>
      </c>
      <c r="E78" s="12">
        <v>585</v>
      </c>
      <c r="F78" s="12">
        <v>568</v>
      </c>
      <c r="G78" s="12">
        <v>91</v>
      </c>
      <c r="H78" s="12">
        <v>96</v>
      </c>
      <c r="I78" s="12">
        <v>131</v>
      </c>
      <c r="J78" s="12">
        <v>145</v>
      </c>
      <c r="K78" s="12">
        <v>149</v>
      </c>
      <c r="L78" s="12">
        <v>144</v>
      </c>
      <c r="M78" s="12">
        <v>135</v>
      </c>
      <c r="N78" s="12">
        <v>262</v>
      </c>
      <c r="O78" s="12">
        <v>0</v>
      </c>
      <c r="P78" s="12">
        <v>133</v>
      </c>
      <c r="Q78" s="12">
        <v>685</v>
      </c>
      <c r="R78" s="12">
        <v>335</v>
      </c>
    </row>
    <row r="79" spans="1:18" s="4" customFormat="1" x14ac:dyDescent="0.15">
      <c r="A79" s="3"/>
      <c r="B79" s="3" t="s">
        <v>983</v>
      </c>
      <c r="C79" s="12">
        <v>2</v>
      </c>
      <c r="D79" s="12">
        <v>4</v>
      </c>
      <c r="E79" s="12">
        <v>2</v>
      </c>
      <c r="F79" s="12">
        <v>2</v>
      </c>
      <c r="G79" s="12" t="s">
        <v>132</v>
      </c>
      <c r="H79" s="12" t="s">
        <v>132</v>
      </c>
      <c r="I79" s="12" t="s">
        <v>132</v>
      </c>
      <c r="J79" s="12" t="s">
        <v>132</v>
      </c>
      <c r="K79" s="12" t="s">
        <v>132</v>
      </c>
      <c r="L79" s="12" t="s">
        <v>132</v>
      </c>
      <c r="M79" s="12" t="s">
        <v>132</v>
      </c>
      <c r="N79" s="12" t="s">
        <v>132</v>
      </c>
      <c r="O79" s="12" t="s">
        <v>132</v>
      </c>
      <c r="P79" s="12" t="s">
        <v>132</v>
      </c>
      <c r="Q79" s="12" t="s">
        <v>132</v>
      </c>
      <c r="R79" s="12" t="s">
        <v>132</v>
      </c>
    </row>
    <row r="80" spans="1:18" s="4" customFormat="1" x14ac:dyDescent="0.15">
      <c r="A80" s="3"/>
      <c r="B80" s="3" t="s">
        <v>984</v>
      </c>
      <c r="C80" s="12">
        <v>509</v>
      </c>
      <c r="D80" s="12">
        <v>1173</v>
      </c>
      <c r="E80" s="12">
        <v>583</v>
      </c>
      <c r="F80" s="12">
        <v>590</v>
      </c>
      <c r="G80" s="12">
        <v>114</v>
      </c>
      <c r="H80" s="12">
        <v>150</v>
      </c>
      <c r="I80" s="12">
        <v>81</v>
      </c>
      <c r="J80" s="12">
        <v>134</v>
      </c>
      <c r="K80" s="12">
        <v>270</v>
      </c>
      <c r="L80" s="12">
        <v>243</v>
      </c>
      <c r="M80" s="12">
        <v>110</v>
      </c>
      <c r="N80" s="12">
        <v>71</v>
      </c>
      <c r="O80" s="12">
        <v>0</v>
      </c>
      <c r="P80" s="12">
        <v>199</v>
      </c>
      <c r="Q80" s="12">
        <v>867</v>
      </c>
      <c r="R80" s="12">
        <v>107</v>
      </c>
    </row>
    <row r="81" spans="1:18" s="4" customFormat="1" x14ac:dyDescent="0.15">
      <c r="A81" s="3"/>
      <c r="B81" s="3" t="s">
        <v>985</v>
      </c>
      <c r="C81" s="12">
        <v>599</v>
      </c>
      <c r="D81" s="12">
        <v>1347</v>
      </c>
      <c r="E81" s="12">
        <v>673</v>
      </c>
      <c r="F81" s="12">
        <v>674</v>
      </c>
      <c r="G81" s="12">
        <v>124</v>
      </c>
      <c r="H81" s="12">
        <v>100</v>
      </c>
      <c r="I81" s="12">
        <v>140</v>
      </c>
      <c r="J81" s="12">
        <v>170</v>
      </c>
      <c r="K81" s="12">
        <v>193</v>
      </c>
      <c r="L81" s="12">
        <v>225</v>
      </c>
      <c r="M81" s="12">
        <v>178</v>
      </c>
      <c r="N81" s="12">
        <v>217</v>
      </c>
      <c r="O81" s="12">
        <v>0</v>
      </c>
      <c r="P81" s="12">
        <v>184</v>
      </c>
      <c r="Q81" s="12">
        <v>854</v>
      </c>
      <c r="R81" s="12">
        <v>309</v>
      </c>
    </row>
    <row r="82" spans="1:18" s="4" customFormat="1" x14ac:dyDescent="0.15">
      <c r="A82" s="3"/>
      <c r="B82" s="3" t="s">
        <v>986</v>
      </c>
      <c r="C82" s="12">
        <v>336</v>
      </c>
      <c r="D82" s="12">
        <v>571</v>
      </c>
      <c r="E82" s="12">
        <v>285</v>
      </c>
      <c r="F82" s="12">
        <v>286</v>
      </c>
      <c r="G82" s="12">
        <v>50</v>
      </c>
      <c r="H82" s="12">
        <v>15</v>
      </c>
      <c r="I82" s="12">
        <v>67</v>
      </c>
      <c r="J82" s="12">
        <v>108</v>
      </c>
      <c r="K82" s="12">
        <v>80</v>
      </c>
      <c r="L82" s="12">
        <v>62</v>
      </c>
      <c r="M82" s="12">
        <v>70</v>
      </c>
      <c r="N82" s="12">
        <v>119</v>
      </c>
      <c r="O82" s="12">
        <v>0</v>
      </c>
      <c r="P82" s="12">
        <v>57</v>
      </c>
      <c r="Q82" s="12">
        <v>360</v>
      </c>
      <c r="R82" s="12">
        <v>154</v>
      </c>
    </row>
    <row r="83" spans="1:18" s="4" customFormat="1" x14ac:dyDescent="0.15">
      <c r="A83" s="3"/>
      <c r="B83" s="3" t="s">
        <v>987</v>
      </c>
      <c r="C83" s="12">
        <v>427</v>
      </c>
      <c r="D83" s="12">
        <v>1117</v>
      </c>
      <c r="E83" s="12">
        <v>533</v>
      </c>
      <c r="F83" s="12">
        <v>584</v>
      </c>
      <c r="G83" s="12">
        <v>169</v>
      </c>
      <c r="H83" s="12">
        <v>149</v>
      </c>
      <c r="I83" s="12">
        <v>82</v>
      </c>
      <c r="J83" s="12">
        <v>137</v>
      </c>
      <c r="K83" s="12">
        <v>267</v>
      </c>
      <c r="L83" s="12">
        <v>119</v>
      </c>
      <c r="M83" s="12">
        <v>92</v>
      </c>
      <c r="N83" s="12">
        <v>102</v>
      </c>
      <c r="O83" s="12">
        <v>0</v>
      </c>
      <c r="P83" s="12">
        <v>265</v>
      </c>
      <c r="Q83" s="12">
        <v>704</v>
      </c>
      <c r="R83" s="12">
        <v>148</v>
      </c>
    </row>
    <row r="84" spans="1:18" s="4" customFormat="1" x14ac:dyDescent="0.15">
      <c r="A84" s="3"/>
      <c r="B84" s="3" t="s">
        <v>988</v>
      </c>
      <c r="C84" s="12">
        <v>377</v>
      </c>
      <c r="D84" s="12">
        <v>680</v>
      </c>
      <c r="E84" s="12">
        <v>303</v>
      </c>
      <c r="F84" s="12">
        <v>377</v>
      </c>
      <c r="G84" s="12">
        <v>28</v>
      </c>
      <c r="H84" s="12">
        <v>59</v>
      </c>
      <c r="I84" s="12">
        <v>100</v>
      </c>
      <c r="J84" s="12">
        <v>75</v>
      </c>
      <c r="K84" s="12">
        <v>87</v>
      </c>
      <c r="L84" s="12">
        <v>109</v>
      </c>
      <c r="M84" s="12">
        <v>86</v>
      </c>
      <c r="N84" s="12">
        <v>136</v>
      </c>
      <c r="O84" s="12">
        <v>0</v>
      </c>
      <c r="P84" s="12">
        <v>55</v>
      </c>
      <c r="Q84" s="12">
        <v>447</v>
      </c>
      <c r="R84" s="12">
        <v>178</v>
      </c>
    </row>
    <row r="85" spans="1:18" s="4" customFormat="1" x14ac:dyDescent="0.15">
      <c r="A85" s="3"/>
      <c r="B85" s="3" t="s">
        <v>989</v>
      </c>
      <c r="C85" s="12">
        <v>275</v>
      </c>
      <c r="D85" s="12">
        <v>550</v>
      </c>
      <c r="E85" s="12">
        <v>256</v>
      </c>
      <c r="F85" s="12">
        <v>294</v>
      </c>
      <c r="G85" s="12">
        <v>33</v>
      </c>
      <c r="H85" s="12">
        <v>34</v>
      </c>
      <c r="I85" s="12">
        <v>47</v>
      </c>
      <c r="J85" s="12">
        <v>70</v>
      </c>
      <c r="K85" s="12">
        <v>51</v>
      </c>
      <c r="L85" s="12">
        <v>73</v>
      </c>
      <c r="M85" s="12">
        <v>66</v>
      </c>
      <c r="N85" s="12">
        <v>176</v>
      </c>
      <c r="O85" s="12">
        <v>0</v>
      </c>
      <c r="P85" s="12">
        <v>45</v>
      </c>
      <c r="Q85" s="12">
        <v>294</v>
      </c>
      <c r="R85" s="12">
        <v>211</v>
      </c>
    </row>
    <row r="86" spans="1:18" s="4" customFormat="1" x14ac:dyDescent="0.15">
      <c r="A86" s="3"/>
      <c r="B86" s="3" t="s">
        <v>990</v>
      </c>
      <c r="C86" s="12">
        <v>576</v>
      </c>
      <c r="D86" s="12">
        <v>966</v>
      </c>
      <c r="E86" s="12">
        <v>507</v>
      </c>
      <c r="F86" s="12">
        <v>459</v>
      </c>
      <c r="G86" s="12">
        <v>41</v>
      </c>
      <c r="H86" s="12">
        <v>47</v>
      </c>
      <c r="I86" s="12">
        <v>120</v>
      </c>
      <c r="J86" s="12">
        <v>146</v>
      </c>
      <c r="K86" s="12">
        <v>134</v>
      </c>
      <c r="L86" s="12">
        <v>129</v>
      </c>
      <c r="M86" s="12">
        <v>132</v>
      </c>
      <c r="N86" s="12">
        <v>217</v>
      </c>
      <c r="O86" s="12">
        <v>0</v>
      </c>
      <c r="P86" s="12">
        <v>61</v>
      </c>
      <c r="Q86" s="12">
        <v>614</v>
      </c>
      <c r="R86" s="12">
        <v>291</v>
      </c>
    </row>
    <row r="87" spans="1:18" s="4" customFormat="1" x14ac:dyDescent="0.15">
      <c r="A87" s="3"/>
      <c r="B87" s="3" t="s">
        <v>991</v>
      </c>
      <c r="C87" s="12">
        <v>628</v>
      </c>
      <c r="D87" s="12">
        <v>1091</v>
      </c>
      <c r="E87" s="12">
        <v>547</v>
      </c>
      <c r="F87" s="12">
        <v>544</v>
      </c>
      <c r="G87" s="12">
        <v>72</v>
      </c>
      <c r="H87" s="12">
        <v>57</v>
      </c>
      <c r="I87" s="12">
        <v>216</v>
      </c>
      <c r="J87" s="12">
        <v>137</v>
      </c>
      <c r="K87" s="12">
        <v>104</v>
      </c>
      <c r="L87" s="12">
        <v>125</v>
      </c>
      <c r="M87" s="12">
        <v>131</v>
      </c>
      <c r="N87" s="12">
        <v>249</v>
      </c>
      <c r="O87" s="12">
        <v>0</v>
      </c>
      <c r="P87" s="12">
        <v>101</v>
      </c>
      <c r="Q87" s="12">
        <v>675</v>
      </c>
      <c r="R87" s="12">
        <v>315</v>
      </c>
    </row>
    <row r="88" spans="1:18" s="4" customFormat="1" x14ac:dyDescent="0.15">
      <c r="A88" s="3"/>
      <c r="B88" s="3" t="s">
        <v>992</v>
      </c>
      <c r="C88" s="12">
        <v>365</v>
      </c>
      <c r="D88" s="12">
        <v>672</v>
      </c>
      <c r="E88" s="12">
        <v>363</v>
      </c>
      <c r="F88" s="12">
        <v>309</v>
      </c>
      <c r="G88" s="12">
        <v>54</v>
      </c>
      <c r="H88" s="12">
        <v>45</v>
      </c>
      <c r="I88" s="12">
        <v>107</v>
      </c>
      <c r="J88" s="12">
        <v>109</v>
      </c>
      <c r="K88" s="12">
        <v>73</v>
      </c>
      <c r="L88" s="12">
        <v>91</v>
      </c>
      <c r="M88" s="12">
        <v>70</v>
      </c>
      <c r="N88" s="12">
        <v>123</v>
      </c>
      <c r="O88" s="12">
        <v>0</v>
      </c>
      <c r="P88" s="12">
        <v>69</v>
      </c>
      <c r="Q88" s="12">
        <v>454</v>
      </c>
      <c r="R88" s="12">
        <v>149</v>
      </c>
    </row>
    <row r="89" spans="1:18" s="4" customFormat="1" x14ac:dyDescent="0.15">
      <c r="A89" s="3"/>
      <c r="B89" s="3" t="s">
        <v>993</v>
      </c>
      <c r="C89" s="12">
        <v>675</v>
      </c>
      <c r="D89" s="12">
        <v>1171</v>
      </c>
      <c r="E89" s="12">
        <v>586</v>
      </c>
      <c r="F89" s="12">
        <v>585</v>
      </c>
      <c r="G89" s="12">
        <v>65</v>
      </c>
      <c r="H89" s="12">
        <v>78</v>
      </c>
      <c r="I89" s="12">
        <v>198</v>
      </c>
      <c r="J89" s="12">
        <v>170</v>
      </c>
      <c r="K89" s="12">
        <v>156</v>
      </c>
      <c r="L89" s="12">
        <v>151</v>
      </c>
      <c r="M89" s="12">
        <v>131</v>
      </c>
      <c r="N89" s="12">
        <v>222</v>
      </c>
      <c r="O89" s="12">
        <v>0</v>
      </c>
      <c r="P89" s="12">
        <v>96</v>
      </c>
      <c r="Q89" s="12">
        <v>796</v>
      </c>
      <c r="R89" s="12">
        <v>279</v>
      </c>
    </row>
    <row r="90" spans="1:18" s="4" customFormat="1" x14ac:dyDescent="0.15">
      <c r="A90" s="3"/>
      <c r="B90" s="3" t="s">
        <v>994</v>
      </c>
      <c r="C90" s="12">
        <v>540</v>
      </c>
      <c r="D90" s="12">
        <v>1094</v>
      </c>
      <c r="E90" s="12">
        <v>560</v>
      </c>
      <c r="F90" s="12">
        <v>534</v>
      </c>
      <c r="G90" s="12">
        <v>40</v>
      </c>
      <c r="H90" s="12">
        <v>128</v>
      </c>
      <c r="I90" s="12">
        <v>113</v>
      </c>
      <c r="J90" s="12">
        <v>79</v>
      </c>
      <c r="K90" s="12">
        <v>195</v>
      </c>
      <c r="L90" s="12">
        <v>201</v>
      </c>
      <c r="M90" s="12">
        <v>126</v>
      </c>
      <c r="N90" s="12">
        <v>212</v>
      </c>
      <c r="O90" s="12">
        <v>0</v>
      </c>
      <c r="P90" s="12">
        <v>91</v>
      </c>
      <c r="Q90" s="12">
        <v>724</v>
      </c>
      <c r="R90" s="12">
        <v>279</v>
      </c>
    </row>
    <row r="91" spans="1:18" s="4" customFormat="1" x14ac:dyDescent="0.15">
      <c r="A91" s="3"/>
      <c r="B91" s="3"/>
      <c r="C91" s="12"/>
      <c r="D91" s="12"/>
      <c r="E91" s="12"/>
      <c r="F91" s="12"/>
      <c r="G91" s="12"/>
      <c r="H91" s="12"/>
      <c r="I91" s="12"/>
      <c r="J91" s="12"/>
      <c r="K91" s="12"/>
      <c r="L91" s="12"/>
      <c r="M91" s="12"/>
      <c r="N91" s="12"/>
      <c r="O91" s="12"/>
      <c r="P91" s="12"/>
      <c r="Q91" s="12"/>
      <c r="R91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85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995</v>
      </c>
      <c r="B6" s="3"/>
      <c r="C6" s="12">
        <v>105768</v>
      </c>
      <c r="D6" s="12">
        <v>218748</v>
      </c>
      <c r="E6" s="12">
        <v>109087</v>
      </c>
      <c r="F6" s="12">
        <v>109661</v>
      </c>
      <c r="G6" s="12">
        <v>16942</v>
      </c>
      <c r="H6" s="12">
        <v>18970</v>
      </c>
      <c r="I6" s="12">
        <v>27253</v>
      </c>
      <c r="J6" s="12">
        <v>27166</v>
      </c>
      <c r="K6" s="12">
        <v>32339</v>
      </c>
      <c r="L6" s="12">
        <v>30347</v>
      </c>
      <c r="M6" s="12">
        <v>22703</v>
      </c>
      <c r="N6" s="12">
        <v>43028</v>
      </c>
      <c r="O6" s="12">
        <v>0</v>
      </c>
      <c r="P6" s="12">
        <v>26201</v>
      </c>
      <c r="Q6" s="12">
        <v>138129</v>
      </c>
      <c r="R6" s="12">
        <v>54418</v>
      </c>
    </row>
    <row r="7" spans="1:18" s="4" customFormat="1" x14ac:dyDescent="0.15">
      <c r="A7" s="3"/>
      <c r="B7" s="3" t="s">
        <v>996</v>
      </c>
      <c r="C7" s="12">
        <v>949</v>
      </c>
      <c r="D7" s="12">
        <v>1933</v>
      </c>
      <c r="E7" s="12">
        <v>974</v>
      </c>
      <c r="F7" s="12">
        <v>959</v>
      </c>
      <c r="G7" s="12">
        <v>128</v>
      </c>
      <c r="H7" s="12">
        <v>155</v>
      </c>
      <c r="I7" s="12">
        <v>246</v>
      </c>
      <c r="J7" s="12">
        <v>225</v>
      </c>
      <c r="K7" s="12">
        <v>270</v>
      </c>
      <c r="L7" s="12">
        <v>250</v>
      </c>
      <c r="M7" s="12">
        <v>224</v>
      </c>
      <c r="N7" s="12">
        <v>435</v>
      </c>
      <c r="O7" s="12">
        <v>0</v>
      </c>
      <c r="P7" s="12">
        <v>195</v>
      </c>
      <c r="Q7" s="12">
        <v>1189</v>
      </c>
      <c r="R7" s="12">
        <v>549</v>
      </c>
    </row>
    <row r="8" spans="1:18" s="4" customFormat="1" x14ac:dyDescent="0.15">
      <c r="A8" s="3"/>
      <c r="B8" s="3" t="s">
        <v>997</v>
      </c>
      <c r="C8" s="12">
        <v>2</v>
      </c>
      <c r="D8" s="12">
        <v>4</v>
      </c>
      <c r="E8" s="12">
        <v>1</v>
      </c>
      <c r="F8" s="12">
        <v>3</v>
      </c>
      <c r="G8" s="12" t="s">
        <v>132</v>
      </c>
      <c r="H8" s="12" t="s">
        <v>132</v>
      </c>
      <c r="I8" s="12" t="s">
        <v>132</v>
      </c>
      <c r="J8" s="12" t="s">
        <v>132</v>
      </c>
      <c r="K8" s="12" t="s">
        <v>132</v>
      </c>
      <c r="L8" s="12" t="s">
        <v>132</v>
      </c>
      <c r="M8" s="12" t="s">
        <v>132</v>
      </c>
      <c r="N8" s="12" t="s">
        <v>132</v>
      </c>
      <c r="O8" s="12" t="s">
        <v>132</v>
      </c>
      <c r="P8" s="12" t="s">
        <v>132</v>
      </c>
      <c r="Q8" s="12" t="s">
        <v>132</v>
      </c>
      <c r="R8" s="12" t="s">
        <v>132</v>
      </c>
    </row>
    <row r="9" spans="1:18" s="4" customFormat="1" x14ac:dyDescent="0.15">
      <c r="A9" s="3"/>
      <c r="B9" s="3" t="s">
        <v>998</v>
      </c>
      <c r="C9" s="12">
        <v>478</v>
      </c>
      <c r="D9" s="12">
        <v>1063</v>
      </c>
      <c r="E9" s="12">
        <v>530</v>
      </c>
      <c r="F9" s="12">
        <v>533</v>
      </c>
      <c r="G9" s="12">
        <v>71</v>
      </c>
      <c r="H9" s="12">
        <v>77</v>
      </c>
      <c r="I9" s="12">
        <v>148</v>
      </c>
      <c r="J9" s="12">
        <v>144</v>
      </c>
      <c r="K9" s="12">
        <v>124</v>
      </c>
      <c r="L9" s="12">
        <v>143</v>
      </c>
      <c r="M9" s="12">
        <v>123</v>
      </c>
      <c r="N9" s="12">
        <v>233</v>
      </c>
      <c r="O9" s="12">
        <v>0</v>
      </c>
      <c r="P9" s="12">
        <v>113</v>
      </c>
      <c r="Q9" s="12">
        <v>664</v>
      </c>
      <c r="R9" s="12">
        <v>286</v>
      </c>
    </row>
    <row r="10" spans="1:18" s="4" customFormat="1" x14ac:dyDescent="0.15">
      <c r="A10" s="3"/>
      <c r="B10" s="3" t="s">
        <v>999</v>
      </c>
      <c r="C10" s="12">
        <v>494</v>
      </c>
      <c r="D10" s="12">
        <v>1019</v>
      </c>
      <c r="E10" s="12">
        <v>497</v>
      </c>
      <c r="F10" s="12">
        <v>522</v>
      </c>
      <c r="G10" s="12">
        <v>60</v>
      </c>
      <c r="H10" s="12">
        <v>71</v>
      </c>
      <c r="I10" s="12">
        <v>124</v>
      </c>
      <c r="J10" s="12">
        <v>116</v>
      </c>
      <c r="K10" s="12">
        <v>116</v>
      </c>
      <c r="L10" s="12">
        <v>159</v>
      </c>
      <c r="M10" s="12">
        <v>127</v>
      </c>
      <c r="N10" s="12">
        <v>246</v>
      </c>
      <c r="O10" s="12">
        <v>0</v>
      </c>
      <c r="P10" s="12">
        <v>98</v>
      </c>
      <c r="Q10" s="12">
        <v>600</v>
      </c>
      <c r="R10" s="12">
        <v>321</v>
      </c>
    </row>
    <row r="11" spans="1:18" s="4" customFormat="1" x14ac:dyDescent="0.15">
      <c r="A11" s="3"/>
      <c r="B11" s="3" t="s">
        <v>1000</v>
      </c>
      <c r="C11" s="12">
        <v>594</v>
      </c>
      <c r="D11" s="12">
        <v>1082</v>
      </c>
      <c r="E11" s="12">
        <v>578</v>
      </c>
      <c r="F11" s="12">
        <v>504</v>
      </c>
      <c r="G11" s="12">
        <v>100</v>
      </c>
      <c r="H11" s="12">
        <v>38</v>
      </c>
      <c r="I11" s="12">
        <v>183</v>
      </c>
      <c r="J11" s="12">
        <v>226</v>
      </c>
      <c r="K11" s="12">
        <v>154</v>
      </c>
      <c r="L11" s="12">
        <v>144</v>
      </c>
      <c r="M11" s="12">
        <v>107</v>
      </c>
      <c r="N11" s="12">
        <v>130</v>
      </c>
      <c r="O11" s="12">
        <v>0</v>
      </c>
      <c r="P11" s="12">
        <v>121</v>
      </c>
      <c r="Q11" s="12">
        <v>781</v>
      </c>
      <c r="R11" s="12">
        <v>180</v>
      </c>
    </row>
    <row r="12" spans="1:18" s="4" customFormat="1" x14ac:dyDescent="0.15">
      <c r="A12" s="3"/>
      <c r="B12" s="3" t="s">
        <v>1001</v>
      </c>
      <c r="C12" s="12">
        <v>566</v>
      </c>
      <c r="D12" s="12">
        <v>1070</v>
      </c>
      <c r="E12" s="12">
        <v>552</v>
      </c>
      <c r="F12" s="12">
        <v>518</v>
      </c>
      <c r="G12" s="12">
        <v>93</v>
      </c>
      <c r="H12" s="12">
        <v>86</v>
      </c>
      <c r="I12" s="12">
        <v>145</v>
      </c>
      <c r="J12" s="12">
        <v>163</v>
      </c>
      <c r="K12" s="12">
        <v>212</v>
      </c>
      <c r="L12" s="12">
        <v>183</v>
      </c>
      <c r="M12" s="12">
        <v>86</v>
      </c>
      <c r="N12" s="12">
        <v>102</v>
      </c>
      <c r="O12" s="12">
        <v>0</v>
      </c>
      <c r="P12" s="12">
        <v>137</v>
      </c>
      <c r="Q12" s="12">
        <v>796</v>
      </c>
      <c r="R12" s="12">
        <v>137</v>
      </c>
    </row>
    <row r="13" spans="1:18" s="4" customFormat="1" x14ac:dyDescent="0.15">
      <c r="A13" s="3"/>
      <c r="B13" s="3" t="s">
        <v>1002</v>
      </c>
      <c r="C13" s="12">
        <v>225</v>
      </c>
      <c r="D13" s="12">
        <v>440</v>
      </c>
      <c r="E13" s="12">
        <v>224</v>
      </c>
      <c r="F13" s="12">
        <v>216</v>
      </c>
      <c r="G13" s="12">
        <v>37</v>
      </c>
      <c r="H13" s="12">
        <v>35</v>
      </c>
      <c r="I13" s="12">
        <v>60</v>
      </c>
      <c r="J13" s="12">
        <v>58</v>
      </c>
      <c r="K13" s="12">
        <v>69</v>
      </c>
      <c r="L13" s="12">
        <v>61</v>
      </c>
      <c r="M13" s="12">
        <v>42</v>
      </c>
      <c r="N13" s="12">
        <v>78</v>
      </c>
      <c r="O13" s="12">
        <v>0</v>
      </c>
      <c r="P13" s="12">
        <v>58</v>
      </c>
      <c r="Q13" s="12">
        <v>278</v>
      </c>
      <c r="R13" s="12">
        <v>104</v>
      </c>
    </row>
    <row r="14" spans="1:18" s="4" customFormat="1" x14ac:dyDescent="0.15">
      <c r="A14" s="3"/>
      <c r="B14" s="3" t="s">
        <v>1003</v>
      </c>
      <c r="C14" s="12">
        <v>178</v>
      </c>
      <c r="D14" s="12">
        <v>392</v>
      </c>
      <c r="E14" s="12">
        <v>196</v>
      </c>
      <c r="F14" s="12">
        <v>196</v>
      </c>
      <c r="G14" s="12">
        <v>36</v>
      </c>
      <c r="H14" s="12">
        <v>24</v>
      </c>
      <c r="I14" s="12">
        <v>57</v>
      </c>
      <c r="J14" s="12">
        <v>64</v>
      </c>
      <c r="K14" s="12">
        <v>46</v>
      </c>
      <c r="L14" s="12">
        <v>58</v>
      </c>
      <c r="M14" s="12">
        <v>32</v>
      </c>
      <c r="N14" s="12">
        <v>75</v>
      </c>
      <c r="O14" s="12">
        <v>0</v>
      </c>
      <c r="P14" s="12">
        <v>50</v>
      </c>
      <c r="Q14" s="12">
        <v>249</v>
      </c>
      <c r="R14" s="12">
        <v>93</v>
      </c>
    </row>
    <row r="15" spans="1:18" s="4" customFormat="1" x14ac:dyDescent="0.15">
      <c r="A15" s="3"/>
      <c r="B15" s="3" t="s">
        <v>1004</v>
      </c>
      <c r="C15" s="12">
        <v>521</v>
      </c>
      <c r="D15" s="12">
        <v>1014</v>
      </c>
      <c r="E15" s="12">
        <v>453</v>
      </c>
      <c r="F15" s="12">
        <v>561</v>
      </c>
      <c r="G15" s="12">
        <v>44</v>
      </c>
      <c r="H15" s="12">
        <v>93</v>
      </c>
      <c r="I15" s="12">
        <v>52</v>
      </c>
      <c r="J15" s="12">
        <v>83</v>
      </c>
      <c r="K15" s="12">
        <v>110</v>
      </c>
      <c r="L15" s="12">
        <v>129</v>
      </c>
      <c r="M15" s="12">
        <v>164</v>
      </c>
      <c r="N15" s="12">
        <v>339</v>
      </c>
      <c r="O15" s="12">
        <v>0</v>
      </c>
      <c r="P15" s="12">
        <v>95</v>
      </c>
      <c r="Q15" s="12">
        <v>491</v>
      </c>
      <c r="R15" s="12">
        <v>428</v>
      </c>
    </row>
    <row r="16" spans="1:18" s="4" customFormat="1" x14ac:dyDescent="0.15">
      <c r="A16" s="3"/>
      <c r="B16" s="3" t="s">
        <v>1005</v>
      </c>
      <c r="C16" s="12">
        <v>701</v>
      </c>
      <c r="D16" s="12">
        <v>1248</v>
      </c>
      <c r="E16" s="12">
        <v>613</v>
      </c>
      <c r="F16" s="12">
        <v>635</v>
      </c>
      <c r="G16" s="12">
        <v>52</v>
      </c>
      <c r="H16" s="12">
        <v>68</v>
      </c>
      <c r="I16" s="12">
        <v>154</v>
      </c>
      <c r="J16" s="12">
        <v>141</v>
      </c>
      <c r="K16" s="12">
        <v>146</v>
      </c>
      <c r="L16" s="12">
        <v>188</v>
      </c>
      <c r="M16" s="12">
        <v>166</v>
      </c>
      <c r="N16" s="12">
        <v>333</v>
      </c>
      <c r="O16" s="12">
        <v>0</v>
      </c>
      <c r="P16" s="12">
        <v>83</v>
      </c>
      <c r="Q16" s="12">
        <v>737</v>
      </c>
      <c r="R16" s="12">
        <v>428</v>
      </c>
    </row>
    <row r="17" spans="1:18" s="4" customFormat="1" x14ac:dyDescent="0.15">
      <c r="A17" s="3"/>
      <c r="B17" s="3" t="s">
        <v>1006</v>
      </c>
      <c r="C17" s="12">
        <v>253</v>
      </c>
      <c r="D17" s="12">
        <v>652</v>
      </c>
      <c r="E17" s="12">
        <v>337</v>
      </c>
      <c r="F17" s="12">
        <v>315</v>
      </c>
      <c r="G17" s="12">
        <v>84</v>
      </c>
      <c r="H17" s="12">
        <v>86</v>
      </c>
      <c r="I17" s="12">
        <v>84</v>
      </c>
      <c r="J17" s="12">
        <v>102</v>
      </c>
      <c r="K17" s="12">
        <v>123</v>
      </c>
      <c r="L17" s="12">
        <v>81</v>
      </c>
      <c r="M17" s="12">
        <v>41</v>
      </c>
      <c r="N17" s="12">
        <v>51</v>
      </c>
      <c r="O17" s="12">
        <v>0</v>
      </c>
      <c r="P17" s="12">
        <v>133</v>
      </c>
      <c r="Q17" s="12">
        <v>450</v>
      </c>
      <c r="R17" s="12">
        <v>69</v>
      </c>
    </row>
    <row r="18" spans="1:18" s="4" customFormat="1" x14ac:dyDescent="0.15">
      <c r="A18" s="3"/>
      <c r="B18" s="3" t="s">
        <v>1007</v>
      </c>
      <c r="C18" s="12">
        <v>720</v>
      </c>
      <c r="D18" s="12">
        <v>1600</v>
      </c>
      <c r="E18" s="12">
        <v>797</v>
      </c>
      <c r="F18" s="12">
        <v>803</v>
      </c>
      <c r="G18" s="12">
        <v>126</v>
      </c>
      <c r="H18" s="12">
        <v>145</v>
      </c>
      <c r="I18" s="12">
        <v>170</v>
      </c>
      <c r="J18" s="12">
        <v>179</v>
      </c>
      <c r="K18" s="12">
        <v>217</v>
      </c>
      <c r="L18" s="12">
        <v>214</v>
      </c>
      <c r="M18" s="12">
        <v>184</v>
      </c>
      <c r="N18" s="12">
        <v>365</v>
      </c>
      <c r="O18" s="12">
        <v>0</v>
      </c>
      <c r="P18" s="12">
        <v>191</v>
      </c>
      <c r="Q18" s="12">
        <v>944</v>
      </c>
      <c r="R18" s="12">
        <v>465</v>
      </c>
    </row>
    <row r="19" spans="1:18" s="4" customFormat="1" x14ac:dyDescent="0.15">
      <c r="A19" s="3"/>
      <c r="B19" s="3" t="s">
        <v>1008</v>
      </c>
      <c r="C19" s="12">
        <v>685</v>
      </c>
      <c r="D19" s="12">
        <v>1415</v>
      </c>
      <c r="E19" s="12">
        <v>681</v>
      </c>
      <c r="F19" s="12">
        <v>734</v>
      </c>
      <c r="G19" s="12">
        <v>103</v>
      </c>
      <c r="H19" s="12">
        <v>114</v>
      </c>
      <c r="I19" s="12">
        <v>178</v>
      </c>
      <c r="J19" s="12">
        <v>132</v>
      </c>
      <c r="K19" s="12">
        <v>188</v>
      </c>
      <c r="L19" s="12">
        <v>235</v>
      </c>
      <c r="M19" s="12">
        <v>152</v>
      </c>
      <c r="N19" s="12">
        <v>313</v>
      </c>
      <c r="O19" s="12">
        <v>0</v>
      </c>
      <c r="P19" s="12">
        <v>159</v>
      </c>
      <c r="Q19" s="12">
        <v>864</v>
      </c>
      <c r="R19" s="12">
        <v>392</v>
      </c>
    </row>
    <row r="20" spans="1:18" s="4" customFormat="1" x14ac:dyDescent="0.15">
      <c r="A20" s="3"/>
      <c r="B20" s="3" t="s">
        <v>1009</v>
      </c>
      <c r="C20" s="12">
        <v>316</v>
      </c>
      <c r="D20" s="12">
        <v>638</v>
      </c>
      <c r="E20" s="12">
        <v>315</v>
      </c>
      <c r="F20" s="12">
        <v>323</v>
      </c>
      <c r="G20" s="12">
        <v>60</v>
      </c>
      <c r="H20" s="12">
        <v>55</v>
      </c>
      <c r="I20" s="12">
        <v>79</v>
      </c>
      <c r="J20" s="12">
        <v>93</v>
      </c>
      <c r="K20" s="12">
        <v>78</v>
      </c>
      <c r="L20" s="12">
        <v>68</v>
      </c>
      <c r="M20" s="12">
        <v>63</v>
      </c>
      <c r="N20" s="12">
        <v>142</v>
      </c>
      <c r="O20" s="12">
        <v>0</v>
      </c>
      <c r="P20" s="12">
        <v>84</v>
      </c>
      <c r="Q20" s="12">
        <v>378</v>
      </c>
      <c r="R20" s="12">
        <v>176</v>
      </c>
    </row>
    <row r="21" spans="1:18" s="4" customFormat="1" x14ac:dyDescent="0.15">
      <c r="A21" s="3"/>
      <c r="B21" s="3" t="s">
        <v>1010</v>
      </c>
      <c r="C21" s="12">
        <v>25</v>
      </c>
      <c r="D21" s="12">
        <v>50</v>
      </c>
      <c r="E21" s="12">
        <v>23</v>
      </c>
      <c r="F21" s="12">
        <v>27</v>
      </c>
      <c r="G21" s="12">
        <v>1</v>
      </c>
      <c r="H21" s="12">
        <v>4</v>
      </c>
      <c r="I21" s="12">
        <v>8</v>
      </c>
      <c r="J21" s="12">
        <v>3</v>
      </c>
      <c r="K21" s="12">
        <v>2</v>
      </c>
      <c r="L21" s="12">
        <v>6</v>
      </c>
      <c r="M21" s="12">
        <v>14</v>
      </c>
      <c r="N21" s="12">
        <v>12</v>
      </c>
      <c r="O21" s="12">
        <v>0</v>
      </c>
      <c r="P21" s="12">
        <v>2</v>
      </c>
      <c r="Q21" s="12">
        <v>27</v>
      </c>
      <c r="R21" s="12">
        <v>21</v>
      </c>
    </row>
    <row r="22" spans="1:18" s="4" customFormat="1" x14ac:dyDescent="0.15">
      <c r="A22" s="3"/>
      <c r="B22" s="3" t="s">
        <v>536</v>
      </c>
      <c r="C22" s="12">
        <v>13</v>
      </c>
      <c r="D22" s="12">
        <v>19</v>
      </c>
      <c r="E22" s="12">
        <v>11</v>
      </c>
      <c r="F22" s="12">
        <v>8</v>
      </c>
      <c r="G22" s="12">
        <v>2</v>
      </c>
      <c r="H22" s="12">
        <v>0</v>
      </c>
      <c r="I22" s="12">
        <v>2</v>
      </c>
      <c r="J22" s="12">
        <v>2</v>
      </c>
      <c r="K22" s="12">
        <v>1</v>
      </c>
      <c r="L22" s="12">
        <v>2</v>
      </c>
      <c r="M22" s="12">
        <v>2</v>
      </c>
      <c r="N22" s="12">
        <v>8</v>
      </c>
      <c r="O22" s="12">
        <v>0</v>
      </c>
      <c r="P22" s="12">
        <v>2</v>
      </c>
      <c r="Q22" s="12">
        <v>7</v>
      </c>
      <c r="R22" s="12">
        <v>10</v>
      </c>
    </row>
    <row r="23" spans="1:18" s="4" customFormat="1" x14ac:dyDescent="0.15">
      <c r="A23" s="3"/>
      <c r="B23" s="3" t="s">
        <v>1011</v>
      </c>
      <c r="C23" s="12">
        <v>788</v>
      </c>
      <c r="D23" s="12">
        <v>1701</v>
      </c>
      <c r="E23" s="12">
        <v>846</v>
      </c>
      <c r="F23" s="12">
        <v>855</v>
      </c>
      <c r="G23" s="12">
        <v>141</v>
      </c>
      <c r="H23" s="12">
        <v>147</v>
      </c>
      <c r="I23" s="12">
        <v>178</v>
      </c>
      <c r="J23" s="12">
        <v>191</v>
      </c>
      <c r="K23" s="12">
        <v>267</v>
      </c>
      <c r="L23" s="12">
        <v>196</v>
      </c>
      <c r="M23" s="12">
        <v>173</v>
      </c>
      <c r="N23" s="12">
        <v>408</v>
      </c>
      <c r="O23" s="12">
        <v>0</v>
      </c>
      <c r="P23" s="12">
        <v>218</v>
      </c>
      <c r="Q23" s="12">
        <v>979</v>
      </c>
      <c r="R23" s="12">
        <v>504</v>
      </c>
    </row>
    <row r="24" spans="1:18" s="4" customFormat="1" x14ac:dyDescent="0.15">
      <c r="A24" s="3"/>
      <c r="B24" s="3" t="s">
        <v>1012</v>
      </c>
      <c r="C24" s="12">
        <v>114</v>
      </c>
      <c r="D24" s="12">
        <v>253</v>
      </c>
      <c r="E24" s="12">
        <v>133</v>
      </c>
      <c r="F24" s="12">
        <v>120</v>
      </c>
      <c r="G24" s="12">
        <v>30</v>
      </c>
      <c r="H24" s="12">
        <v>23</v>
      </c>
      <c r="I24" s="12">
        <v>18</v>
      </c>
      <c r="J24" s="12">
        <v>26</v>
      </c>
      <c r="K24" s="12">
        <v>39</v>
      </c>
      <c r="L24" s="12">
        <v>34</v>
      </c>
      <c r="M24" s="12">
        <v>23</v>
      </c>
      <c r="N24" s="12">
        <v>60</v>
      </c>
      <c r="O24" s="12">
        <v>0</v>
      </c>
      <c r="P24" s="12">
        <v>46</v>
      </c>
      <c r="Q24" s="12">
        <v>138</v>
      </c>
      <c r="R24" s="12">
        <v>69</v>
      </c>
    </row>
    <row r="25" spans="1:18" s="4" customFormat="1" x14ac:dyDescent="0.15">
      <c r="A25" s="3"/>
      <c r="B25" s="3" t="s">
        <v>1013</v>
      </c>
      <c r="C25" s="12">
        <v>406</v>
      </c>
      <c r="D25" s="12">
        <v>968</v>
      </c>
      <c r="E25" s="12">
        <v>450</v>
      </c>
      <c r="F25" s="12">
        <v>518</v>
      </c>
      <c r="G25" s="12">
        <v>68</v>
      </c>
      <c r="H25" s="12">
        <v>112</v>
      </c>
      <c r="I25" s="12">
        <v>74</v>
      </c>
      <c r="J25" s="12">
        <v>87</v>
      </c>
      <c r="K25" s="12">
        <v>130</v>
      </c>
      <c r="L25" s="12">
        <v>144</v>
      </c>
      <c r="M25" s="12">
        <v>104</v>
      </c>
      <c r="N25" s="12">
        <v>249</v>
      </c>
      <c r="O25" s="12">
        <v>0</v>
      </c>
      <c r="P25" s="12">
        <v>122</v>
      </c>
      <c r="Q25" s="12">
        <v>536</v>
      </c>
      <c r="R25" s="12">
        <v>310</v>
      </c>
    </row>
    <row r="26" spans="1:18" s="4" customFormat="1" x14ac:dyDescent="0.15">
      <c r="A26" s="3"/>
      <c r="B26" s="3" t="s">
        <v>1014</v>
      </c>
      <c r="C26" s="12">
        <v>539</v>
      </c>
      <c r="D26" s="12">
        <v>1036</v>
      </c>
      <c r="E26" s="12">
        <v>482</v>
      </c>
      <c r="F26" s="12">
        <v>554</v>
      </c>
      <c r="G26" s="12">
        <v>84</v>
      </c>
      <c r="H26" s="12">
        <v>91</v>
      </c>
      <c r="I26" s="12">
        <v>170</v>
      </c>
      <c r="J26" s="12">
        <v>110</v>
      </c>
      <c r="K26" s="12">
        <v>118</v>
      </c>
      <c r="L26" s="12">
        <v>127</v>
      </c>
      <c r="M26" s="12">
        <v>95</v>
      </c>
      <c r="N26" s="12">
        <v>241</v>
      </c>
      <c r="O26" s="12">
        <v>0</v>
      </c>
      <c r="P26" s="12">
        <v>124</v>
      </c>
      <c r="Q26" s="12">
        <v>625</v>
      </c>
      <c r="R26" s="12">
        <v>287</v>
      </c>
    </row>
    <row r="27" spans="1:18" s="4" customFormat="1" x14ac:dyDescent="0.15">
      <c r="A27" s="3"/>
      <c r="B27" s="3" t="s">
        <v>1015</v>
      </c>
      <c r="C27" s="12">
        <v>3</v>
      </c>
      <c r="D27" s="12">
        <v>5</v>
      </c>
      <c r="E27" s="12">
        <v>4</v>
      </c>
      <c r="F27" s="12">
        <v>1</v>
      </c>
      <c r="G27" s="12" t="s">
        <v>132</v>
      </c>
      <c r="H27" s="12" t="s">
        <v>132</v>
      </c>
      <c r="I27" s="12" t="s">
        <v>132</v>
      </c>
      <c r="J27" s="12" t="s">
        <v>132</v>
      </c>
      <c r="K27" s="12" t="s">
        <v>132</v>
      </c>
      <c r="L27" s="12" t="s">
        <v>132</v>
      </c>
      <c r="M27" s="12" t="s">
        <v>132</v>
      </c>
      <c r="N27" s="12" t="s">
        <v>132</v>
      </c>
      <c r="O27" s="12" t="s">
        <v>132</v>
      </c>
      <c r="P27" s="12" t="s">
        <v>132</v>
      </c>
      <c r="Q27" s="12" t="s">
        <v>132</v>
      </c>
      <c r="R27" s="12" t="s">
        <v>132</v>
      </c>
    </row>
    <row r="28" spans="1:18" s="4" customFormat="1" x14ac:dyDescent="0.15">
      <c r="A28" s="3"/>
      <c r="B28" s="3" t="s">
        <v>1016</v>
      </c>
      <c r="C28" s="12">
        <v>478</v>
      </c>
      <c r="D28" s="12">
        <v>982</v>
      </c>
      <c r="E28" s="12">
        <v>504</v>
      </c>
      <c r="F28" s="12">
        <v>478</v>
      </c>
      <c r="G28" s="12">
        <v>72</v>
      </c>
      <c r="H28" s="12">
        <v>80</v>
      </c>
      <c r="I28" s="12">
        <v>120</v>
      </c>
      <c r="J28" s="12">
        <v>126</v>
      </c>
      <c r="K28" s="12">
        <v>144</v>
      </c>
      <c r="L28" s="12">
        <v>161</v>
      </c>
      <c r="M28" s="12">
        <v>97</v>
      </c>
      <c r="N28" s="12">
        <v>182</v>
      </c>
      <c r="O28" s="12">
        <v>0</v>
      </c>
      <c r="P28" s="12">
        <v>115</v>
      </c>
      <c r="Q28" s="12">
        <v>643</v>
      </c>
      <c r="R28" s="12">
        <v>224</v>
      </c>
    </row>
    <row r="29" spans="1:18" s="4" customFormat="1" x14ac:dyDescent="0.15">
      <c r="A29" s="3"/>
      <c r="B29" s="3" t="s">
        <v>1017</v>
      </c>
      <c r="C29" s="12">
        <v>384</v>
      </c>
      <c r="D29" s="12">
        <v>822</v>
      </c>
      <c r="E29" s="12">
        <v>427</v>
      </c>
      <c r="F29" s="12">
        <v>395</v>
      </c>
      <c r="G29" s="12">
        <v>100</v>
      </c>
      <c r="H29" s="12">
        <v>61</v>
      </c>
      <c r="I29" s="12">
        <v>84</v>
      </c>
      <c r="J29" s="12">
        <v>108</v>
      </c>
      <c r="K29" s="12">
        <v>123</v>
      </c>
      <c r="L29" s="12">
        <v>99</v>
      </c>
      <c r="M29" s="12">
        <v>76</v>
      </c>
      <c r="N29" s="12">
        <v>171</v>
      </c>
      <c r="O29" s="12">
        <v>0</v>
      </c>
      <c r="P29" s="12">
        <v>138</v>
      </c>
      <c r="Q29" s="12">
        <v>469</v>
      </c>
      <c r="R29" s="12">
        <v>215</v>
      </c>
    </row>
    <row r="30" spans="1:18" s="4" customFormat="1" x14ac:dyDescent="0.15">
      <c r="A30" s="3"/>
      <c r="B30" s="3" t="s">
        <v>1018</v>
      </c>
      <c r="C30" s="12">
        <v>397</v>
      </c>
      <c r="D30" s="12">
        <v>855</v>
      </c>
      <c r="E30" s="12">
        <v>449</v>
      </c>
      <c r="F30" s="12">
        <v>406</v>
      </c>
      <c r="G30" s="12">
        <v>73</v>
      </c>
      <c r="H30" s="12">
        <v>83</v>
      </c>
      <c r="I30" s="12">
        <v>123</v>
      </c>
      <c r="J30" s="12">
        <v>107</v>
      </c>
      <c r="K30" s="12">
        <v>140</v>
      </c>
      <c r="L30" s="12">
        <v>106</v>
      </c>
      <c r="M30" s="12">
        <v>85</v>
      </c>
      <c r="N30" s="12">
        <v>138</v>
      </c>
      <c r="O30" s="12">
        <v>0</v>
      </c>
      <c r="P30" s="12">
        <v>110</v>
      </c>
      <c r="Q30" s="12">
        <v>564</v>
      </c>
      <c r="R30" s="12">
        <v>181</v>
      </c>
    </row>
    <row r="31" spans="1:18" s="4" customFormat="1" x14ac:dyDescent="0.15">
      <c r="A31" s="3"/>
      <c r="B31" s="3" t="s">
        <v>1019</v>
      </c>
      <c r="C31" s="12">
        <v>45</v>
      </c>
      <c r="D31" s="12">
        <v>57</v>
      </c>
      <c r="E31" s="12">
        <v>42</v>
      </c>
      <c r="F31" s="12">
        <v>15</v>
      </c>
      <c r="G31" s="12">
        <v>2</v>
      </c>
      <c r="H31" s="12">
        <v>1</v>
      </c>
      <c r="I31" s="12">
        <v>9</v>
      </c>
      <c r="J31" s="12">
        <v>10</v>
      </c>
      <c r="K31" s="12">
        <v>13</v>
      </c>
      <c r="L31" s="12">
        <v>5</v>
      </c>
      <c r="M31" s="12">
        <v>8</v>
      </c>
      <c r="N31" s="12">
        <v>9</v>
      </c>
      <c r="O31" s="12">
        <v>0</v>
      </c>
      <c r="P31" s="12">
        <v>3</v>
      </c>
      <c r="Q31" s="12">
        <v>41</v>
      </c>
      <c r="R31" s="12">
        <v>13</v>
      </c>
    </row>
    <row r="32" spans="1:18" s="4" customFormat="1" x14ac:dyDescent="0.15">
      <c r="A32" s="3"/>
      <c r="B32" s="3" t="s">
        <v>1020</v>
      </c>
      <c r="C32" s="12">
        <v>67</v>
      </c>
      <c r="D32" s="12">
        <v>91</v>
      </c>
      <c r="E32" s="12">
        <v>51</v>
      </c>
      <c r="F32" s="12">
        <v>40</v>
      </c>
      <c r="G32" s="12">
        <v>0</v>
      </c>
      <c r="H32" s="12">
        <v>5</v>
      </c>
      <c r="I32" s="12">
        <v>26</v>
      </c>
      <c r="J32" s="12">
        <v>24</v>
      </c>
      <c r="K32" s="12">
        <v>12</v>
      </c>
      <c r="L32" s="12">
        <v>5</v>
      </c>
      <c r="M32" s="12">
        <v>6</v>
      </c>
      <c r="N32" s="12">
        <v>13</v>
      </c>
      <c r="O32" s="12">
        <v>0</v>
      </c>
      <c r="P32" s="12">
        <v>3</v>
      </c>
      <c r="Q32" s="12">
        <v>71</v>
      </c>
      <c r="R32" s="12">
        <v>17</v>
      </c>
    </row>
    <row r="33" spans="1:18" s="4" customFormat="1" x14ac:dyDescent="0.15">
      <c r="A33" s="3"/>
      <c r="B33" s="3" t="s">
        <v>1021</v>
      </c>
      <c r="C33" s="12">
        <v>241</v>
      </c>
      <c r="D33" s="12">
        <v>460</v>
      </c>
      <c r="E33" s="12">
        <v>251</v>
      </c>
      <c r="F33" s="12">
        <v>209</v>
      </c>
      <c r="G33" s="12">
        <v>29</v>
      </c>
      <c r="H33" s="12">
        <v>28</v>
      </c>
      <c r="I33" s="12">
        <v>68</v>
      </c>
      <c r="J33" s="12">
        <v>66</v>
      </c>
      <c r="K33" s="12">
        <v>49</v>
      </c>
      <c r="L33" s="12">
        <v>72</v>
      </c>
      <c r="M33" s="12">
        <v>53</v>
      </c>
      <c r="N33" s="12">
        <v>95</v>
      </c>
      <c r="O33" s="12">
        <v>0</v>
      </c>
      <c r="P33" s="12">
        <v>39</v>
      </c>
      <c r="Q33" s="12">
        <v>306</v>
      </c>
      <c r="R33" s="12">
        <v>115</v>
      </c>
    </row>
    <row r="34" spans="1:18" s="4" customFormat="1" x14ac:dyDescent="0.15">
      <c r="A34" s="3"/>
      <c r="B34" s="3" t="s">
        <v>1022</v>
      </c>
      <c r="C34" s="12">
        <v>232</v>
      </c>
      <c r="D34" s="12">
        <v>454</v>
      </c>
      <c r="E34" s="12">
        <v>245</v>
      </c>
      <c r="F34" s="12">
        <v>209</v>
      </c>
      <c r="G34" s="12">
        <v>19</v>
      </c>
      <c r="H34" s="12">
        <v>39</v>
      </c>
      <c r="I34" s="12">
        <v>47</v>
      </c>
      <c r="J34" s="12">
        <v>49</v>
      </c>
      <c r="K34" s="12">
        <v>64</v>
      </c>
      <c r="L34" s="12">
        <v>80</v>
      </c>
      <c r="M34" s="12">
        <v>51</v>
      </c>
      <c r="N34" s="12">
        <v>105</v>
      </c>
      <c r="O34" s="12">
        <v>0</v>
      </c>
      <c r="P34" s="12">
        <v>35</v>
      </c>
      <c r="Q34" s="12">
        <v>292</v>
      </c>
      <c r="R34" s="12">
        <v>127</v>
      </c>
    </row>
    <row r="35" spans="1:18" s="4" customFormat="1" x14ac:dyDescent="0.15">
      <c r="A35" s="3"/>
      <c r="B35" s="3" t="s">
        <v>1023</v>
      </c>
      <c r="C35" s="12">
        <v>374</v>
      </c>
      <c r="D35" s="12">
        <v>820</v>
      </c>
      <c r="E35" s="12">
        <v>424</v>
      </c>
      <c r="F35" s="12">
        <v>396</v>
      </c>
      <c r="G35" s="12">
        <v>84</v>
      </c>
      <c r="H35" s="12">
        <v>51</v>
      </c>
      <c r="I35" s="12">
        <v>111</v>
      </c>
      <c r="J35" s="12">
        <v>127</v>
      </c>
      <c r="K35" s="12">
        <v>130</v>
      </c>
      <c r="L35" s="12">
        <v>91</v>
      </c>
      <c r="M35" s="12">
        <v>66</v>
      </c>
      <c r="N35" s="12">
        <v>160</v>
      </c>
      <c r="O35" s="12">
        <v>0</v>
      </c>
      <c r="P35" s="12">
        <v>112</v>
      </c>
      <c r="Q35" s="12">
        <v>519</v>
      </c>
      <c r="R35" s="12">
        <v>189</v>
      </c>
    </row>
    <row r="36" spans="1:18" s="4" customFormat="1" x14ac:dyDescent="0.15">
      <c r="A36" s="3"/>
      <c r="B36" s="3" t="s">
        <v>1024</v>
      </c>
      <c r="C36" s="12">
        <v>611</v>
      </c>
      <c r="D36" s="12">
        <v>1197</v>
      </c>
      <c r="E36" s="12">
        <v>609</v>
      </c>
      <c r="F36" s="12">
        <v>588</v>
      </c>
      <c r="G36" s="12">
        <v>86</v>
      </c>
      <c r="H36" s="12">
        <v>99</v>
      </c>
      <c r="I36" s="12">
        <v>151</v>
      </c>
      <c r="J36" s="12">
        <v>149</v>
      </c>
      <c r="K36" s="12">
        <v>193</v>
      </c>
      <c r="L36" s="12">
        <v>185</v>
      </c>
      <c r="M36" s="12">
        <v>123</v>
      </c>
      <c r="N36" s="12">
        <v>211</v>
      </c>
      <c r="O36" s="12">
        <v>0</v>
      </c>
      <c r="P36" s="12">
        <v>135</v>
      </c>
      <c r="Q36" s="12">
        <v>787</v>
      </c>
      <c r="R36" s="12">
        <v>275</v>
      </c>
    </row>
    <row r="37" spans="1:18" s="4" customFormat="1" x14ac:dyDescent="0.15">
      <c r="A37" s="3"/>
      <c r="B37" s="3" t="s">
        <v>1025</v>
      </c>
      <c r="C37" s="12">
        <v>209</v>
      </c>
      <c r="D37" s="12">
        <v>449</v>
      </c>
      <c r="E37" s="12">
        <v>230</v>
      </c>
      <c r="F37" s="12">
        <v>219</v>
      </c>
      <c r="G37" s="12">
        <v>44</v>
      </c>
      <c r="H37" s="12">
        <v>23</v>
      </c>
      <c r="I37" s="12">
        <v>63</v>
      </c>
      <c r="J37" s="12">
        <v>85</v>
      </c>
      <c r="K37" s="12">
        <v>52</v>
      </c>
      <c r="L37" s="12">
        <v>55</v>
      </c>
      <c r="M37" s="12">
        <v>51</v>
      </c>
      <c r="N37" s="12">
        <v>76</v>
      </c>
      <c r="O37" s="12">
        <v>0</v>
      </c>
      <c r="P37" s="12">
        <v>54</v>
      </c>
      <c r="Q37" s="12">
        <v>294</v>
      </c>
      <c r="R37" s="12">
        <v>101</v>
      </c>
    </row>
    <row r="38" spans="1:18" s="4" customFormat="1" x14ac:dyDescent="0.15">
      <c r="A38" s="3"/>
      <c r="B38" s="3" t="s">
        <v>1026</v>
      </c>
      <c r="C38" s="12">
        <v>324</v>
      </c>
      <c r="D38" s="12">
        <v>680</v>
      </c>
      <c r="E38" s="12">
        <v>356</v>
      </c>
      <c r="F38" s="12">
        <v>324</v>
      </c>
      <c r="G38" s="12">
        <v>38</v>
      </c>
      <c r="H38" s="12">
        <v>55</v>
      </c>
      <c r="I38" s="12">
        <v>84</v>
      </c>
      <c r="J38" s="12">
        <v>82</v>
      </c>
      <c r="K38" s="12">
        <v>103</v>
      </c>
      <c r="L38" s="12">
        <v>76</v>
      </c>
      <c r="M38" s="12">
        <v>81</v>
      </c>
      <c r="N38" s="12">
        <v>161</v>
      </c>
      <c r="O38" s="12">
        <v>0</v>
      </c>
      <c r="P38" s="12">
        <v>64</v>
      </c>
      <c r="Q38" s="12">
        <v>415</v>
      </c>
      <c r="R38" s="12">
        <v>201</v>
      </c>
    </row>
    <row r="39" spans="1:18" s="4" customFormat="1" x14ac:dyDescent="0.15">
      <c r="A39" s="3"/>
      <c r="B39" s="3" t="s">
        <v>1027</v>
      </c>
      <c r="C39" s="12">
        <v>30</v>
      </c>
      <c r="D39" s="12">
        <v>33</v>
      </c>
      <c r="E39" s="12">
        <v>27</v>
      </c>
      <c r="F39" s="12">
        <v>6</v>
      </c>
      <c r="G39" s="12">
        <v>0</v>
      </c>
      <c r="H39" s="12">
        <v>1</v>
      </c>
      <c r="I39" s="12">
        <v>11</v>
      </c>
      <c r="J39" s="12">
        <v>6</v>
      </c>
      <c r="K39" s="12">
        <v>6</v>
      </c>
      <c r="L39" s="12">
        <v>1</v>
      </c>
      <c r="M39" s="12">
        <v>3</v>
      </c>
      <c r="N39" s="12">
        <v>5</v>
      </c>
      <c r="O39" s="12">
        <v>0</v>
      </c>
      <c r="P39" s="12">
        <v>0</v>
      </c>
      <c r="Q39" s="12">
        <v>27</v>
      </c>
      <c r="R39" s="12">
        <v>6</v>
      </c>
    </row>
    <row r="40" spans="1:18" s="4" customFormat="1" x14ac:dyDescent="0.15">
      <c r="A40" s="3"/>
      <c r="B40" s="3" t="s">
        <v>1028</v>
      </c>
      <c r="C40" s="12">
        <v>578</v>
      </c>
      <c r="D40" s="12">
        <v>1018</v>
      </c>
      <c r="E40" s="12">
        <v>509</v>
      </c>
      <c r="F40" s="12">
        <v>509</v>
      </c>
      <c r="G40" s="12">
        <v>48</v>
      </c>
      <c r="H40" s="12">
        <v>42</v>
      </c>
      <c r="I40" s="12">
        <v>123</v>
      </c>
      <c r="J40" s="12">
        <v>140</v>
      </c>
      <c r="K40" s="12">
        <v>121</v>
      </c>
      <c r="L40" s="12">
        <v>110</v>
      </c>
      <c r="M40" s="12">
        <v>141</v>
      </c>
      <c r="N40" s="12">
        <v>293</v>
      </c>
      <c r="O40" s="12">
        <v>0</v>
      </c>
      <c r="P40" s="12">
        <v>69</v>
      </c>
      <c r="Q40" s="12">
        <v>591</v>
      </c>
      <c r="R40" s="12">
        <v>358</v>
      </c>
    </row>
    <row r="41" spans="1:18" s="4" customFormat="1" x14ac:dyDescent="0.15">
      <c r="A41" s="3"/>
      <c r="B41" s="3" t="s">
        <v>1029</v>
      </c>
      <c r="C41" s="12">
        <v>516</v>
      </c>
      <c r="D41" s="12">
        <v>945</v>
      </c>
      <c r="E41" s="12">
        <v>498</v>
      </c>
      <c r="F41" s="12">
        <v>447</v>
      </c>
      <c r="G41" s="12">
        <v>87</v>
      </c>
      <c r="H41" s="12">
        <v>56</v>
      </c>
      <c r="I41" s="12">
        <v>158</v>
      </c>
      <c r="J41" s="12">
        <v>185</v>
      </c>
      <c r="K41" s="12">
        <v>177</v>
      </c>
      <c r="L41" s="12">
        <v>86</v>
      </c>
      <c r="M41" s="12">
        <v>62</v>
      </c>
      <c r="N41" s="12">
        <v>134</v>
      </c>
      <c r="O41" s="12">
        <v>0</v>
      </c>
      <c r="P41" s="12">
        <v>110</v>
      </c>
      <c r="Q41" s="12">
        <v>666</v>
      </c>
      <c r="R41" s="12">
        <v>169</v>
      </c>
    </row>
    <row r="42" spans="1:18" s="4" customFormat="1" x14ac:dyDescent="0.15">
      <c r="A42" s="3"/>
      <c r="B42" s="3" t="s">
        <v>1030</v>
      </c>
      <c r="C42" s="12">
        <v>1161</v>
      </c>
      <c r="D42" s="12">
        <v>1990</v>
      </c>
      <c r="E42" s="12">
        <v>970</v>
      </c>
      <c r="F42" s="12">
        <v>1020</v>
      </c>
      <c r="G42" s="12">
        <v>108</v>
      </c>
      <c r="H42" s="12">
        <v>126</v>
      </c>
      <c r="I42" s="12">
        <v>284</v>
      </c>
      <c r="J42" s="12">
        <v>284</v>
      </c>
      <c r="K42" s="12">
        <v>321</v>
      </c>
      <c r="L42" s="12">
        <v>265</v>
      </c>
      <c r="M42" s="12">
        <v>221</v>
      </c>
      <c r="N42" s="12">
        <v>381</v>
      </c>
      <c r="O42" s="12">
        <v>0</v>
      </c>
      <c r="P42" s="12">
        <v>172</v>
      </c>
      <c r="Q42" s="12">
        <v>1358</v>
      </c>
      <c r="R42" s="12">
        <v>460</v>
      </c>
    </row>
    <row r="43" spans="1:18" s="4" customFormat="1" x14ac:dyDescent="0.15">
      <c r="A43" s="3"/>
      <c r="B43" s="3" t="s">
        <v>1031</v>
      </c>
      <c r="C43" s="12">
        <v>460</v>
      </c>
      <c r="D43" s="12">
        <v>760</v>
      </c>
      <c r="E43" s="12">
        <v>367</v>
      </c>
      <c r="F43" s="12">
        <v>393</v>
      </c>
      <c r="G43" s="12">
        <v>32</v>
      </c>
      <c r="H43" s="12">
        <v>32</v>
      </c>
      <c r="I43" s="12">
        <v>110</v>
      </c>
      <c r="J43" s="12">
        <v>98</v>
      </c>
      <c r="K43" s="12">
        <v>77</v>
      </c>
      <c r="L43" s="12">
        <v>102</v>
      </c>
      <c r="M43" s="12">
        <v>100</v>
      </c>
      <c r="N43" s="12">
        <v>209</v>
      </c>
      <c r="O43" s="12">
        <v>0</v>
      </c>
      <c r="P43" s="12">
        <v>45</v>
      </c>
      <c r="Q43" s="12">
        <v>456</v>
      </c>
      <c r="R43" s="12">
        <v>259</v>
      </c>
    </row>
    <row r="44" spans="1:18" s="4" customFormat="1" x14ac:dyDescent="0.15">
      <c r="A44" s="3"/>
      <c r="B44" s="3" t="s">
        <v>1032</v>
      </c>
      <c r="C44" s="12">
        <v>148</v>
      </c>
      <c r="D44" s="12">
        <v>309</v>
      </c>
      <c r="E44" s="12">
        <v>163</v>
      </c>
      <c r="F44" s="12">
        <v>146</v>
      </c>
      <c r="G44" s="12">
        <v>28</v>
      </c>
      <c r="H44" s="12">
        <v>27</v>
      </c>
      <c r="I44" s="12">
        <v>44</v>
      </c>
      <c r="J44" s="12">
        <v>28</v>
      </c>
      <c r="K44" s="12">
        <v>50</v>
      </c>
      <c r="L44" s="12">
        <v>36</v>
      </c>
      <c r="M44" s="12">
        <v>30</v>
      </c>
      <c r="N44" s="12">
        <v>66</v>
      </c>
      <c r="O44" s="12">
        <v>0</v>
      </c>
      <c r="P44" s="12">
        <v>42</v>
      </c>
      <c r="Q44" s="12">
        <v>185</v>
      </c>
      <c r="R44" s="12">
        <v>82</v>
      </c>
    </row>
    <row r="45" spans="1:18" s="4" customFormat="1" x14ac:dyDescent="0.15">
      <c r="A45" s="3"/>
      <c r="B45" s="3" t="s">
        <v>545</v>
      </c>
      <c r="C45" s="12">
        <v>163</v>
      </c>
      <c r="D45" s="12">
        <v>297</v>
      </c>
      <c r="E45" s="12">
        <v>189</v>
      </c>
      <c r="F45" s="12">
        <v>108</v>
      </c>
      <c r="G45" s="12">
        <v>22</v>
      </c>
      <c r="H45" s="12">
        <v>23</v>
      </c>
      <c r="I45" s="12">
        <v>86</v>
      </c>
      <c r="J45" s="12">
        <v>51</v>
      </c>
      <c r="K45" s="12">
        <v>35</v>
      </c>
      <c r="L45" s="12">
        <v>25</v>
      </c>
      <c r="M45" s="12">
        <v>23</v>
      </c>
      <c r="N45" s="12">
        <v>32</v>
      </c>
      <c r="O45" s="12">
        <v>0</v>
      </c>
      <c r="P45" s="12">
        <v>32</v>
      </c>
      <c r="Q45" s="12">
        <v>225</v>
      </c>
      <c r="R45" s="12">
        <v>40</v>
      </c>
    </row>
    <row r="46" spans="1:18" s="4" customFormat="1" x14ac:dyDescent="0.15">
      <c r="A46" s="3"/>
      <c r="B46" s="3" t="s">
        <v>1033</v>
      </c>
      <c r="C46" s="12">
        <v>349</v>
      </c>
      <c r="D46" s="12">
        <v>734</v>
      </c>
      <c r="E46" s="12">
        <v>371</v>
      </c>
      <c r="F46" s="12">
        <v>363</v>
      </c>
      <c r="G46" s="12">
        <v>82</v>
      </c>
      <c r="H46" s="12">
        <v>68</v>
      </c>
      <c r="I46" s="12">
        <v>93</v>
      </c>
      <c r="J46" s="12">
        <v>119</v>
      </c>
      <c r="K46" s="12">
        <v>119</v>
      </c>
      <c r="L46" s="12">
        <v>112</v>
      </c>
      <c r="M46" s="12">
        <v>60</v>
      </c>
      <c r="N46" s="12">
        <v>81</v>
      </c>
      <c r="O46" s="12">
        <v>0</v>
      </c>
      <c r="P46" s="12">
        <v>121</v>
      </c>
      <c r="Q46" s="12">
        <v>499</v>
      </c>
      <c r="R46" s="12">
        <v>114</v>
      </c>
    </row>
    <row r="47" spans="1:18" s="4" customFormat="1" x14ac:dyDescent="0.15">
      <c r="A47" s="3"/>
      <c r="B47" s="3" t="s">
        <v>1034</v>
      </c>
      <c r="C47" s="12">
        <v>666</v>
      </c>
      <c r="D47" s="12">
        <v>1284</v>
      </c>
      <c r="E47" s="12">
        <v>598</v>
      </c>
      <c r="F47" s="12">
        <v>686</v>
      </c>
      <c r="G47" s="12">
        <v>74</v>
      </c>
      <c r="H47" s="12">
        <v>89</v>
      </c>
      <c r="I47" s="12">
        <v>152</v>
      </c>
      <c r="J47" s="12">
        <v>157</v>
      </c>
      <c r="K47" s="12">
        <v>182</v>
      </c>
      <c r="L47" s="12">
        <v>197</v>
      </c>
      <c r="M47" s="12">
        <v>126</v>
      </c>
      <c r="N47" s="12">
        <v>307</v>
      </c>
      <c r="O47" s="12">
        <v>0</v>
      </c>
      <c r="P47" s="12">
        <v>111</v>
      </c>
      <c r="Q47" s="12">
        <v>815</v>
      </c>
      <c r="R47" s="12">
        <v>358</v>
      </c>
    </row>
    <row r="48" spans="1:18" s="4" customFormat="1" x14ac:dyDescent="0.15">
      <c r="A48" s="3"/>
      <c r="B48" s="3" t="s">
        <v>1035</v>
      </c>
      <c r="C48" s="12">
        <v>301</v>
      </c>
      <c r="D48" s="12">
        <v>668</v>
      </c>
      <c r="E48" s="12">
        <v>323</v>
      </c>
      <c r="F48" s="12">
        <v>345</v>
      </c>
      <c r="G48" s="12">
        <v>60</v>
      </c>
      <c r="H48" s="12">
        <v>54</v>
      </c>
      <c r="I48" s="12">
        <v>79</v>
      </c>
      <c r="J48" s="12">
        <v>77</v>
      </c>
      <c r="K48" s="12">
        <v>83</v>
      </c>
      <c r="L48" s="12">
        <v>94</v>
      </c>
      <c r="M48" s="12">
        <v>84</v>
      </c>
      <c r="N48" s="12">
        <v>137</v>
      </c>
      <c r="O48" s="12">
        <v>0</v>
      </c>
      <c r="P48" s="12">
        <v>88</v>
      </c>
      <c r="Q48" s="12">
        <v>402</v>
      </c>
      <c r="R48" s="12">
        <v>178</v>
      </c>
    </row>
    <row r="49" spans="1:18" s="4" customFormat="1" x14ac:dyDescent="0.15">
      <c r="A49" s="3"/>
      <c r="B49" s="3" t="s">
        <v>1036</v>
      </c>
      <c r="C49" s="12">
        <v>716</v>
      </c>
      <c r="D49" s="12">
        <v>1431</v>
      </c>
      <c r="E49" s="12">
        <v>707</v>
      </c>
      <c r="F49" s="12">
        <v>724</v>
      </c>
      <c r="G49" s="12">
        <v>96</v>
      </c>
      <c r="H49" s="12">
        <v>107</v>
      </c>
      <c r="I49" s="12">
        <v>170</v>
      </c>
      <c r="J49" s="12">
        <v>172</v>
      </c>
      <c r="K49" s="12">
        <v>206</v>
      </c>
      <c r="L49" s="12">
        <v>167</v>
      </c>
      <c r="M49" s="12">
        <v>179</v>
      </c>
      <c r="N49" s="12">
        <v>334</v>
      </c>
      <c r="O49" s="12">
        <v>0</v>
      </c>
      <c r="P49" s="12">
        <v>154</v>
      </c>
      <c r="Q49" s="12">
        <v>855</v>
      </c>
      <c r="R49" s="12">
        <v>422</v>
      </c>
    </row>
    <row r="50" spans="1:18" s="4" customFormat="1" x14ac:dyDescent="0.15">
      <c r="A50" s="3"/>
      <c r="B50" s="3" t="s">
        <v>1037</v>
      </c>
      <c r="C50" s="12">
        <v>156</v>
      </c>
      <c r="D50" s="12">
        <v>294</v>
      </c>
      <c r="E50" s="12">
        <v>146</v>
      </c>
      <c r="F50" s="12">
        <v>148</v>
      </c>
      <c r="G50" s="12">
        <v>6</v>
      </c>
      <c r="H50" s="12">
        <v>27</v>
      </c>
      <c r="I50" s="12">
        <v>36</v>
      </c>
      <c r="J50" s="12">
        <v>26</v>
      </c>
      <c r="K50" s="12">
        <v>47</v>
      </c>
      <c r="L50" s="12">
        <v>40</v>
      </c>
      <c r="M50" s="12">
        <v>39</v>
      </c>
      <c r="N50" s="12">
        <v>73</v>
      </c>
      <c r="O50" s="12">
        <v>0</v>
      </c>
      <c r="P50" s="12">
        <v>20</v>
      </c>
      <c r="Q50" s="12">
        <v>186</v>
      </c>
      <c r="R50" s="12">
        <v>88</v>
      </c>
    </row>
    <row r="51" spans="1:18" s="4" customFormat="1" x14ac:dyDescent="0.15">
      <c r="A51" s="3"/>
      <c r="B51" s="3" t="s">
        <v>1038</v>
      </c>
      <c r="C51" s="12">
        <v>25</v>
      </c>
      <c r="D51" s="12">
        <v>52</v>
      </c>
      <c r="E51" s="12">
        <v>25</v>
      </c>
      <c r="F51" s="12">
        <v>27</v>
      </c>
      <c r="G51" s="12">
        <v>0</v>
      </c>
      <c r="H51" s="12">
        <v>3</v>
      </c>
      <c r="I51" s="12">
        <v>8</v>
      </c>
      <c r="J51" s="12">
        <v>3</v>
      </c>
      <c r="K51" s="12">
        <v>2</v>
      </c>
      <c r="L51" s="12">
        <v>11</v>
      </c>
      <c r="M51" s="12">
        <v>5</v>
      </c>
      <c r="N51" s="12">
        <v>20</v>
      </c>
      <c r="O51" s="12">
        <v>0</v>
      </c>
      <c r="P51" s="12">
        <v>1</v>
      </c>
      <c r="Q51" s="12">
        <v>27</v>
      </c>
      <c r="R51" s="12">
        <v>24</v>
      </c>
    </row>
    <row r="52" spans="1:18" s="4" customFormat="1" x14ac:dyDescent="0.15">
      <c r="A52" s="3"/>
      <c r="B52" s="3" t="s">
        <v>1039</v>
      </c>
      <c r="C52" s="12">
        <v>388</v>
      </c>
      <c r="D52" s="12">
        <v>933</v>
      </c>
      <c r="E52" s="12">
        <v>392</v>
      </c>
      <c r="F52" s="12">
        <v>541</v>
      </c>
      <c r="G52" s="12">
        <v>78</v>
      </c>
      <c r="H52" s="12">
        <v>148</v>
      </c>
      <c r="I52" s="12">
        <v>120</v>
      </c>
      <c r="J52" s="12">
        <v>64</v>
      </c>
      <c r="K52" s="12">
        <v>165</v>
      </c>
      <c r="L52" s="12">
        <v>133</v>
      </c>
      <c r="M52" s="12">
        <v>73</v>
      </c>
      <c r="N52" s="12">
        <v>152</v>
      </c>
      <c r="O52" s="12">
        <v>0</v>
      </c>
      <c r="P52" s="12">
        <v>150</v>
      </c>
      <c r="Q52" s="12">
        <v>603</v>
      </c>
      <c r="R52" s="12">
        <v>180</v>
      </c>
    </row>
    <row r="53" spans="1:18" s="4" customFormat="1" x14ac:dyDescent="0.15">
      <c r="A53" s="3"/>
      <c r="B53" s="3" t="s">
        <v>1040</v>
      </c>
      <c r="C53" s="12">
        <v>508</v>
      </c>
      <c r="D53" s="12">
        <v>1183</v>
      </c>
      <c r="E53" s="12">
        <v>583</v>
      </c>
      <c r="F53" s="12">
        <v>600</v>
      </c>
      <c r="G53" s="12">
        <v>91</v>
      </c>
      <c r="H53" s="12">
        <v>114</v>
      </c>
      <c r="I53" s="12">
        <v>103</v>
      </c>
      <c r="J53" s="12">
        <v>88</v>
      </c>
      <c r="K53" s="12">
        <v>212</v>
      </c>
      <c r="L53" s="12">
        <v>217</v>
      </c>
      <c r="M53" s="12">
        <v>159</v>
      </c>
      <c r="N53" s="12">
        <v>199</v>
      </c>
      <c r="O53" s="12">
        <v>0</v>
      </c>
      <c r="P53" s="12">
        <v>141</v>
      </c>
      <c r="Q53" s="12">
        <v>770</v>
      </c>
      <c r="R53" s="12">
        <v>272</v>
      </c>
    </row>
    <row r="54" spans="1:18" s="4" customFormat="1" x14ac:dyDescent="0.15">
      <c r="A54" s="3"/>
      <c r="B54" s="3" t="s">
        <v>1041</v>
      </c>
      <c r="C54" s="12">
        <v>223</v>
      </c>
      <c r="D54" s="12">
        <v>444</v>
      </c>
      <c r="E54" s="12">
        <v>226</v>
      </c>
      <c r="F54" s="12">
        <v>218</v>
      </c>
      <c r="G54" s="12">
        <v>28</v>
      </c>
      <c r="H54" s="12">
        <v>38</v>
      </c>
      <c r="I54" s="12">
        <v>57</v>
      </c>
      <c r="J54" s="12">
        <v>50</v>
      </c>
      <c r="K54" s="12">
        <v>64</v>
      </c>
      <c r="L54" s="12">
        <v>72</v>
      </c>
      <c r="M54" s="12">
        <v>50</v>
      </c>
      <c r="N54" s="12">
        <v>85</v>
      </c>
      <c r="O54" s="12">
        <v>0</v>
      </c>
      <c r="P54" s="12">
        <v>47</v>
      </c>
      <c r="Q54" s="12">
        <v>289</v>
      </c>
      <c r="R54" s="12">
        <v>108</v>
      </c>
    </row>
    <row r="55" spans="1:18" s="4" customFormat="1" x14ac:dyDescent="0.15">
      <c r="A55" s="3"/>
      <c r="B55" s="3" t="s">
        <v>1042</v>
      </c>
      <c r="C55" s="12">
        <v>140</v>
      </c>
      <c r="D55" s="12">
        <v>281</v>
      </c>
      <c r="E55" s="12">
        <v>142</v>
      </c>
      <c r="F55" s="12">
        <v>139</v>
      </c>
      <c r="G55" s="12">
        <v>13</v>
      </c>
      <c r="H55" s="12">
        <v>18</v>
      </c>
      <c r="I55" s="12">
        <v>26</v>
      </c>
      <c r="J55" s="12">
        <v>23</v>
      </c>
      <c r="K55" s="12">
        <v>44</v>
      </c>
      <c r="L55" s="12">
        <v>45</v>
      </c>
      <c r="M55" s="12">
        <v>28</v>
      </c>
      <c r="N55" s="12">
        <v>84</v>
      </c>
      <c r="O55" s="12">
        <v>0</v>
      </c>
      <c r="P55" s="12">
        <v>23</v>
      </c>
      <c r="Q55" s="12">
        <v>159</v>
      </c>
      <c r="R55" s="12">
        <v>99</v>
      </c>
    </row>
    <row r="56" spans="1:18" s="4" customFormat="1" x14ac:dyDescent="0.15">
      <c r="A56" s="3"/>
      <c r="B56" s="3" t="s">
        <v>1043</v>
      </c>
      <c r="C56" s="12">
        <v>165</v>
      </c>
      <c r="D56" s="12">
        <v>279</v>
      </c>
      <c r="E56" s="12">
        <v>138</v>
      </c>
      <c r="F56" s="12">
        <v>141</v>
      </c>
      <c r="G56" s="12">
        <v>13</v>
      </c>
      <c r="H56" s="12">
        <v>11</v>
      </c>
      <c r="I56" s="12">
        <v>51</v>
      </c>
      <c r="J56" s="12">
        <v>30</v>
      </c>
      <c r="K56" s="12">
        <v>28</v>
      </c>
      <c r="L56" s="12">
        <v>38</v>
      </c>
      <c r="M56" s="12">
        <v>28</v>
      </c>
      <c r="N56" s="12">
        <v>80</v>
      </c>
      <c r="O56" s="12">
        <v>0</v>
      </c>
      <c r="P56" s="12">
        <v>17</v>
      </c>
      <c r="Q56" s="12">
        <v>169</v>
      </c>
      <c r="R56" s="12">
        <v>93</v>
      </c>
    </row>
    <row r="57" spans="1:18" s="4" customFormat="1" x14ac:dyDescent="0.15">
      <c r="A57" s="3"/>
      <c r="B57" s="3" t="s">
        <v>1044</v>
      </c>
      <c r="C57" s="12">
        <v>225</v>
      </c>
      <c r="D57" s="12">
        <v>540</v>
      </c>
      <c r="E57" s="12">
        <v>263</v>
      </c>
      <c r="F57" s="12">
        <v>277</v>
      </c>
      <c r="G57" s="12">
        <v>44</v>
      </c>
      <c r="H57" s="12">
        <v>67</v>
      </c>
      <c r="I57" s="12">
        <v>34</v>
      </c>
      <c r="J57" s="12">
        <v>51</v>
      </c>
      <c r="K57" s="12">
        <v>88</v>
      </c>
      <c r="L57" s="12">
        <v>79</v>
      </c>
      <c r="M57" s="12">
        <v>58</v>
      </c>
      <c r="N57" s="12">
        <v>119</v>
      </c>
      <c r="O57" s="12">
        <v>0</v>
      </c>
      <c r="P57" s="12">
        <v>80</v>
      </c>
      <c r="Q57" s="12">
        <v>313</v>
      </c>
      <c r="R57" s="12">
        <v>147</v>
      </c>
    </row>
    <row r="58" spans="1:18" s="4" customFormat="1" x14ac:dyDescent="0.15">
      <c r="A58" s="3"/>
      <c r="B58" s="3" t="s">
        <v>1045</v>
      </c>
      <c r="C58" s="12">
        <v>174</v>
      </c>
      <c r="D58" s="12">
        <v>317</v>
      </c>
      <c r="E58" s="12">
        <v>159</v>
      </c>
      <c r="F58" s="12">
        <v>158</v>
      </c>
      <c r="G58" s="12">
        <v>24</v>
      </c>
      <c r="H58" s="12">
        <v>12</v>
      </c>
      <c r="I58" s="12">
        <v>40</v>
      </c>
      <c r="J58" s="12">
        <v>38</v>
      </c>
      <c r="K58" s="12">
        <v>43</v>
      </c>
      <c r="L58" s="12">
        <v>45</v>
      </c>
      <c r="M58" s="12">
        <v>34</v>
      </c>
      <c r="N58" s="12">
        <v>81</v>
      </c>
      <c r="O58" s="12">
        <v>0</v>
      </c>
      <c r="P58" s="12">
        <v>30</v>
      </c>
      <c r="Q58" s="12">
        <v>189</v>
      </c>
      <c r="R58" s="12">
        <v>98</v>
      </c>
    </row>
    <row r="59" spans="1:18" s="4" customFormat="1" x14ac:dyDescent="0.15">
      <c r="A59" s="3"/>
      <c r="B59" s="3" t="s">
        <v>1046</v>
      </c>
      <c r="C59" s="12">
        <v>480</v>
      </c>
      <c r="D59" s="12">
        <v>933</v>
      </c>
      <c r="E59" s="12">
        <v>447</v>
      </c>
      <c r="F59" s="12">
        <v>486</v>
      </c>
      <c r="G59" s="12">
        <v>58</v>
      </c>
      <c r="H59" s="12">
        <v>96</v>
      </c>
      <c r="I59" s="12">
        <v>90</v>
      </c>
      <c r="J59" s="12">
        <v>93</v>
      </c>
      <c r="K59" s="12">
        <v>145</v>
      </c>
      <c r="L59" s="12">
        <v>136</v>
      </c>
      <c r="M59" s="12">
        <v>123</v>
      </c>
      <c r="N59" s="12">
        <v>192</v>
      </c>
      <c r="O59" s="12">
        <v>0</v>
      </c>
      <c r="P59" s="12">
        <v>107</v>
      </c>
      <c r="Q59" s="12">
        <v>564</v>
      </c>
      <c r="R59" s="12">
        <v>262</v>
      </c>
    </row>
    <row r="60" spans="1:18" s="4" customFormat="1" x14ac:dyDescent="0.15">
      <c r="A60" s="3"/>
      <c r="B60" s="3" t="s">
        <v>1047</v>
      </c>
      <c r="C60" s="12">
        <v>282</v>
      </c>
      <c r="D60" s="12">
        <v>654</v>
      </c>
      <c r="E60" s="12">
        <v>327</v>
      </c>
      <c r="F60" s="12">
        <v>327</v>
      </c>
      <c r="G60" s="12">
        <v>77</v>
      </c>
      <c r="H60" s="12">
        <v>69</v>
      </c>
      <c r="I60" s="12">
        <v>72</v>
      </c>
      <c r="J60" s="12">
        <v>90</v>
      </c>
      <c r="K60" s="12">
        <v>113</v>
      </c>
      <c r="L60" s="12">
        <v>76</v>
      </c>
      <c r="M60" s="12">
        <v>66</v>
      </c>
      <c r="N60" s="12">
        <v>91</v>
      </c>
      <c r="O60" s="12">
        <v>0</v>
      </c>
      <c r="P60" s="12">
        <v>115</v>
      </c>
      <c r="Q60" s="12">
        <v>410</v>
      </c>
      <c r="R60" s="12">
        <v>129</v>
      </c>
    </row>
    <row r="61" spans="1:18" s="4" customFormat="1" x14ac:dyDescent="0.15">
      <c r="A61" s="3"/>
      <c r="B61" s="3" t="s">
        <v>1048</v>
      </c>
      <c r="C61" s="12">
        <v>970</v>
      </c>
      <c r="D61" s="12">
        <v>2022</v>
      </c>
      <c r="E61" s="12">
        <v>1038</v>
      </c>
      <c r="F61" s="12">
        <v>984</v>
      </c>
      <c r="G61" s="12">
        <v>163</v>
      </c>
      <c r="H61" s="12">
        <v>163</v>
      </c>
      <c r="I61" s="12">
        <v>290</v>
      </c>
      <c r="J61" s="12">
        <v>245</v>
      </c>
      <c r="K61" s="12">
        <v>300</v>
      </c>
      <c r="L61" s="12">
        <v>299</v>
      </c>
      <c r="M61" s="12">
        <v>188</v>
      </c>
      <c r="N61" s="12">
        <v>374</v>
      </c>
      <c r="O61" s="12">
        <v>0</v>
      </c>
      <c r="P61" s="12">
        <v>254</v>
      </c>
      <c r="Q61" s="12">
        <v>1309</v>
      </c>
      <c r="R61" s="12">
        <v>459</v>
      </c>
    </row>
    <row r="62" spans="1:18" s="4" customFormat="1" x14ac:dyDescent="0.15">
      <c r="A62" s="3"/>
      <c r="B62" s="3" t="s">
        <v>1049</v>
      </c>
      <c r="C62" s="12">
        <v>186</v>
      </c>
      <c r="D62" s="12">
        <v>390</v>
      </c>
      <c r="E62" s="12">
        <v>189</v>
      </c>
      <c r="F62" s="12">
        <v>201</v>
      </c>
      <c r="G62" s="12">
        <v>26</v>
      </c>
      <c r="H62" s="12">
        <v>25</v>
      </c>
      <c r="I62" s="12">
        <v>30</v>
      </c>
      <c r="J62" s="12">
        <v>44</v>
      </c>
      <c r="K62" s="12">
        <v>48</v>
      </c>
      <c r="L62" s="12">
        <v>47</v>
      </c>
      <c r="M62" s="12">
        <v>62</v>
      </c>
      <c r="N62" s="12">
        <v>108</v>
      </c>
      <c r="O62" s="12">
        <v>0</v>
      </c>
      <c r="P62" s="12">
        <v>39</v>
      </c>
      <c r="Q62" s="12">
        <v>207</v>
      </c>
      <c r="R62" s="12">
        <v>144</v>
      </c>
    </row>
    <row r="63" spans="1:18" s="4" customFormat="1" x14ac:dyDescent="0.15">
      <c r="A63" s="3"/>
      <c r="B63" s="3" t="s">
        <v>1050</v>
      </c>
      <c r="C63" s="12">
        <v>203</v>
      </c>
      <c r="D63" s="12">
        <v>380</v>
      </c>
      <c r="E63" s="12">
        <v>191</v>
      </c>
      <c r="F63" s="12">
        <v>189</v>
      </c>
      <c r="G63" s="12">
        <v>28</v>
      </c>
      <c r="H63" s="12">
        <v>35</v>
      </c>
      <c r="I63" s="12">
        <v>64</v>
      </c>
      <c r="J63" s="12">
        <v>43</v>
      </c>
      <c r="K63" s="12">
        <v>50</v>
      </c>
      <c r="L63" s="12">
        <v>39</v>
      </c>
      <c r="M63" s="12">
        <v>38</v>
      </c>
      <c r="N63" s="12">
        <v>83</v>
      </c>
      <c r="O63" s="12">
        <v>0</v>
      </c>
      <c r="P63" s="12">
        <v>44</v>
      </c>
      <c r="Q63" s="12">
        <v>233</v>
      </c>
      <c r="R63" s="12">
        <v>103</v>
      </c>
    </row>
    <row r="64" spans="1:18" s="4" customFormat="1" x14ac:dyDescent="0.15">
      <c r="A64" s="3"/>
      <c r="B64" s="3" t="s">
        <v>1051</v>
      </c>
      <c r="C64" s="12">
        <v>271</v>
      </c>
      <c r="D64" s="12">
        <v>596</v>
      </c>
      <c r="E64" s="12">
        <v>292</v>
      </c>
      <c r="F64" s="12">
        <v>304</v>
      </c>
      <c r="G64" s="12">
        <v>55</v>
      </c>
      <c r="H64" s="12">
        <v>35</v>
      </c>
      <c r="I64" s="12">
        <v>53</v>
      </c>
      <c r="J64" s="12">
        <v>69</v>
      </c>
      <c r="K64" s="12">
        <v>86</v>
      </c>
      <c r="L64" s="12">
        <v>68</v>
      </c>
      <c r="M64" s="12">
        <v>86</v>
      </c>
      <c r="N64" s="12">
        <v>144</v>
      </c>
      <c r="O64" s="12">
        <v>0</v>
      </c>
      <c r="P64" s="12">
        <v>77</v>
      </c>
      <c r="Q64" s="12">
        <v>328</v>
      </c>
      <c r="R64" s="12">
        <v>191</v>
      </c>
    </row>
    <row r="65" spans="1:18" s="4" customFormat="1" x14ac:dyDescent="0.15">
      <c r="A65" s="3"/>
      <c r="B65" s="3" t="s">
        <v>1052</v>
      </c>
      <c r="C65" s="12">
        <v>177</v>
      </c>
      <c r="D65" s="12">
        <v>447</v>
      </c>
      <c r="E65" s="12">
        <v>219</v>
      </c>
      <c r="F65" s="12">
        <v>228</v>
      </c>
      <c r="G65" s="12">
        <v>27</v>
      </c>
      <c r="H65" s="12">
        <v>40</v>
      </c>
      <c r="I65" s="12">
        <v>56</v>
      </c>
      <c r="J65" s="12">
        <v>38</v>
      </c>
      <c r="K65" s="12">
        <v>52</v>
      </c>
      <c r="L65" s="12">
        <v>107</v>
      </c>
      <c r="M65" s="12">
        <v>69</v>
      </c>
      <c r="N65" s="12">
        <v>58</v>
      </c>
      <c r="O65" s="12">
        <v>0</v>
      </c>
      <c r="P65" s="12">
        <v>46</v>
      </c>
      <c r="Q65" s="12">
        <v>313</v>
      </c>
      <c r="R65" s="12">
        <v>88</v>
      </c>
    </row>
    <row r="66" spans="1:18" s="4" customFormat="1" x14ac:dyDescent="0.15">
      <c r="A66" s="3"/>
      <c r="B66" s="3" t="s">
        <v>1053</v>
      </c>
      <c r="C66" s="12">
        <v>81</v>
      </c>
      <c r="D66" s="12">
        <v>104</v>
      </c>
      <c r="E66" s="12">
        <v>59</v>
      </c>
      <c r="F66" s="12">
        <v>45</v>
      </c>
      <c r="G66" s="12">
        <v>2</v>
      </c>
      <c r="H66" s="12">
        <v>3</v>
      </c>
      <c r="I66" s="12">
        <v>16</v>
      </c>
      <c r="J66" s="12">
        <v>12</v>
      </c>
      <c r="K66" s="12">
        <v>18</v>
      </c>
      <c r="L66" s="12">
        <v>13</v>
      </c>
      <c r="M66" s="12">
        <v>18</v>
      </c>
      <c r="N66" s="12">
        <v>22</v>
      </c>
      <c r="O66" s="12">
        <v>0</v>
      </c>
      <c r="P66" s="12">
        <v>3</v>
      </c>
      <c r="Q66" s="12">
        <v>69</v>
      </c>
      <c r="R66" s="12">
        <v>32</v>
      </c>
    </row>
    <row r="67" spans="1:18" s="4" customFormat="1" x14ac:dyDescent="0.15">
      <c r="A67" s="3"/>
      <c r="B67" s="3" t="s">
        <v>1054</v>
      </c>
      <c r="C67" s="12">
        <v>19</v>
      </c>
      <c r="D67" s="12">
        <v>20</v>
      </c>
      <c r="E67" s="12">
        <v>11</v>
      </c>
      <c r="F67" s="12">
        <v>9</v>
      </c>
      <c r="G67" s="12">
        <v>0</v>
      </c>
      <c r="H67" s="12">
        <v>1</v>
      </c>
      <c r="I67" s="12">
        <v>4</v>
      </c>
      <c r="J67" s="12">
        <v>7</v>
      </c>
      <c r="K67" s="12">
        <v>2</v>
      </c>
      <c r="L67" s="12">
        <v>1</v>
      </c>
      <c r="M67" s="12">
        <v>1</v>
      </c>
      <c r="N67" s="12">
        <v>4</v>
      </c>
      <c r="O67" s="12">
        <v>0</v>
      </c>
      <c r="P67" s="12">
        <v>0</v>
      </c>
      <c r="Q67" s="12">
        <v>16</v>
      </c>
      <c r="R67" s="12">
        <v>4</v>
      </c>
    </row>
    <row r="68" spans="1:18" s="4" customFormat="1" x14ac:dyDescent="0.15">
      <c r="A68" s="3"/>
      <c r="B68" s="3" t="s">
        <v>1055</v>
      </c>
      <c r="C68" s="12">
        <v>504</v>
      </c>
      <c r="D68" s="12">
        <v>761</v>
      </c>
      <c r="E68" s="12">
        <v>382</v>
      </c>
      <c r="F68" s="12">
        <v>379</v>
      </c>
      <c r="G68" s="12">
        <v>39</v>
      </c>
      <c r="H68" s="12">
        <v>46</v>
      </c>
      <c r="I68" s="12">
        <v>152</v>
      </c>
      <c r="J68" s="12">
        <v>159</v>
      </c>
      <c r="K68" s="12">
        <v>147</v>
      </c>
      <c r="L68" s="12">
        <v>96</v>
      </c>
      <c r="M68" s="12">
        <v>44</v>
      </c>
      <c r="N68" s="12">
        <v>78</v>
      </c>
      <c r="O68" s="12">
        <v>0</v>
      </c>
      <c r="P68" s="12">
        <v>53</v>
      </c>
      <c r="Q68" s="12">
        <v>605</v>
      </c>
      <c r="R68" s="12">
        <v>103</v>
      </c>
    </row>
    <row r="69" spans="1:18" s="4" customFormat="1" x14ac:dyDescent="0.15">
      <c r="A69" s="3"/>
      <c r="B69" s="3" t="s">
        <v>1056</v>
      </c>
      <c r="C69" s="12">
        <v>502</v>
      </c>
      <c r="D69" s="12">
        <v>906</v>
      </c>
      <c r="E69" s="12">
        <v>421</v>
      </c>
      <c r="F69" s="12">
        <v>485</v>
      </c>
      <c r="G69" s="12">
        <v>41</v>
      </c>
      <c r="H69" s="12">
        <v>37</v>
      </c>
      <c r="I69" s="12">
        <v>102</v>
      </c>
      <c r="J69" s="12">
        <v>92</v>
      </c>
      <c r="K69" s="12">
        <v>121</v>
      </c>
      <c r="L69" s="12">
        <v>102</v>
      </c>
      <c r="M69" s="12">
        <v>114</v>
      </c>
      <c r="N69" s="12">
        <v>297</v>
      </c>
      <c r="O69" s="12">
        <v>0</v>
      </c>
      <c r="P69" s="12">
        <v>58</v>
      </c>
      <c r="Q69" s="12">
        <v>481</v>
      </c>
      <c r="R69" s="12">
        <v>367</v>
      </c>
    </row>
    <row r="70" spans="1:18" s="4" customFormat="1" x14ac:dyDescent="0.15">
      <c r="A70" s="3"/>
      <c r="B70" s="3" t="s">
        <v>1057</v>
      </c>
      <c r="C70" s="12">
        <v>443</v>
      </c>
      <c r="D70" s="12">
        <v>748</v>
      </c>
      <c r="E70" s="12">
        <v>382</v>
      </c>
      <c r="F70" s="12">
        <v>366</v>
      </c>
      <c r="G70" s="12">
        <v>36</v>
      </c>
      <c r="H70" s="12">
        <v>49</v>
      </c>
      <c r="I70" s="12">
        <v>134</v>
      </c>
      <c r="J70" s="12">
        <v>117</v>
      </c>
      <c r="K70" s="12">
        <v>107</v>
      </c>
      <c r="L70" s="12">
        <v>92</v>
      </c>
      <c r="M70" s="12">
        <v>70</v>
      </c>
      <c r="N70" s="12">
        <v>143</v>
      </c>
      <c r="O70" s="12">
        <v>0</v>
      </c>
      <c r="P70" s="12">
        <v>62</v>
      </c>
      <c r="Q70" s="12">
        <v>516</v>
      </c>
      <c r="R70" s="12">
        <v>170</v>
      </c>
    </row>
    <row r="71" spans="1:18" s="4" customFormat="1" x14ac:dyDescent="0.15">
      <c r="A71" s="3"/>
      <c r="B71" s="3" t="s">
        <v>1058</v>
      </c>
      <c r="C71" s="12">
        <v>173</v>
      </c>
      <c r="D71" s="12">
        <v>269</v>
      </c>
      <c r="E71" s="12">
        <v>144</v>
      </c>
      <c r="F71" s="12">
        <v>125</v>
      </c>
      <c r="G71" s="12">
        <v>5</v>
      </c>
      <c r="H71" s="12">
        <v>20</v>
      </c>
      <c r="I71" s="12">
        <v>76</v>
      </c>
      <c r="J71" s="12">
        <v>36</v>
      </c>
      <c r="K71" s="12">
        <v>30</v>
      </c>
      <c r="L71" s="12">
        <v>26</v>
      </c>
      <c r="M71" s="12">
        <v>20</v>
      </c>
      <c r="N71" s="12">
        <v>56</v>
      </c>
      <c r="O71" s="12">
        <v>0</v>
      </c>
      <c r="P71" s="12">
        <v>14</v>
      </c>
      <c r="Q71" s="12">
        <v>188</v>
      </c>
      <c r="R71" s="12">
        <v>67</v>
      </c>
    </row>
    <row r="72" spans="1:18" s="4" customFormat="1" x14ac:dyDescent="0.15">
      <c r="A72" s="3"/>
      <c r="B72" s="3" t="s">
        <v>1059</v>
      </c>
      <c r="C72" s="12">
        <v>411</v>
      </c>
      <c r="D72" s="12">
        <v>891</v>
      </c>
      <c r="E72" s="12">
        <v>449</v>
      </c>
      <c r="F72" s="12">
        <v>442</v>
      </c>
      <c r="G72" s="12">
        <v>64</v>
      </c>
      <c r="H72" s="12">
        <v>104</v>
      </c>
      <c r="I72" s="12">
        <v>88</v>
      </c>
      <c r="J72" s="12">
        <v>126</v>
      </c>
      <c r="K72" s="12">
        <v>131</v>
      </c>
      <c r="L72" s="12">
        <v>135</v>
      </c>
      <c r="M72" s="12">
        <v>116</v>
      </c>
      <c r="N72" s="12">
        <v>127</v>
      </c>
      <c r="O72" s="12">
        <v>0</v>
      </c>
      <c r="P72" s="12">
        <v>115</v>
      </c>
      <c r="Q72" s="12">
        <v>598</v>
      </c>
      <c r="R72" s="12">
        <v>178</v>
      </c>
    </row>
    <row r="73" spans="1:18" s="4" customFormat="1" x14ac:dyDescent="0.15">
      <c r="A73" s="3"/>
      <c r="B73" s="3" t="s">
        <v>1060</v>
      </c>
      <c r="C73" s="12">
        <v>333</v>
      </c>
      <c r="D73" s="12">
        <v>599</v>
      </c>
      <c r="E73" s="12">
        <v>312</v>
      </c>
      <c r="F73" s="12">
        <v>287</v>
      </c>
      <c r="G73" s="12">
        <v>50</v>
      </c>
      <c r="H73" s="12">
        <v>57</v>
      </c>
      <c r="I73" s="12">
        <v>92</v>
      </c>
      <c r="J73" s="12">
        <v>84</v>
      </c>
      <c r="K73" s="12">
        <v>138</v>
      </c>
      <c r="L73" s="12">
        <v>72</v>
      </c>
      <c r="M73" s="12">
        <v>60</v>
      </c>
      <c r="N73" s="12">
        <v>46</v>
      </c>
      <c r="O73" s="12">
        <v>0</v>
      </c>
      <c r="P73" s="12">
        <v>84</v>
      </c>
      <c r="Q73" s="12">
        <v>443</v>
      </c>
      <c r="R73" s="12">
        <v>72</v>
      </c>
    </row>
    <row r="74" spans="1:18" s="4" customFormat="1" x14ac:dyDescent="0.15">
      <c r="A74" s="3"/>
      <c r="B74" s="3" t="s">
        <v>1061</v>
      </c>
      <c r="C74" s="12">
        <v>2800</v>
      </c>
      <c r="D74" s="12">
        <v>5832</v>
      </c>
      <c r="E74" s="12">
        <v>2848</v>
      </c>
      <c r="F74" s="12">
        <v>2984</v>
      </c>
      <c r="G74" s="12">
        <v>426</v>
      </c>
      <c r="H74" s="12">
        <v>464</v>
      </c>
      <c r="I74" s="12">
        <v>468</v>
      </c>
      <c r="J74" s="12">
        <v>586</v>
      </c>
      <c r="K74" s="12">
        <v>777</v>
      </c>
      <c r="L74" s="12">
        <v>760</v>
      </c>
      <c r="M74" s="12">
        <v>717</v>
      </c>
      <c r="N74" s="12">
        <v>1634</v>
      </c>
      <c r="O74" s="12">
        <v>0</v>
      </c>
      <c r="P74" s="12">
        <v>658</v>
      </c>
      <c r="Q74" s="12">
        <v>3132</v>
      </c>
      <c r="R74" s="12">
        <v>2042</v>
      </c>
    </row>
    <row r="75" spans="1:18" s="4" customFormat="1" x14ac:dyDescent="0.15">
      <c r="A75" s="3"/>
      <c r="B75" s="3" t="s">
        <v>1062</v>
      </c>
      <c r="C75" s="12">
        <v>10</v>
      </c>
      <c r="D75" s="12">
        <v>21</v>
      </c>
      <c r="E75" s="12">
        <v>11</v>
      </c>
      <c r="F75" s="12">
        <v>10</v>
      </c>
      <c r="G75" s="12">
        <v>4</v>
      </c>
      <c r="H75" s="12">
        <v>0</v>
      </c>
      <c r="I75" s="12">
        <v>2</v>
      </c>
      <c r="J75" s="12">
        <v>3</v>
      </c>
      <c r="K75" s="12">
        <v>4</v>
      </c>
      <c r="L75" s="12">
        <v>3</v>
      </c>
      <c r="M75" s="12">
        <v>2</v>
      </c>
      <c r="N75" s="12">
        <v>3</v>
      </c>
      <c r="O75" s="12">
        <v>0</v>
      </c>
      <c r="P75" s="12">
        <v>4</v>
      </c>
      <c r="Q75" s="12">
        <v>14</v>
      </c>
      <c r="R75" s="12">
        <v>3</v>
      </c>
    </row>
    <row r="76" spans="1:18" s="4" customFormat="1" x14ac:dyDescent="0.15">
      <c r="A76" s="3"/>
      <c r="B76" s="3" t="s">
        <v>1063</v>
      </c>
      <c r="C76" s="12">
        <v>725</v>
      </c>
      <c r="D76" s="12">
        <v>1360</v>
      </c>
      <c r="E76" s="12">
        <v>715</v>
      </c>
      <c r="F76" s="12">
        <v>645</v>
      </c>
      <c r="G76" s="12">
        <v>123</v>
      </c>
      <c r="H76" s="12">
        <v>88</v>
      </c>
      <c r="I76" s="12">
        <v>148</v>
      </c>
      <c r="J76" s="12">
        <v>177</v>
      </c>
      <c r="K76" s="12">
        <v>190</v>
      </c>
      <c r="L76" s="12">
        <v>146</v>
      </c>
      <c r="M76" s="12">
        <v>130</v>
      </c>
      <c r="N76" s="12">
        <v>358</v>
      </c>
      <c r="O76" s="12">
        <v>0</v>
      </c>
      <c r="P76" s="12">
        <v>175</v>
      </c>
      <c r="Q76" s="12">
        <v>752</v>
      </c>
      <c r="R76" s="12">
        <v>433</v>
      </c>
    </row>
    <row r="77" spans="1:18" s="4" customFormat="1" x14ac:dyDescent="0.15">
      <c r="A77" s="3"/>
      <c r="B77" s="3" t="s">
        <v>1064</v>
      </c>
      <c r="C77" s="12">
        <v>430</v>
      </c>
      <c r="D77" s="12">
        <v>942</v>
      </c>
      <c r="E77" s="12">
        <v>484</v>
      </c>
      <c r="F77" s="12">
        <v>458</v>
      </c>
      <c r="G77" s="12">
        <v>69</v>
      </c>
      <c r="H77" s="12">
        <v>71</v>
      </c>
      <c r="I77" s="12">
        <v>117</v>
      </c>
      <c r="J77" s="12">
        <v>101</v>
      </c>
      <c r="K77" s="12">
        <v>125</v>
      </c>
      <c r="L77" s="12">
        <v>143</v>
      </c>
      <c r="M77" s="12">
        <v>100</v>
      </c>
      <c r="N77" s="12">
        <v>216</v>
      </c>
      <c r="O77" s="12">
        <v>0</v>
      </c>
      <c r="P77" s="12">
        <v>103</v>
      </c>
      <c r="Q77" s="12">
        <v>572</v>
      </c>
      <c r="R77" s="12">
        <v>267</v>
      </c>
    </row>
    <row r="78" spans="1:18" s="4" customFormat="1" x14ac:dyDescent="0.15">
      <c r="A78" s="3"/>
      <c r="B78" s="3" t="s">
        <v>1065</v>
      </c>
      <c r="C78" s="12">
        <v>567</v>
      </c>
      <c r="D78" s="12">
        <v>974</v>
      </c>
      <c r="E78" s="12">
        <v>468</v>
      </c>
      <c r="F78" s="12">
        <v>506</v>
      </c>
      <c r="G78" s="12">
        <v>32</v>
      </c>
      <c r="H78" s="12">
        <v>70</v>
      </c>
      <c r="I78" s="12">
        <v>189</v>
      </c>
      <c r="J78" s="12">
        <v>117</v>
      </c>
      <c r="K78" s="12">
        <v>143</v>
      </c>
      <c r="L78" s="12">
        <v>159</v>
      </c>
      <c r="M78" s="12">
        <v>91</v>
      </c>
      <c r="N78" s="12">
        <v>173</v>
      </c>
      <c r="O78" s="12">
        <v>0</v>
      </c>
      <c r="P78" s="12">
        <v>64</v>
      </c>
      <c r="Q78" s="12">
        <v>690</v>
      </c>
      <c r="R78" s="12">
        <v>220</v>
      </c>
    </row>
    <row r="79" spans="1:18" s="4" customFormat="1" x14ac:dyDescent="0.15">
      <c r="A79" s="3"/>
      <c r="B79" s="3" t="s">
        <v>1066</v>
      </c>
      <c r="C79" s="12">
        <v>165</v>
      </c>
      <c r="D79" s="12">
        <v>331</v>
      </c>
      <c r="E79" s="12">
        <v>169</v>
      </c>
      <c r="F79" s="12">
        <v>162</v>
      </c>
      <c r="G79" s="12">
        <v>32</v>
      </c>
      <c r="H79" s="12">
        <v>20</v>
      </c>
      <c r="I79" s="12">
        <v>49</v>
      </c>
      <c r="J79" s="12">
        <v>67</v>
      </c>
      <c r="K79" s="12">
        <v>46</v>
      </c>
      <c r="L79" s="12">
        <v>39</v>
      </c>
      <c r="M79" s="12">
        <v>22</v>
      </c>
      <c r="N79" s="12">
        <v>56</v>
      </c>
      <c r="O79" s="12">
        <v>0</v>
      </c>
      <c r="P79" s="12">
        <v>40</v>
      </c>
      <c r="Q79" s="12">
        <v>227</v>
      </c>
      <c r="R79" s="12">
        <v>64</v>
      </c>
    </row>
    <row r="80" spans="1:18" s="4" customFormat="1" x14ac:dyDescent="0.15">
      <c r="A80" s="3"/>
      <c r="B80" s="3" t="s">
        <v>1067</v>
      </c>
      <c r="C80" s="12">
        <v>526</v>
      </c>
      <c r="D80" s="12">
        <v>1097</v>
      </c>
      <c r="E80" s="12">
        <v>537</v>
      </c>
      <c r="F80" s="12">
        <v>560</v>
      </c>
      <c r="G80" s="12">
        <v>73</v>
      </c>
      <c r="H80" s="12">
        <v>122</v>
      </c>
      <c r="I80" s="12">
        <v>126</v>
      </c>
      <c r="J80" s="12">
        <v>129</v>
      </c>
      <c r="K80" s="12">
        <v>170</v>
      </c>
      <c r="L80" s="12">
        <v>164</v>
      </c>
      <c r="M80" s="12">
        <v>123</v>
      </c>
      <c r="N80" s="12">
        <v>190</v>
      </c>
      <c r="O80" s="12">
        <v>0</v>
      </c>
      <c r="P80" s="12">
        <v>116</v>
      </c>
      <c r="Q80" s="12">
        <v>725</v>
      </c>
      <c r="R80" s="12">
        <v>256</v>
      </c>
    </row>
    <row r="81" spans="1:18" s="4" customFormat="1" x14ac:dyDescent="0.15">
      <c r="A81" s="3"/>
      <c r="B81" s="3" t="s">
        <v>1068</v>
      </c>
      <c r="C81" s="12">
        <v>985</v>
      </c>
      <c r="D81" s="12">
        <v>1969</v>
      </c>
      <c r="E81" s="12">
        <v>988</v>
      </c>
      <c r="F81" s="12">
        <v>981</v>
      </c>
      <c r="G81" s="12">
        <v>173</v>
      </c>
      <c r="H81" s="12">
        <v>184</v>
      </c>
      <c r="I81" s="12">
        <v>246</v>
      </c>
      <c r="J81" s="12">
        <v>282</v>
      </c>
      <c r="K81" s="12">
        <v>333</v>
      </c>
      <c r="L81" s="12">
        <v>221</v>
      </c>
      <c r="M81" s="12">
        <v>187</v>
      </c>
      <c r="N81" s="12">
        <v>343</v>
      </c>
      <c r="O81" s="12">
        <v>0</v>
      </c>
      <c r="P81" s="12">
        <v>274</v>
      </c>
      <c r="Q81" s="12">
        <v>1257</v>
      </c>
      <c r="R81" s="12">
        <v>438</v>
      </c>
    </row>
    <row r="82" spans="1:18" s="4" customFormat="1" x14ac:dyDescent="0.15">
      <c r="A82" s="3"/>
      <c r="B82" s="3" t="s">
        <v>1069</v>
      </c>
      <c r="C82" s="12">
        <v>390</v>
      </c>
      <c r="D82" s="12">
        <v>824</v>
      </c>
      <c r="E82" s="12">
        <v>407</v>
      </c>
      <c r="F82" s="12">
        <v>417</v>
      </c>
      <c r="G82" s="12">
        <v>64</v>
      </c>
      <c r="H82" s="12">
        <v>68</v>
      </c>
      <c r="I82" s="12">
        <v>109</v>
      </c>
      <c r="J82" s="12">
        <v>111</v>
      </c>
      <c r="K82" s="12">
        <v>126</v>
      </c>
      <c r="L82" s="12">
        <v>105</v>
      </c>
      <c r="M82" s="12">
        <v>80</v>
      </c>
      <c r="N82" s="12">
        <v>161</v>
      </c>
      <c r="O82" s="12">
        <v>0</v>
      </c>
      <c r="P82" s="12">
        <v>100</v>
      </c>
      <c r="Q82" s="12">
        <v>520</v>
      </c>
      <c r="R82" s="12">
        <v>204</v>
      </c>
    </row>
    <row r="83" spans="1:18" s="4" customFormat="1" x14ac:dyDescent="0.15">
      <c r="A83" s="3"/>
      <c r="B83" s="3" t="s">
        <v>1070</v>
      </c>
      <c r="C83" s="12">
        <v>204</v>
      </c>
      <c r="D83" s="12">
        <v>426</v>
      </c>
      <c r="E83" s="12">
        <v>223</v>
      </c>
      <c r="F83" s="12">
        <v>203</v>
      </c>
      <c r="G83" s="12">
        <v>26</v>
      </c>
      <c r="H83" s="12">
        <v>40</v>
      </c>
      <c r="I83" s="12">
        <v>60</v>
      </c>
      <c r="J83" s="12">
        <v>69</v>
      </c>
      <c r="K83" s="12">
        <v>60</v>
      </c>
      <c r="L83" s="12">
        <v>58</v>
      </c>
      <c r="M83" s="12">
        <v>40</v>
      </c>
      <c r="N83" s="12">
        <v>73</v>
      </c>
      <c r="O83" s="12">
        <v>0</v>
      </c>
      <c r="P83" s="12">
        <v>46</v>
      </c>
      <c r="Q83" s="12">
        <v>292</v>
      </c>
      <c r="R83" s="12">
        <v>88</v>
      </c>
    </row>
    <row r="84" spans="1:18" s="4" customFormat="1" x14ac:dyDescent="0.15">
      <c r="A84" s="3"/>
      <c r="B84" s="3" t="s">
        <v>1071</v>
      </c>
      <c r="C84" s="12">
        <v>639</v>
      </c>
      <c r="D84" s="12">
        <v>1331</v>
      </c>
      <c r="E84" s="12">
        <v>681</v>
      </c>
      <c r="F84" s="12">
        <v>650</v>
      </c>
      <c r="G84" s="12">
        <v>99</v>
      </c>
      <c r="H84" s="12">
        <v>117</v>
      </c>
      <c r="I84" s="12">
        <v>149</v>
      </c>
      <c r="J84" s="12">
        <v>166</v>
      </c>
      <c r="K84" s="12">
        <v>189</v>
      </c>
      <c r="L84" s="12">
        <v>205</v>
      </c>
      <c r="M84" s="12">
        <v>159</v>
      </c>
      <c r="N84" s="12">
        <v>247</v>
      </c>
      <c r="O84" s="12">
        <v>0</v>
      </c>
      <c r="P84" s="12">
        <v>165</v>
      </c>
      <c r="Q84" s="12">
        <v>833</v>
      </c>
      <c r="R84" s="12">
        <v>333</v>
      </c>
    </row>
    <row r="85" spans="1:18" s="4" customFormat="1" x14ac:dyDescent="0.15">
      <c r="A85" s="3"/>
      <c r="B85" s="3" t="s">
        <v>1072</v>
      </c>
      <c r="C85" s="12">
        <v>239</v>
      </c>
      <c r="D85" s="12">
        <v>481</v>
      </c>
      <c r="E85" s="12">
        <v>229</v>
      </c>
      <c r="F85" s="12">
        <v>252</v>
      </c>
      <c r="G85" s="12">
        <v>48</v>
      </c>
      <c r="H85" s="12">
        <v>62</v>
      </c>
      <c r="I85" s="12">
        <v>63</v>
      </c>
      <c r="J85" s="12">
        <v>65</v>
      </c>
      <c r="K85" s="12">
        <v>108</v>
      </c>
      <c r="L85" s="12">
        <v>50</v>
      </c>
      <c r="M85" s="12">
        <v>32</v>
      </c>
      <c r="N85" s="12">
        <v>53</v>
      </c>
      <c r="O85" s="12">
        <v>0</v>
      </c>
      <c r="P85" s="12">
        <v>90</v>
      </c>
      <c r="Q85" s="12">
        <v>324</v>
      </c>
      <c r="R85" s="12">
        <v>67</v>
      </c>
    </row>
    <row r="86" spans="1:18" s="4" customFormat="1" x14ac:dyDescent="0.15">
      <c r="A86" s="3"/>
      <c r="B86" s="3" t="s">
        <v>1073</v>
      </c>
      <c r="C86" s="12">
        <v>490</v>
      </c>
      <c r="D86" s="12">
        <v>1074</v>
      </c>
      <c r="E86" s="12">
        <v>546</v>
      </c>
      <c r="F86" s="12">
        <v>528</v>
      </c>
      <c r="G86" s="12">
        <v>86</v>
      </c>
      <c r="H86" s="12">
        <v>105</v>
      </c>
      <c r="I86" s="12">
        <v>124</v>
      </c>
      <c r="J86" s="12">
        <v>111</v>
      </c>
      <c r="K86" s="12">
        <v>157</v>
      </c>
      <c r="L86" s="12">
        <v>154</v>
      </c>
      <c r="M86" s="12">
        <v>101</v>
      </c>
      <c r="N86" s="12">
        <v>236</v>
      </c>
      <c r="O86" s="12">
        <v>0</v>
      </c>
      <c r="P86" s="12">
        <v>137</v>
      </c>
      <c r="Q86" s="12">
        <v>649</v>
      </c>
      <c r="R86" s="12">
        <v>288</v>
      </c>
    </row>
    <row r="87" spans="1:18" s="4" customFormat="1" x14ac:dyDescent="0.15">
      <c r="A87" s="3"/>
      <c r="B87" s="3" t="s">
        <v>1074</v>
      </c>
      <c r="C87" s="12">
        <v>552</v>
      </c>
      <c r="D87" s="12">
        <v>864</v>
      </c>
      <c r="E87" s="12">
        <v>433</v>
      </c>
      <c r="F87" s="12">
        <v>431</v>
      </c>
      <c r="G87" s="12">
        <v>48</v>
      </c>
      <c r="H87" s="12">
        <v>45</v>
      </c>
      <c r="I87" s="12">
        <v>166</v>
      </c>
      <c r="J87" s="12">
        <v>143</v>
      </c>
      <c r="K87" s="12">
        <v>139</v>
      </c>
      <c r="L87" s="12">
        <v>121</v>
      </c>
      <c r="M87" s="12">
        <v>82</v>
      </c>
      <c r="N87" s="12">
        <v>120</v>
      </c>
      <c r="O87" s="12">
        <v>0</v>
      </c>
      <c r="P87" s="12">
        <v>67</v>
      </c>
      <c r="Q87" s="12">
        <v>638</v>
      </c>
      <c r="R87" s="12">
        <v>159</v>
      </c>
    </row>
    <row r="88" spans="1:18" s="4" customFormat="1" x14ac:dyDescent="0.15">
      <c r="A88" s="3"/>
      <c r="B88" s="3" t="s">
        <v>1075</v>
      </c>
      <c r="C88" s="12">
        <v>809</v>
      </c>
      <c r="D88" s="12">
        <v>1417</v>
      </c>
      <c r="E88" s="12">
        <v>711</v>
      </c>
      <c r="F88" s="12">
        <v>706</v>
      </c>
      <c r="G88" s="12">
        <v>91</v>
      </c>
      <c r="H88" s="12">
        <v>89</v>
      </c>
      <c r="I88" s="12">
        <v>213</v>
      </c>
      <c r="J88" s="12">
        <v>206</v>
      </c>
      <c r="K88" s="12">
        <v>233</v>
      </c>
      <c r="L88" s="12">
        <v>224</v>
      </c>
      <c r="M88" s="12">
        <v>146</v>
      </c>
      <c r="N88" s="12">
        <v>215</v>
      </c>
      <c r="O88" s="12">
        <v>0</v>
      </c>
      <c r="P88" s="12">
        <v>131</v>
      </c>
      <c r="Q88" s="12">
        <v>1004</v>
      </c>
      <c r="R88" s="12">
        <v>282</v>
      </c>
    </row>
    <row r="89" spans="1:18" s="4" customFormat="1" x14ac:dyDescent="0.15">
      <c r="A89" s="3"/>
      <c r="B89" s="3" t="s">
        <v>1076</v>
      </c>
      <c r="C89" s="12">
        <v>560</v>
      </c>
      <c r="D89" s="12">
        <v>1041</v>
      </c>
      <c r="E89" s="12">
        <v>538</v>
      </c>
      <c r="F89" s="12">
        <v>503</v>
      </c>
      <c r="G89" s="12">
        <v>62</v>
      </c>
      <c r="H89" s="12">
        <v>66</v>
      </c>
      <c r="I89" s="12">
        <v>144</v>
      </c>
      <c r="J89" s="12">
        <v>136</v>
      </c>
      <c r="K89" s="12">
        <v>159</v>
      </c>
      <c r="L89" s="12">
        <v>163</v>
      </c>
      <c r="M89" s="12">
        <v>135</v>
      </c>
      <c r="N89" s="12">
        <v>176</v>
      </c>
      <c r="O89" s="12">
        <v>0</v>
      </c>
      <c r="P89" s="12">
        <v>94</v>
      </c>
      <c r="Q89" s="12">
        <v>708</v>
      </c>
      <c r="R89" s="12">
        <v>239</v>
      </c>
    </row>
    <row r="90" spans="1:18" s="4" customFormat="1" x14ac:dyDescent="0.15">
      <c r="A90" s="3"/>
      <c r="B90" s="3" t="s">
        <v>1077</v>
      </c>
      <c r="C90" s="12">
        <v>598</v>
      </c>
      <c r="D90" s="12">
        <v>1015</v>
      </c>
      <c r="E90" s="12">
        <v>500</v>
      </c>
      <c r="F90" s="12">
        <v>515</v>
      </c>
      <c r="G90" s="12">
        <v>66</v>
      </c>
      <c r="H90" s="12">
        <v>52</v>
      </c>
      <c r="I90" s="12">
        <v>153</v>
      </c>
      <c r="J90" s="12">
        <v>189</v>
      </c>
      <c r="K90" s="12">
        <v>144</v>
      </c>
      <c r="L90" s="12">
        <v>130</v>
      </c>
      <c r="M90" s="12">
        <v>106</v>
      </c>
      <c r="N90" s="12">
        <v>175</v>
      </c>
      <c r="O90" s="12">
        <v>0</v>
      </c>
      <c r="P90" s="12">
        <v>91</v>
      </c>
      <c r="Q90" s="12">
        <v>690</v>
      </c>
      <c r="R90" s="12">
        <v>234</v>
      </c>
    </row>
    <row r="91" spans="1:18" s="4" customFormat="1" x14ac:dyDescent="0.15">
      <c r="A91" s="3"/>
      <c r="B91" s="3" t="s">
        <v>1078</v>
      </c>
      <c r="C91" s="12">
        <v>696</v>
      </c>
      <c r="D91" s="12">
        <v>1265</v>
      </c>
      <c r="E91" s="12">
        <v>626</v>
      </c>
      <c r="F91" s="12">
        <v>639</v>
      </c>
      <c r="G91" s="12">
        <v>89</v>
      </c>
      <c r="H91" s="12">
        <v>77</v>
      </c>
      <c r="I91" s="12">
        <v>188</v>
      </c>
      <c r="J91" s="12">
        <v>170</v>
      </c>
      <c r="K91" s="12">
        <v>173</v>
      </c>
      <c r="L91" s="12">
        <v>156</v>
      </c>
      <c r="M91" s="12">
        <v>120</v>
      </c>
      <c r="N91" s="12">
        <v>292</v>
      </c>
      <c r="O91" s="12">
        <v>0</v>
      </c>
      <c r="P91" s="12">
        <v>126</v>
      </c>
      <c r="Q91" s="12">
        <v>783</v>
      </c>
      <c r="R91" s="12">
        <v>356</v>
      </c>
    </row>
    <row r="92" spans="1:18" s="4" customFormat="1" x14ac:dyDescent="0.15">
      <c r="A92" s="3"/>
      <c r="B92" s="3" t="s">
        <v>1079</v>
      </c>
      <c r="C92" s="12">
        <v>66</v>
      </c>
      <c r="D92" s="12">
        <v>67</v>
      </c>
      <c r="E92" s="12">
        <v>4</v>
      </c>
      <c r="F92" s="12">
        <v>63</v>
      </c>
      <c r="G92" s="12">
        <v>0</v>
      </c>
      <c r="H92" s="12">
        <v>0</v>
      </c>
      <c r="I92" s="12">
        <v>50</v>
      </c>
      <c r="J92" s="12">
        <v>9</v>
      </c>
      <c r="K92" s="12">
        <v>4</v>
      </c>
      <c r="L92" s="12">
        <v>0</v>
      </c>
      <c r="M92" s="12">
        <v>2</v>
      </c>
      <c r="N92" s="12">
        <v>2</v>
      </c>
      <c r="O92" s="12">
        <v>0</v>
      </c>
      <c r="P92" s="12">
        <v>0</v>
      </c>
      <c r="Q92" s="12">
        <v>63</v>
      </c>
      <c r="R92" s="12">
        <v>4</v>
      </c>
    </row>
    <row r="93" spans="1:18" s="4" customFormat="1" x14ac:dyDescent="0.15">
      <c r="A93" s="3"/>
      <c r="B93" s="3" t="s">
        <v>1080</v>
      </c>
      <c r="C93" s="12">
        <v>102</v>
      </c>
      <c r="D93" s="12">
        <v>176</v>
      </c>
      <c r="E93" s="12">
        <v>77</v>
      </c>
      <c r="F93" s="12">
        <v>99</v>
      </c>
      <c r="G93" s="12">
        <v>12</v>
      </c>
      <c r="H93" s="12">
        <v>4</v>
      </c>
      <c r="I93" s="12">
        <v>11</v>
      </c>
      <c r="J93" s="12">
        <v>15</v>
      </c>
      <c r="K93" s="12">
        <v>13</v>
      </c>
      <c r="L93" s="12">
        <v>23</v>
      </c>
      <c r="M93" s="12">
        <v>16</v>
      </c>
      <c r="N93" s="12">
        <v>82</v>
      </c>
      <c r="O93" s="12">
        <v>0</v>
      </c>
      <c r="P93" s="12">
        <v>14</v>
      </c>
      <c r="Q93" s="12">
        <v>73</v>
      </c>
      <c r="R93" s="12">
        <v>89</v>
      </c>
    </row>
    <row r="94" spans="1:18" s="4" customFormat="1" x14ac:dyDescent="0.15">
      <c r="A94" s="3"/>
      <c r="B94" s="3" t="s">
        <v>1081</v>
      </c>
      <c r="C94" s="12">
        <v>300</v>
      </c>
      <c r="D94" s="12">
        <v>680</v>
      </c>
      <c r="E94" s="12">
        <v>345</v>
      </c>
      <c r="F94" s="12">
        <v>335</v>
      </c>
      <c r="G94" s="12">
        <v>90</v>
      </c>
      <c r="H94" s="12">
        <v>53</v>
      </c>
      <c r="I94" s="12">
        <v>80</v>
      </c>
      <c r="J94" s="12">
        <v>118</v>
      </c>
      <c r="K94" s="12">
        <v>113</v>
      </c>
      <c r="L94" s="12">
        <v>64</v>
      </c>
      <c r="M94" s="12">
        <v>53</v>
      </c>
      <c r="N94" s="12">
        <v>109</v>
      </c>
      <c r="O94" s="12">
        <v>0</v>
      </c>
      <c r="P94" s="12">
        <v>120</v>
      </c>
      <c r="Q94" s="12">
        <v>428</v>
      </c>
      <c r="R94" s="12">
        <v>132</v>
      </c>
    </row>
    <row r="95" spans="1:18" s="4" customFormat="1" x14ac:dyDescent="0.15">
      <c r="A95" s="3"/>
      <c r="B95" s="3" t="s">
        <v>1082</v>
      </c>
      <c r="C95" s="12">
        <v>248</v>
      </c>
      <c r="D95" s="12">
        <v>551</v>
      </c>
      <c r="E95" s="12">
        <v>275</v>
      </c>
      <c r="F95" s="12">
        <v>276</v>
      </c>
      <c r="G95" s="12">
        <v>59</v>
      </c>
      <c r="H95" s="12">
        <v>57</v>
      </c>
      <c r="I95" s="12">
        <v>68</v>
      </c>
      <c r="J95" s="12">
        <v>65</v>
      </c>
      <c r="K95" s="12">
        <v>89</v>
      </c>
      <c r="L95" s="12">
        <v>79</v>
      </c>
      <c r="M95" s="12">
        <v>51</v>
      </c>
      <c r="N95" s="12">
        <v>83</v>
      </c>
      <c r="O95" s="12">
        <v>0</v>
      </c>
      <c r="P95" s="12">
        <v>88</v>
      </c>
      <c r="Q95" s="12">
        <v>353</v>
      </c>
      <c r="R95" s="12">
        <v>110</v>
      </c>
    </row>
    <row r="96" spans="1:18" s="4" customFormat="1" x14ac:dyDescent="0.15">
      <c r="A96" s="3"/>
      <c r="B96" s="3" t="s">
        <v>1083</v>
      </c>
      <c r="C96" s="12">
        <v>383</v>
      </c>
      <c r="D96" s="12">
        <v>888</v>
      </c>
      <c r="E96" s="12">
        <v>445</v>
      </c>
      <c r="F96" s="12">
        <v>443</v>
      </c>
      <c r="G96" s="12">
        <v>114</v>
      </c>
      <c r="H96" s="12">
        <v>83</v>
      </c>
      <c r="I96" s="12">
        <v>126</v>
      </c>
      <c r="J96" s="12">
        <v>139</v>
      </c>
      <c r="K96" s="12">
        <v>157</v>
      </c>
      <c r="L96" s="12">
        <v>118</v>
      </c>
      <c r="M96" s="12">
        <v>64</v>
      </c>
      <c r="N96" s="12">
        <v>87</v>
      </c>
      <c r="O96" s="12">
        <v>0</v>
      </c>
      <c r="P96" s="12">
        <v>161</v>
      </c>
      <c r="Q96" s="12">
        <v>611</v>
      </c>
      <c r="R96" s="12">
        <v>116</v>
      </c>
    </row>
    <row r="97" spans="1:18" s="4" customFormat="1" x14ac:dyDescent="0.15">
      <c r="A97" s="3"/>
      <c r="B97" s="3" t="s">
        <v>1084</v>
      </c>
      <c r="C97" s="12">
        <v>692</v>
      </c>
      <c r="D97" s="12">
        <v>1555</v>
      </c>
      <c r="E97" s="12">
        <v>787</v>
      </c>
      <c r="F97" s="12">
        <v>768</v>
      </c>
      <c r="G97" s="12">
        <v>162</v>
      </c>
      <c r="H97" s="12">
        <v>145</v>
      </c>
      <c r="I97" s="12">
        <v>180</v>
      </c>
      <c r="J97" s="12">
        <v>195</v>
      </c>
      <c r="K97" s="12">
        <v>203</v>
      </c>
      <c r="L97" s="12">
        <v>238</v>
      </c>
      <c r="M97" s="12">
        <v>161</v>
      </c>
      <c r="N97" s="12">
        <v>271</v>
      </c>
      <c r="O97" s="12">
        <v>0</v>
      </c>
      <c r="P97" s="12">
        <v>229</v>
      </c>
      <c r="Q97" s="12">
        <v>972</v>
      </c>
      <c r="R97" s="12">
        <v>354</v>
      </c>
    </row>
    <row r="98" spans="1:18" s="4" customFormat="1" x14ac:dyDescent="0.15">
      <c r="A98" s="3"/>
      <c r="B98" s="3" t="s">
        <v>1085</v>
      </c>
      <c r="C98" s="12">
        <v>32</v>
      </c>
      <c r="D98" s="12">
        <v>48</v>
      </c>
      <c r="E98" s="12">
        <v>25</v>
      </c>
      <c r="F98" s="12">
        <v>23</v>
      </c>
      <c r="G98" s="12">
        <v>3</v>
      </c>
      <c r="H98" s="12">
        <v>3</v>
      </c>
      <c r="I98" s="12">
        <v>13</v>
      </c>
      <c r="J98" s="12">
        <v>6</v>
      </c>
      <c r="K98" s="12">
        <v>6</v>
      </c>
      <c r="L98" s="12">
        <v>3</v>
      </c>
      <c r="M98" s="12">
        <v>4</v>
      </c>
      <c r="N98" s="12">
        <v>10</v>
      </c>
      <c r="O98" s="12">
        <v>0</v>
      </c>
      <c r="P98" s="12">
        <v>5</v>
      </c>
      <c r="Q98" s="12">
        <v>31</v>
      </c>
      <c r="R98" s="12">
        <v>12</v>
      </c>
    </row>
    <row r="99" spans="1:18" s="4" customFormat="1" x14ac:dyDescent="0.15">
      <c r="A99" s="3"/>
      <c r="B99" s="3" t="s">
        <v>1086</v>
      </c>
      <c r="C99" s="12">
        <v>465</v>
      </c>
      <c r="D99" s="12">
        <v>946</v>
      </c>
      <c r="E99" s="12">
        <v>499</v>
      </c>
      <c r="F99" s="12">
        <v>447</v>
      </c>
      <c r="G99" s="12">
        <v>60</v>
      </c>
      <c r="H99" s="12">
        <v>91</v>
      </c>
      <c r="I99" s="12">
        <v>146</v>
      </c>
      <c r="J99" s="12">
        <v>109</v>
      </c>
      <c r="K99" s="12">
        <v>156</v>
      </c>
      <c r="L99" s="12">
        <v>137</v>
      </c>
      <c r="M99" s="12">
        <v>98</v>
      </c>
      <c r="N99" s="12">
        <v>149</v>
      </c>
      <c r="O99" s="12">
        <v>0</v>
      </c>
      <c r="P99" s="12">
        <v>101</v>
      </c>
      <c r="Q99" s="12">
        <v>647</v>
      </c>
      <c r="R99" s="12">
        <v>198</v>
      </c>
    </row>
    <row r="100" spans="1:18" s="4" customFormat="1" x14ac:dyDescent="0.15">
      <c r="A100" s="3"/>
      <c r="B100" s="3" t="s">
        <v>1087</v>
      </c>
      <c r="C100" s="12">
        <v>527</v>
      </c>
      <c r="D100" s="12">
        <v>1065</v>
      </c>
      <c r="E100" s="12">
        <v>528</v>
      </c>
      <c r="F100" s="12">
        <v>537</v>
      </c>
      <c r="G100" s="12">
        <v>71</v>
      </c>
      <c r="H100" s="12">
        <v>75</v>
      </c>
      <c r="I100" s="12">
        <v>138</v>
      </c>
      <c r="J100" s="12">
        <v>151</v>
      </c>
      <c r="K100" s="12">
        <v>151</v>
      </c>
      <c r="L100" s="12">
        <v>173</v>
      </c>
      <c r="M100" s="12">
        <v>112</v>
      </c>
      <c r="N100" s="12">
        <v>194</v>
      </c>
      <c r="O100" s="12">
        <v>0</v>
      </c>
      <c r="P100" s="12">
        <v>105</v>
      </c>
      <c r="Q100" s="12">
        <v>714</v>
      </c>
      <c r="R100" s="12">
        <v>246</v>
      </c>
    </row>
    <row r="101" spans="1:18" s="4" customFormat="1" x14ac:dyDescent="0.15">
      <c r="A101" s="3"/>
      <c r="B101" s="3" t="s">
        <v>1088</v>
      </c>
      <c r="C101" s="12">
        <v>670</v>
      </c>
      <c r="D101" s="12">
        <v>1374</v>
      </c>
      <c r="E101" s="12">
        <v>679</v>
      </c>
      <c r="F101" s="12">
        <v>695</v>
      </c>
      <c r="G101" s="12">
        <v>67</v>
      </c>
      <c r="H101" s="12">
        <v>124</v>
      </c>
      <c r="I101" s="12">
        <v>143</v>
      </c>
      <c r="J101" s="12">
        <v>121</v>
      </c>
      <c r="K101" s="12">
        <v>189</v>
      </c>
      <c r="L101" s="12">
        <v>225</v>
      </c>
      <c r="M101" s="12">
        <v>142</v>
      </c>
      <c r="N101" s="12">
        <v>363</v>
      </c>
      <c r="O101" s="12">
        <v>0</v>
      </c>
      <c r="P101" s="12">
        <v>137</v>
      </c>
      <c r="Q101" s="12">
        <v>803</v>
      </c>
      <c r="R101" s="12">
        <v>434</v>
      </c>
    </row>
    <row r="102" spans="1:18" s="4" customFormat="1" x14ac:dyDescent="0.15">
      <c r="A102" s="3"/>
      <c r="B102" s="3" t="s">
        <v>1089</v>
      </c>
      <c r="C102" s="12">
        <v>315</v>
      </c>
      <c r="D102" s="12">
        <v>658</v>
      </c>
      <c r="E102" s="12">
        <v>347</v>
      </c>
      <c r="F102" s="12">
        <v>311</v>
      </c>
      <c r="G102" s="12">
        <v>45</v>
      </c>
      <c r="H102" s="12">
        <v>64</v>
      </c>
      <c r="I102" s="12">
        <v>80</v>
      </c>
      <c r="J102" s="12">
        <v>79</v>
      </c>
      <c r="K102" s="12">
        <v>95</v>
      </c>
      <c r="L102" s="12">
        <v>88</v>
      </c>
      <c r="M102" s="12">
        <v>68</v>
      </c>
      <c r="N102" s="12">
        <v>139</v>
      </c>
      <c r="O102" s="12">
        <v>0</v>
      </c>
      <c r="P102" s="12">
        <v>76</v>
      </c>
      <c r="Q102" s="12">
        <v>405</v>
      </c>
      <c r="R102" s="12">
        <v>177</v>
      </c>
    </row>
    <row r="103" spans="1:18" s="4" customFormat="1" x14ac:dyDescent="0.15">
      <c r="A103" s="3"/>
      <c r="B103" s="3" t="s">
        <v>1090</v>
      </c>
      <c r="C103" s="12">
        <v>369</v>
      </c>
      <c r="D103" s="12">
        <v>877</v>
      </c>
      <c r="E103" s="12">
        <v>435</v>
      </c>
      <c r="F103" s="12">
        <v>442</v>
      </c>
      <c r="G103" s="12">
        <v>83</v>
      </c>
      <c r="H103" s="12">
        <v>103</v>
      </c>
      <c r="I103" s="12">
        <v>115</v>
      </c>
      <c r="J103" s="12">
        <v>95</v>
      </c>
      <c r="K103" s="12">
        <v>150</v>
      </c>
      <c r="L103" s="12">
        <v>120</v>
      </c>
      <c r="M103" s="12">
        <v>85</v>
      </c>
      <c r="N103" s="12">
        <v>126</v>
      </c>
      <c r="O103" s="12">
        <v>0</v>
      </c>
      <c r="P103" s="12">
        <v>123</v>
      </c>
      <c r="Q103" s="12">
        <v>592</v>
      </c>
      <c r="R103" s="12">
        <v>162</v>
      </c>
    </row>
    <row r="104" spans="1:18" s="4" customFormat="1" x14ac:dyDescent="0.15">
      <c r="A104" s="3"/>
      <c r="B104" s="3" t="s">
        <v>1091</v>
      </c>
      <c r="C104" s="12">
        <v>255</v>
      </c>
      <c r="D104" s="12">
        <v>456</v>
      </c>
      <c r="E104" s="12">
        <v>229</v>
      </c>
      <c r="F104" s="12">
        <v>227</v>
      </c>
      <c r="G104" s="12">
        <v>28</v>
      </c>
      <c r="H104" s="12">
        <v>31</v>
      </c>
      <c r="I104" s="12">
        <v>60</v>
      </c>
      <c r="J104" s="12">
        <v>67</v>
      </c>
      <c r="K104" s="12">
        <v>57</v>
      </c>
      <c r="L104" s="12">
        <v>65</v>
      </c>
      <c r="M104" s="12">
        <v>43</v>
      </c>
      <c r="N104" s="12">
        <v>105</v>
      </c>
      <c r="O104" s="12">
        <v>0</v>
      </c>
      <c r="P104" s="12">
        <v>44</v>
      </c>
      <c r="Q104" s="12">
        <v>291</v>
      </c>
      <c r="R104" s="12">
        <v>121</v>
      </c>
    </row>
    <row r="105" spans="1:18" s="4" customFormat="1" x14ac:dyDescent="0.15">
      <c r="A105" s="3"/>
      <c r="B105" s="3" t="s">
        <v>1092</v>
      </c>
      <c r="C105" s="12">
        <v>121</v>
      </c>
      <c r="D105" s="12">
        <v>230</v>
      </c>
      <c r="E105" s="12">
        <v>128</v>
      </c>
      <c r="F105" s="12">
        <v>102</v>
      </c>
      <c r="G105" s="12">
        <v>13</v>
      </c>
      <c r="H105" s="12">
        <v>23</v>
      </c>
      <c r="I105" s="12">
        <v>31</v>
      </c>
      <c r="J105" s="12">
        <v>30</v>
      </c>
      <c r="K105" s="12">
        <v>43</v>
      </c>
      <c r="L105" s="12">
        <v>35</v>
      </c>
      <c r="M105" s="12">
        <v>24</v>
      </c>
      <c r="N105" s="12">
        <v>31</v>
      </c>
      <c r="O105" s="12">
        <v>0</v>
      </c>
      <c r="P105" s="12">
        <v>24</v>
      </c>
      <c r="Q105" s="12">
        <v>166</v>
      </c>
      <c r="R105" s="12">
        <v>40</v>
      </c>
    </row>
    <row r="106" spans="1:18" s="4" customFormat="1" x14ac:dyDescent="0.15">
      <c r="A106" s="3"/>
      <c r="B106" s="3" t="s">
        <v>1093</v>
      </c>
      <c r="C106" s="12">
        <v>230</v>
      </c>
      <c r="D106" s="12">
        <v>487</v>
      </c>
      <c r="E106" s="12">
        <v>245</v>
      </c>
      <c r="F106" s="12">
        <v>242</v>
      </c>
      <c r="G106" s="12">
        <v>33</v>
      </c>
      <c r="H106" s="12">
        <v>57</v>
      </c>
      <c r="I106" s="12">
        <v>69</v>
      </c>
      <c r="J106" s="12">
        <v>47</v>
      </c>
      <c r="K106" s="12">
        <v>81</v>
      </c>
      <c r="L106" s="12">
        <v>77</v>
      </c>
      <c r="M106" s="12">
        <v>38</v>
      </c>
      <c r="N106" s="12">
        <v>85</v>
      </c>
      <c r="O106" s="12">
        <v>0</v>
      </c>
      <c r="P106" s="12">
        <v>55</v>
      </c>
      <c r="Q106" s="12">
        <v>330</v>
      </c>
      <c r="R106" s="12">
        <v>102</v>
      </c>
    </row>
    <row r="107" spans="1:18" s="4" customFormat="1" x14ac:dyDescent="0.15">
      <c r="A107" s="3"/>
      <c r="B107" s="3" t="s">
        <v>1094</v>
      </c>
      <c r="C107" s="12">
        <v>199</v>
      </c>
      <c r="D107" s="12">
        <v>514</v>
      </c>
      <c r="E107" s="12">
        <v>247</v>
      </c>
      <c r="F107" s="12">
        <v>267</v>
      </c>
      <c r="G107" s="12">
        <v>39</v>
      </c>
      <c r="H107" s="12">
        <v>94</v>
      </c>
      <c r="I107" s="12">
        <v>32</v>
      </c>
      <c r="J107" s="12">
        <v>44</v>
      </c>
      <c r="K107" s="12">
        <v>132</v>
      </c>
      <c r="L107" s="12">
        <v>74</v>
      </c>
      <c r="M107" s="12">
        <v>35</v>
      </c>
      <c r="N107" s="12">
        <v>64</v>
      </c>
      <c r="O107" s="12">
        <v>0</v>
      </c>
      <c r="P107" s="12">
        <v>94</v>
      </c>
      <c r="Q107" s="12">
        <v>335</v>
      </c>
      <c r="R107" s="12">
        <v>85</v>
      </c>
    </row>
    <row r="108" spans="1:18" s="4" customFormat="1" x14ac:dyDescent="0.15">
      <c r="A108" s="3"/>
      <c r="B108" s="3" t="s">
        <v>1095</v>
      </c>
      <c r="C108" s="12">
        <v>220</v>
      </c>
      <c r="D108" s="12">
        <v>403</v>
      </c>
      <c r="E108" s="12">
        <v>193</v>
      </c>
      <c r="F108" s="12">
        <v>210</v>
      </c>
      <c r="G108" s="12">
        <v>17</v>
      </c>
      <c r="H108" s="12">
        <v>31</v>
      </c>
      <c r="I108" s="12">
        <v>69</v>
      </c>
      <c r="J108" s="12">
        <v>48</v>
      </c>
      <c r="K108" s="12">
        <v>40</v>
      </c>
      <c r="L108" s="12">
        <v>63</v>
      </c>
      <c r="M108" s="12">
        <v>51</v>
      </c>
      <c r="N108" s="12">
        <v>84</v>
      </c>
      <c r="O108" s="12">
        <v>0</v>
      </c>
      <c r="P108" s="12">
        <v>27</v>
      </c>
      <c r="Q108" s="12">
        <v>266</v>
      </c>
      <c r="R108" s="12">
        <v>110</v>
      </c>
    </row>
    <row r="109" spans="1:18" s="4" customFormat="1" x14ac:dyDescent="0.15">
      <c r="A109" s="3"/>
      <c r="B109" s="3" t="s">
        <v>1096</v>
      </c>
      <c r="C109" s="12">
        <v>473</v>
      </c>
      <c r="D109" s="12">
        <v>844</v>
      </c>
      <c r="E109" s="12">
        <v>421</v>
      </c>
      <c r="F109" s="12">
        <v>423</v>
      </c>
      <c r="G109" s="12">
        <v>45</v>
      </c>
      <c r="H109" s="12">
        <v>56</v>
      </c>
      <c r="I109" s="12">
        <v>173</v>
      </c>
      <c r="J109" s="12">
        <v>117</v>
      </c>
      <c r="K109" s="12">
        <v>95</v>
      </c>
      <c r="L109" s="12">
        <v>126</v>
      </c>
      <c r="M109" s="12">
        <v>89</v>
      </c>
      <c r="N109" s="12">
        <v>143</v>
      </c>
      <c r="O109" s="12">
        <v>0</v>
      </c>
      <c r="P109" s="12">
        <v>66</v>
      </c>
      <c r="Q109" s="12">
        <v>602</v>
      </c>
      <c r="R109" s="12">
        <v>176</v>
      </c>
    </row>
    <row r="110" spans="1:18" s="4" customFormat="1" x14ac:dyDescent="0.15">
      <c r="A110" s="3"/>
      <c r="B110" s="3" t="s">
        <v>1097</v>
      </c>
      <c r="C110" s="12">
        <v>804</v>
      </c>
      <c r="D110" s="12">
        <v>1386</v>
      </c>
      <c r="E110" s="12">
        <v>701</v>
      </c>
      <c r="F110" s="12">
        <v>685</v>
      </c>
      <c r="G110" s="12">
        <v>61</v>
      </c>
      <c r="H110" s="12">
        <v>64</v>
      </c>
      <c r="I110" s="12">
        <v>163</v>
      </c>
      <c r="J110" s="12">
        <v>144</v>
      </c>
      <c r="K110" s="12">
        <v>191</v>
      </c>
      <c r="L110" s="12">
        <v>170</v>
      </c>
      <c r="M110" s="12">
        <v>195</v>
      </c>
      <c r="N110" s="12">
        <v>398</v>
      </c>
      <c r="O110" s="12">
        <v>0</v>
      </c>
      <c r="P110" s="12">
        <v>84</v>
      </c>
      <c r="Q110" s="12">
        <v>800</v>
      </c>
      <c r="R110" s="12">
        <v>502</v>
      </c>
    </row>
    <row r="111" spans="1:18" s="4" customFormat="1" x14ac:dyDescent="0.15">
      <c r="A111" s="3"/>
      <c r="B111" s="3" t="s">
        <v>1098</v>
      </c>
      <c r="C111" s="12">
        <v>161</v>
      </c>
      <c r="D111" s="12">
        <v>373</v>
      </c>
      <c r="E111" s="12">
        <v>189</v>
      </c>
      <c r="F111" s="12">
        <v>184</v>
      </c>
      <c r="G111" s="12">
        <v>19</v>
      </c>
      <c r="H111" s="12">
        <v>42</v>
      </c>
      <c r="I111" s="12">
        <v>50</v>
      </c>
      <c r="J111" s="12">
        <v>35</v>
      </c>
      <c r="K111" s="12">
        <v>68</v>
      </c>
      <c r="L111" s="12">
        <v>67</v>
      </c>
      <c r="M111" s="12">
        <v>49</v>
      </c>
      <c r="N111" s="12">
        <v>43</v>
      </c>
      <c r="O111" s="12">
        <v>0</v>
      </c>
      <c r="P111" s="12">
        <v>32</v>
      </c>
      <c r="Q111" s="12">
        <v>272</v>
      </c>
      <c r="R111" s="12">
        <v>69</v>
      </c>
    </row>
    <row r="112" spans="1:18" s="4" customFormat="1" x14ac:dyDescent="0.15">
      <c r="A112" s="3"/>
      <c r="B112" s="3" t="s">
        <v>1099</v>
      </c>
      <c r="C112" s="12">
        <v>322</v>
      </c>
      <c r="D112" s="12">
        <v>757</v>
      </c>
      <c r="E112" s="12">
        <v>379</v>
      </c>
      <c r="F112" s="12">
        <v>378</v>
      </c>
      <c r="G112" s="12">
        <v>120</v>
      </c>
      <c r="H112" s="12">
        <v>78</v>
      </c>
      <c r="I112" s="12">
        <v>127</v>
      </c>
      <c r="J112" s="12">
        <v>159</v>
      </c>
      <c r="K112" s="12">
        <v>128</v>
      </c>
      <c r="L112" s="12">
        <v>96</v>
      </c>
      <c r="M112" s="12">
        <v>25</v>
      </c>
      <c r="N112" s="12">
        <v>24</v>
      </c>
      <c r="O112" s="12">
        <v>0</v>
      </c>
      <c r="P112" s="12">
        <v>164</v>
      </c>
      <c r="Q112" s="12">
        <v>557</v>
      </c>
      <c r="R112" s="12">
        <v>36</v>
      </c>
    </row>
    <row r="113" spans="1:18" s="4" customFormat="1" x14ac:dyDescent="0.15">
      <c r="A113" s="3"/>
      <c r="B113" s="3" t="s">
        <v>1100</v>
      </c>
      <c r="C113" s="12">
        <v>274</v>
      </c>
      <c r="D113" s="12">
        <v>535</v>
      </c>
      <c r="E113" s="12">
        <v>287</v>
      </c>
      <c r="F113" s="12">
        <v>248</v>
      </c>
      <c r="G113" s="12">
        <v>51</v>
      </c>
      <c r="H113" s="12">
        <v>36</v>
      </c>
      <c r="I113" s="12">
        <v>88</v>
      </c>
      <c r="J113" s="12">
        <v>79</v>
      </c>
      <c r="K113" s="12">
        <v>68</v>
      </c>
      <c r="L113" s="12">
        <v>72</v>
      </c>
      <c r="M113" s="12">
        <v>58</v>
      </c>
      <c r="N113" s="12">
        <v>83</v>
      </c>
      <c r="O113" s="12">
        <v>0</v>
      </c>
      <c r="P113" s="12">
        <v>67</v>
      </c>
      <c r="Q113" s="12">
        <v>359</v>
      </c>
      <c r="R113" s="12">
        <v>109</v>
      </c>
    </row>
    <row r="114" spans="1:18" s="4" customFormat="1" x14ac:dyDescent="0.15">
      <c r="A114" s="3"/>
      <c r="B114" s="3" t="s">
        <v>1101</v>
      </c>
      <c r="C114" s="12">
        <v>1189</v>
      </c>
      <c r="D114" s="12">
        <v>2100</v>
      </c>
      <c r="E114" s="12">
        <v>941</v>
      </c>
      <c r="F114" s="12">
        <v>1159</v>
      </c>
      <c r="G114" s="12">
        <v>92</v>
      </c>
      <c r="H114" s="12">
        <v>145</v>
      </c>
      <c r="I114" s="12">
        <v>142</v>
      </c>
      <c r="J114" s="12">
        <v>165</v>
      </c>
      <c r="K114" s="12">
        <v>265</v>
      </c>
      <c r="L114" s="12">
        <v>249</v>
      </c>
      <c r="M114" s="12">
        <v>292</v>
      </c>
      <c r="N114" s="12">
        <v>750</v>
      </c>
      <c r="O114" s="12">
        <v>0</v>
      </c>
      <c r="P114" s="12">
        <v>162</v>
      </c>
      <c r="Q114" s="12">
        <v>999</v>
      </c>
      <c r="R114" s="12">
        <v>939</v>
      </c>
    </row>
    <row r="115" spans="1:18" s="4" customFormat="1" x14ac:dyDescent="0.15">
      <c r="A115" s="3"/>
      <c r="B115" s="3" t="s">
        <v>1102</v>
      </c>
      <c r="C115" s="12">
        <v>405</v>
      </c>
      <c r="D115" s="12">
        <v>912</v>
      </c>
      <c r="E115" s="12">
        <v>467</v>
      </c>
      <c r="F115" s="12">
        <v>445</v>
      </c>
      <c r="G115" s="12">
        <v>89</v>
      </c>
      <c r="H115" s="12">
        <v>72</v>
      </c>
      <c r="I115" s="12">
        <v>136</v>
      </c>
      <c r="J115" s="12">
        <v>122</v>
      </c>
      <c r="K115" s="12">
        <v>141</v>
      </c>
      <c r="L115" s="12">
        <v>126</v>
      </c>
      <c r="M115" s="12">
        <v>78</v>
      </c>
      <c r="N115" s="12">
        <v>148</v>
      </c>
      <c r="O115" s="12">
        <v>0</v>
      </c>
      <c r="P115" s="12">
        <v>128</v>
      </c>
      <c r="Q115" s="12">
        <v>597</v>
      </c>
      <c r="R115" s="12">
        <v>187</v>
      </c>
    </row>
    <row r="116" spans="1:18" s="4" customFormat="1" x14ac:dyDescent="0.15">
      <c r="A116" s="3"/>
      <c r="B116" s="3" t="s">
        <v>1103</v>
      </c>
      <c r="C116" s="12">
        <v>352</v>
      </c>
      <c r="D116" s="12">
        <v>769</v>
      </c>
      <c r="E116" s="12">
        <v>405</v>
      </c>
      <c r="F116" s="12">
        <v>364</v>
      </c>
      <c r="G116" s="12">
        <v>75</v>
      </c>
      <c r="H116" s="12">
        <v>61</v>
      </c>
      <c r="I116" s="12">
        <v>81</v>
      </c>
      <c r="J116" s="12">
        <v>121</v>
      </c>
      <c r="K116" s="12">
        <v>113</v>
      </c>
      <c r="L116" s="12">
        <v>114</v>
      </c>
      <c r="M116" s="12">
        <v>83</v>
      </c>
      <c r="N116" s="12">
        <v>121</v>
      </c>
      <c r="O116" s="12">
        <v>0</v>
      </c>
      <c r="P116" s="12">
        <v>103</v>
      </c>
      <c r="Q116" s="12">
        <v>514</v>
      </c>
      <c r="R116" s="12">
        <v>152</v>
      </c>
    </row>
    <row r="117" spans="1:18" s="4" customFormat="1" x14ac:dyDescent="0.15">
      <c r="A117" s="3"/>
      <c r="B117" s="3" t="s">
        <v>1104</v>
      </c>
      <c r="C117" s="12">
        <v>652</v>
      </c>
      <c r="D117" s="12">
        <v>1342</v>
      </c>
      <c r="E117" s="12">
        <v>669</v>
      </c>
      <c r="F117" s="12">
        <v>673</v>
      </c>
      <c r="G117" s="12">
        <v>113</v>
      </c>
      <c r="H117" s="12">
        <v>111</v>
      </c>
      <c r="I117" s="12">
        <v>160</v>
      </c>
      <c r="J117" s="12">
        <v>159</v>
      </c>
      <c r="K117" s="12">
        <v>185</v>
      </c>
      <c r="L117" s="12">
        <v>151</v>
      </c>
      <c r="M117" s="12">
        <v>112</v>
      </c>
      <c r="N117" s="12">
        <v>351</v>
      </c>
      <c r="O117" s="12">
        <v>0</v>
      </c>
      <c r="P117" s="12">
        <v>164</v>
      </c>
      <c r="Q117" s="12">
        <v>767</v>
      </c>
      <c r="R117" s="12">
        <v>411</v>
      </c>
    </row>
    <row r="118" spans="1:18" s="4" customFormat="1" x14ac:dyDescent="0.15">
      <c r="A118" s="3"/>
      <c r="B118" s="3" t="s">
        <v>967</v>
      </c>
      <c r="C118" s="12">
        <v>618</v>
      </c>
      <c r="D118" s="12">
        <v>1368</v>
      </c>
      <c r="E118" s="12">
        <v>676</v>
      </c>
      <c r="F118" s="12">
        <v>692</v>
      </c>
      <c r="G118" s="12">
        <v>111</v>
      </c>
      <c r="H118" s="12">
        <v>120</v>
      </c>
      <c r="I118" s="12">
        <v>148</v>
      </c>
      <c r="J118" s="12">
        <v>153</v>
      </c>
      <c r="K118" s="12">
        <v>192</v>
      </c>
      <c r="L118" s="12">
        <v>192</v>
      </c>
      <c r="M118" s="12">
        <v>139</v>
      </c>
      <c r="N118" s="12">
        <v>313</v>
      </c>
      <c r="O118" s="12">
        <v>0</v>
      </c>
      <c r="P118" s="12">
        <v>177</v>
      </c>
      <c r="Q118" s="12">
        <v>817</v>
      </c>
      <c r="R118" s="12">
        <v>374</v>
      </c>
    </row>
    <row r="119" spans="1:18" s="4" customFormat="1" x14ac:dyDescent="0.15">
      <c r="A119" s="3"/>
      <c r="B119" s="3" t="s">
        <v>1105</v>
      </c>
      <c r="C119" s="12">
        <v>149</v>
      </c>
      <c r="D119" s="12">
        <v>315</v>
      </c>
      <c r="E119" s="12">
        <v>168</v>
      </c>
      <c r="F119" s="12">
        <v>147</v>
      </c>
      <c r="G119" s="12">
        <v>31</v>
      </c>
      <c r="H119" s="12">
        <v>22</v>
      </c>
      <c r="I119" s="12">
        <v>37</v>
      </c>
      <c r="J119" s="12">
        <v>57</v>
      </c>
      <c r="K119" s="12">
        <v>49</v>
      </c>
      <c r="L119" s="12">
        <v>32</v>
      </c>
      <c r="M119" s="12">
        <v>29</v>
      </c>
      <c r="N119" s="12">
        <v>58</v>
      </c>
      <c r="O119" s="12">
        <v>0</v>
      </c>
      <c r="P119" s="12">
        <v>41</v>
      </c>
      <c r="Q119" s="12">
        <v>200</v>
      </c>
      <c r="R119" s="12">
        <v>74</v>
      </c>
    </row>
    <row r="120" spans="1:18" s="4" customFormat="1" x14ac:dyDescent="0.15">
      <c r="A120" s="3"/>
      <c r="B120" s="3" t="s">
        <v>1106</v>
      </c>
      <c r="C120" s="12">
        <v>378</v>
      </c>
      <c r="D120" s="12">
        <v>884</v>
      </c>
      <c r="E120" s="12">
        <v>455</v>
      </c>
      <c r="F120" s="12">
        <v>429</v>
      </c>
      <c r="G120" s="12">
        <v>77</v>
      </c>
      <c r="H120" s="12">
        <v>96</v>
      </c>
      <c r="I120" s="12">
        <v>111</v>
      </c>
      <c r="J120" s="12">
        <v>101</v>
      </c>
      <c r="K120" s="12">
        <v>147</v>
      </c>
      <c r="L120" s="12">
        <v>125</v>
      </c>
      <c r="M120" s="12">
        <v>92</v>
      </c>
      <c r="N120" s="12">
        <v>135</v>
      </c>
      <c r="O120" s="12">
        <v>0</v>
      </c>
      <c r="P120" s="12">
        <v>125</v>
      </c>
      <c r="Q120" s="12">
        <v>564</v>
      </c>
      <c r="R120" s="12">
        <v>195</v>
      </c>
    </row>
    <row r="121" spans="1:18" s="4" customFormat="1" x14ac:dyDescent="0.15">
      <c r="A121" s="3"/>
      <c r="B121" s="3" t="s">
        <v>1107</v>
      </c>
      <c r="C121" s="12">
        <v>1018</v>
      </c>
      <c r="D121" s="12">
        <v>2116</v>
      </c>
      <c r="E121" s="12">
        <v>1095</v>
      </c>
      <c r="F121" s="12">
        <v>1021</v>
      </c>
      <c r="G121" s="12">
        <v>170</v>
      </c>
      <c r="H121" s="12">
        <v>147</v>
      </c>
      <c r="I121" s="12">
        <v>255</v>
      </c>
      <c r="J121" s="12">
        <v>316</v>
      </c>
      <c r="K121" s="12">
        <v>312</v>
      </c>
      <c r="L121" s="12">
        <v>269</v>
      </c>
      <c r="M121" s="12">
        <v>206</v>
      </c>
      <c r="N121" s="12">
        <v>441</v>
      </c>
      <c r="O121" s="12">
        <v>0</v>
      </c>
      <c r="P121" s="12">
        <v>251</v>
      </c>
      <c r="Q121" s="12">
        <v>1320</v>
      </c>
      <c r="R121" s="12">
        <v>545</v>
      </c>
    </row>
    <row r="122" spans="1:18" s="4" customFormat="1" x14ac:dyDescent="0.15">
      <c r="A122" s="3"/>
      <c r="B122" s="3" t="s">
        <v>1108</v>
      </c>
      <c r="C122" s="12">
        <v>264</v>
      </c>
      <c r="D122" s="12">
        <v>603</v>
      </c>
      <c r="E122" s="12">
        <v>294</v>
      </c>
      <c r="F122" s="12">
        <v>309</v>
      </c>
      <c r="G122" s="12">
        <v>81</v>
      </c>
      <c r="H122" s="12">
        <v>51</v>
      </c>
      <c r="I122" s="12">
        <v>63</v>
      </c>
      <c r="J122" s="12">
        <v>99</v>
      </c>
      <c r="K122" s="12">
        <v>76</v>
      </c>
      <c r="L122" s="12">
        <v>85</v>
      </c>
      <c r="M122" s="12">
        <v>78</v>
      </c>
      <c r="N122" s="12">
        <v>70</v>
      </c>
      <c r="O122" s="12">
        <v>0</v>
      </c>
      <c r="P122" s="12">
        <v>104</v>
      </c>
      <c r="Q122" s="12">
        <v>395</v>
      </c>
      <c r="R122" s="12">
        <v>104</v>
      </c>
    </row>
    <row r="123" spans="1:18" s="4" customFormat="1" x14ac:dyDescent="0.15">
      <c r="A123" s="3"/>
      <c r="B123" s="3" t="s">
        <v>1109</v>
      </c>
      <c r="C123" s="12">
        <v>580</v>
      </c>
      <c r="D123" s="12">
        <v>1292</v>
      </c>
      <c r="E123" s="12">
        <v>629</v>
      </c>
      <c r="F123" s="12">
        <v>663</v>
      </c>
      <c r="G123" s="12">
        <v>100</v>
      </c>
      <c r="H123" s="12">
        <v>115</v>
      </c>
      <c r="I123" s="12">
        <v>117</v>
      </c>
      <c r="J123" s="12">
        <v>141</v>
      </c>
      <c r="K123" s="12">
        <v>174</v>
      </c>
      <c r="L123" s="12">
        <v>210</v>
      </c>
      <c r="M123" s="12">
        <v>160</v>
      </c>
      <c r="N123" s="12">
        <v>275</v>
      </c>
      <c r="O123" s="12">
        <v>0</v>
      </c>
      <c r="P123" s="12">
        <v>145</v>
      </c>
      <c r="Q123" s="12">
        <v>793</v>
      </c>
      <c r="R123" s="12">
        <v>354</v>
      </c>
    </row>
    <row r="124" spans="1:18" s="4" customFormat="1" x14ac:dyDescent="0.15">
      <c r="A124" s="3"/>
      <c r="B124" s="3" t="s">
        <v>1110</v>
      </c>
      <c r="C124" s="12">
        <v>237</v>
      </c>
      <c r="D124" s="12">
        <v>331</v>
      </c>
      <c r="E124" s="12">
        <v>179</v>
      </c>
      <c r="F124" s="12">
        <v>152</v>
      </c>
      <c r="G124" s="12">
        <v>8</v>
      </c>
      <c r="H124" s="12">
        <v>10</v>
      </c>
      <c r="I124" s="12">
        <v>48</v>
      </c>
      <c r="J124" s="12">
        <v>42</v>
      </c>
      <c r="K124" s="12">
        <v>47</v>
      </c>
      <c r="L124" s="12">
        <v>38</v>
      </c>
      <c r="M124" s="12">
        <v>29</v>
      </c>
      <c r="N124" s="12">
        <v>109</v>
      </c>
      <c r="O124" s="12">
        <v>0</v>
      </c>
      <c r="P124" s="12">
        <v>14</v>
      </c>
      <c r="Q124" s="12">
        <v>188</v>
      </c>
      <c r="R124" s="12">
        <v>129</v>
      </c>
    </row>
    <row r="125" spans="1:18" s="4" customFormat="1" x14ac:dyDescent="0.15">
      <c r="A125" s="3"/>
      <c r="B125" s="3" t="s">
        <v>610</v>
      </c>
      <c r="C125" s="12">
        <v>501</v>
      </c>
      <c r="D125" s="12">
        <v>694</v>
      </c>
      <c r="E125" s="12">
        <v>398</v>
      </c>
      <c r="F125" s="12">
        <v>296</v>
      </c>
      <c r="G125" s="12">
        <v>28</v>
      </c>
      <c r="H125" s="12">
        <v>15</v>
      </c>
      <c r="I125" s="12">
        <v>208</v>
      </c>
      <c r="J125" s="12">
        <v>125</v>
      </c>
      <c r="K125" s="12">
        <v>80</v>
      </c>
      <c r="L125" s="12">
        <v>77</v>
      </c>
      <c r="M125" s="12">
        <v>53</v>
      </c>
      <c r="N125" s="12">
        <v>108</v>
      </c>
      <c r="O125" s="12">
        <v>0</v>
      </c>
      <c r="P125" s="12">
        <v>35</v>
      </c>
      <c r="Q125" s="12">
        <v>526</v>
      </c>
      <c r="R125" s="12">
        <v>133</v>
      </c>
    </row>
    <row r="126" spans="1:18" s="4" customFormat="1" x14ac:dyDescent="0.15">
      <c r="A126" s="3"/>
      <c r="B126" s="3" t="s">
        <v>1111</v>
      </c>
      <c r="C126" s="12">
        <v>613</v>
      </c>
      <c r="D126" s="12">
        <v>1012</v>
      </c>
      <c r="E126" s="12">
        <v>551</v>
      </c>
      <c r="F126" s="12">
        <v>461</v>
      </c>
      <c r="G126" s="12">
        <v>39</v>
      </c>
      <c r="H126" s="12">
        <v>57</v>
      </c>
      <c r="I126" s="12">
        <v>206</v>
      </c>
      <c r="J126" s="12">
        <v>164</v>
      </c>
      <c r="K126" s="12">
        <v>123</v>
      </c>
      <c r="L126" s="12">
        <v>126</v>
      </c>
      <c r="M126" s="12">
        <v>112</v>
      </c>
      <c r="N126" s="12">
        <v>185</v>
      </c>
      <c r="O126" s="12">
        <v>0</v>
      </c>
      <c r="P126" s="12">
        <v>59</v>
      </c>
      <c r="Q126" s="12">
        <v>705</v>
      </c>
      <c r="R126" s="12">
        <v>248</v>
      </c>
    </row>
    <row r="127" spans="1:18" s="4" customFormat="1" x14ac:dyDescent="0.15">
      <c r="A127" s="3"/>
      <c r="B127" s="3" t="s">
        <v>1112</v>
      </c>
      <c r="C127" s="12">
        <v>726</v>
      </c>
      <c r="D127" s="12">
        <v>1571</v>
      </c>
      <c r="E127" s="12">
        <v>785</v>
      </c>
      <c r="F127" s="12">
        <v>786</v>
      </c>
      <c r="G127" s="12">
        <v>139</v>
      </c>
      <c r="H127" s="12">
        <v>131</v>
      </c>
      <c r="I127" s="12">
        <v>153</v>
      </c>
      <c r="J127" s="12">
        <v>160</v>
      </c>
      <c r="K127" s="12">
        <v>242</v>
      </c>
      <c r="L127" s="12">
        <v>189</v>
      </c>
      <c r="M127" s="12">
        <v>173</v>
      </c>
      <c r="N127" s="12">
        <v>384</v>
      </c>
      <c r="O127" s="12">
        <v>0</v>
      </c>
      <c r="P127" s="12">
        <v>211</v>
      </c>
      <c r="Q127" s="12">
        <v>888</v>
      </c>
      <c r="R127" s="12">
        <v>472</v>
      </c>
    </row>
    <row r="128" spans="1:18" s="4" customFormat="1" x14ac:dyDescent="0.15">
      <c r="A128" s="3"/>
      <c r="B128" s="3" t="s">
        <v>613</v>
      </c>
      <c r="C128" s="12">
        <v>2</v>
      </c>
      <c r="D128" s="12">
        <v>2</v>
      </c>
      <c r="E128" s="12">
        <v>1</v>
      </c>
      <c r="F128" s="12">
        <v>1</v>
      </c>
      <c r="G128" s="12" t="s">
        <v>132</v>
      </c>
      <c r="H128" s="12" t="s">
        <v>132</v>
      </c>
      <c r="I128" s="12" t="s">
        <v>132</v>
      </c>
      <c r="J128" s="12" t="s">
        <v>132</v>
      </c>
      <c r="K128" s="12" t="s">
        <v>132</v>
      </c>
      <c r="L128" s="12" t="s">
        <v>132</v>
      </c>
      <c r="M128" s="12" t="s">
        <v>132</v>
      </c>
      <c r="N128" s="12" t="s">
        <v>132</v>
      </c>
      <c r="O128" s="12" t="s">
        <v>132</v>
      </c>
      <c r="P128" s="12" t="s">
        <v>132</v>
      </c>
      <c r="Q128" s="12" t="s">
        <v>132</v>
      </c>
      <c r="R128" s="12" t="s">
        <v>132</v>
      </c>
    </row>
    <row r="129" spans="1:18" s="4" customFormat="1" x14ac:dyDescent="0.15">
      <c r="A129" s="3"/>
      <c r="B129" s="3" t="s">
        <v>1113</v>
      </c>
      <c r="C129" s="12">
        <v>965</v>
      </c>
      <c r="D129" s="12">
        <v>1944</v>
      </c>
      <c r="E129" s="12">
        <v>967</v>
      </c>
      <c r="F129" s="12">
        <v>977</v>
      </c>
      <c r="G129" s="12">
        <v>165</v>
      </c>
      <c r="H129" s="12">
        <v>163</v>
      </c>
      <c r="I129" s="12">
        <v>267</v>
      </c>
      <c r="J129" s="12">
        <v>279</v>
      </c>
      <c r="K129" s="12">
        <v>265</v>
      </c>
      <c r="L129" s="12">
        <v>271</v>
      </c>
      <c r="M129" s="12">
        <v>163</v>
      </c>
      <c r="N129" s="12">
        <v>371</v>
      </c>
      <c r="O129" s="12">
        <v>0</v>
      </c>
      <c r="P129" s="12">
        <v>250</v>
      </c>
      <c r="Q129" s="12">
        <v>1234</v>
      </c>
      <c r="R129" s="12">
        <v>460</v>
      </c>
    </row>
    <row r="130" spans="1:18" s="4" customFormat="1" x14ac:dyDescent="0.15">
      <c r="A130" s="3"/>
      <c r="B130" s="3" t="s">
        <v>1114</v>
      </c>
      <c r="C130" s="12">
        <v>753</v>
      </c>
      <c r="D130" s="12">
        <v>1652</v>
      </c>
      <c r="E130" s="12">
        <v>862</v>
      </c>
      <c r="F130" s="12">
        <v>790</v>
      </c>
      <c r="G130" s="12">
        <v>179</v>
      </c>
      <c r="H130" s="12">
        <v>134</v>
      </c>
      <c r="I130" s="12">
        <v>183</v>
      </c>
      <c r="J130" s="12">
        <v>229</v>
      </c>
      <c r="K130" s="12">
        <v>226</v>
      </c>
      <c r="L130" s="12">
        <v>231</v>
      </c>
      <c r="M130" s="12">
        <v>161</v>
      </c>
      <c r="N130" s="12">
        <v>309</v>
      </c>
      <c r="O130" s="12">
        <v>0</v>
      </c>
      <c r="P130" s="12">
        <v>252</v>
      </c>
      <c r="Q130" s="12">
        <v>1019</v>
      </c>
      <c r="R130" s="12">
        <v>381</v>
      </c>
    </row>
    <row r="131" spans="1:18" s="4" customFormat="1" x14ac:dyDescent="0.15">
      <c r="A131" s="3"/>
      <c r="B131" s="3" t="s">
        <v>1115</v>
      </c>
      <c r="C131" s="12">
        <v>178</v>
      </c>
      <c r="D131" s="12">
        <v>371</v>
      </c>
      <c r="E131" s="12">
        <v>198</v>
      </c>
      <c r="F131" s="12">
        <v>173</v>
      </c>
      <c r="G131" s="12">
        <v>27</v>
      </c>
      <c r="H131" s="12">
        <v>23</v>
      </c>
      <c r="I131" s="12">
        <v>43</v>
      </c>
      <c r="J131" s="12">
        <v>53</v>
      </c>
      <c r="K131" s="12">
        <v>52</v>
      </c>
      <c r="L131" s="12">
        <v>60</v>
      </c>
      <c r="M131" s="12">
        <v>38</v>
      </c>
      <c r="N131" s="12">
        <v>75</v>
      </c>
      <c r="O131" s="12">
        <v>0</v>
      </c>
      <c r="P131" s="12">
        <v>35</v>
      </c>
      <c r="Q131" s="12">
        <v>238</v>
      </c>
      <c r="R131" s="12">
        <v>98</v>
      </c>
    </row>
    <row r="132" spans="1:18" s="4" customFormat="1" x14ac:dyDescent="0.15">
      <c r="A132" s="3"/>
      <c r="B132" s="3" t="s">
        <v>1116</v>
      </c>
      <c r="C132" s="12">
        <v>164</v>
      </c>
      <c r="D132" s="12">
        <v>342</v>
      </c>
      <c r="E132" s="12">
        <v>182</v>
      </c>
      <c r="F132" s="12">
        <v>160</v>
      </c>
      <c r="G132" s="12">
        <v>33</v>
      </c>
      <c r="H132" s="12">
        <v>23</v>
      </c>
      <c r="I132" s="12">
        <v>48</v>
      </c>
      <c r="J132" s="12">
        <v>49</v>
      </c>
      <c r="K132" s="12">
        <v>50</v>
      </c>
      <c r="L132" s="12">
        <v>40</v>
      </c>
      <c r="M132" s="12">
        <v>42</v>
      </c>
      <c r="N132" s="12">
        <v>57</v>
      </c>
      <c r="O132" s="12">
        <v>0</v>
      </c>
      <c r="P132" s="12">
        <v>48</v>
      </c>
      <c r="Q132" s="12">
        <v>216</v>
      </c>
      <c r="R132" s="12">
        <v>78</v>
      </c>
    </row>
    <row r="133" spans="1:18" s="4" customFormat="1" x14ac:dyDescent="0.15">
      <c r="A133" s="3"/>
      <c r="B133" s="3" t="s">
        <v>1117</v>
      </c>
      <c r="C133" s="12">
        <v>197</v>
      </c>
      <c r="D133" s="12">
        <v>444</v>
      </c>
      <c r="E133" s="12">
        <v>211</v>
      </c>
      <c r="F133" s="12">
        <v>233</v>
      </c>
      <c r="G133" s="12">
        <v>37</v>
      </c>
      <c r="H133" s="12">
        <v>48</v>
      </c>
      <c r="I133" s="12">
        <v>57</v>
      </c>
      <c r="J133" s="12">
        <v>52</v>
      </c>
      <c r="K133" s="12">
        <v>88</v>
      </c>
      <c r="L133" s="12">
        <v>69</v>
      </c>
      <c r="M133" s="12">
        <v>28</v>
      </c>
      <c r="N133" s="12">
        <v>65</v>
      </c>
      <c r="O133" s="12">
        <v>0</v>
      </c>
      <c r="P133" s="12">
        <v>56</v>
      </c>
      <c r="Q133" s="12">
        <v>303</v>
      </c>
      <c r="R133" s="12">
        <v>85</v>
      </c>
    </row>
    <row r="134" spans="1:18" s="4" customFormat="1" x14ac:dyDescent="0.15">
      <c r="A134" s="3"/>
      <c r="B134" s="3" t="s">
        <v>1118</v>
      </c>
      <c r="C134" s="12">
        <v>718</v>
      </c>
      <c r="D134" s="12">
        <v>1158</v>
      </c>
      <c r="E134" s="12">
        <v>565</v>
      </c>
      <c r="F134" s="12">
        <v>593</v>
      </c>
      <c r="G134" s="12">
        <v>38</v>
      </c>
      <c r="H134" s="12">
        <v>46</v>
      </c>
      <c r="I134" s="12">
        <v>87</v>
      </c>
      <c r="J134" s="12">
        <v>89</v>
      </c>
      <c r="K134" s="12">
        <v>111</v>
      </c>
      <c r="L134" s="12">
        <v>143</v>
      </c>
      <c r="M134" s="12">
        <v>156</v>
      </c>
      <c r="N134" s="12">
        <v>488</v>
      </c>
      <c r="O134" s="12">
        <v>0</v>
      </c>
      <c r="P134" s="12">
        <v>56</v>
      </c>
      <c r="Q134" s="12">
        <v>528</v>
      </c>
      <c r="R134" s="12">
        <v>574</v>
      </c>
    </row>
    <row r="135" spans="1:18" s="4" customFormat="1" x14ac:dyDescent="0.15">
      <c r="A135" s="3"/>
      <c r="B135" s="3" t="s">
        <v>973</v>
      </c>
      <c r="C135" s="12">
        <v>25</v>
      </c>
      <c r="D135" s="12">
        <v>36</v>
      </c>
      <c r="E135" s="12">
        <v>16</v>
      </c>
      <c r="F135" s="12">
        <v>20</v>
      </c>
      <c r="G135" s="12">
        <v>3</v>
      </c>
      <c r="H135" s="12">
        <v>0</v>
      </c>
      <c r="I135" s="12">
        <v>7</v>
      </c>
      <c r="J135" s="12">
        <v>9</v>
      </c>
      <c r="K135" s="12">
        <v>8</v>
      </c>
      <c r="L135" s="12">
        <v>3</v>
      </c>
      <c r="M135" s="12">
        <v>1</v>
      </c>
      <c r="N135" s="12">
        <v>5</v>
      </c>
      <c r="O135" s="12">
        <v>0</v>
      </c>
      <c r="P135" s="12">
        <v>3</v>
      </c>
      <c r="Q135" s="12">
        <v>28</v>
      </c>
      <c r="R135" s="12">
        <v>5</v>
      </c>
    </row>
    <row r="136" spans="1:18" s="4" customFormat="1" x14ac:dyDescent="0.15">
      <c r="A136" s="3"/>
      <c r="B136" s="3" t="s">
        <v>1119</v>
      </c>
      <c r="C136" s="12">
        <v>405</v>
      </c>
      <c r="D136" s="12">
        <v>895</v>
      </c>
      <c r="E136" s="12">
        <v>454</v>
      </c>
      <c r="F136" s="12">
        <v>441</v>
      </c>
      <c r="G136" s="12">
        <v>63</v>
      </c>
      <c r="H136" s="12">
        <v>103</v>
      </c>
      <c r="I136" s="12">
        <v>124</v>
      </c>
      <c r="J136" s="12">
        <v>101</v>
      </c>
      <c r="K136" s="12">
        <v>146</v>
      </c>
      <c r="L136" s="12">
        <v>109</v>
      </c>
      <c r="M136" s="12">
        <v>71</v>
      </c>
      <c r="N136" s="12">
        <v>178</v>
      </c>
      <c r="O136" s="12">
        <v>0</v>
      </c>
      <c r="P136" s="12">
        <v>120</v>
      </c>
      <c r="Q136" s="12">
        <v>564</v>
      </c>
      <c r="R136" s="12">
        <v>211</v>
      </c>
    </row>
    <row r="137" spans="1:18" s="4" customFormat="1" x14ac:dyDescent="0.15">
      <c r="A137" s="3"/>
      <c r="B137" s="3" t="s">
        <v>1120</v>
      </c>
      <c r="C137" s="12">
        <v>531</v>
      </c>
      <c r="D137" s="12">
        <v>903</v>
      </c>
      <c r="E137" s="12">
        <v>465</v>
      </c>
      <c r="F137" s="12">
        <v>438</v>
      </c>
      <c r="G137" s="12">
        <v>54</v>
      </c>
      <c r="H137" s="12">
        <v>39</v>
      </c>
      <c r="I137" s="12">
        <v>176</v>
      </c>
      <c r="J137" s="12">
        <v>182</v>
      </c>
      <c r="K137" s="12">
        <v>121</v>
      </c>
      <c r="L137" s="12">
        <v>114</v>
      </c>
      <c r="M137" s="12">
        <v>99</v>
      </c>
      <c r="N137" s="12">
        <v>118</v>
      </c>
      <c r="O137" s="12">
        <v>0</v>
      </c>
      <c r="P137" s="12">
        <v>70</v>
      </c>
      <c r="Q137" s="12">
        <v>670</v>
      </c>
      <c r="R137" s="12">
        <v>163</v>
      </c>
    </row>
    <row r="138" spans="1:18" s="4" customFormat="1" x14ac:dyDescent="0.15">
      <c r="A138" s="3"/>
      <c r="B138" s="3" t="s">
        <v>1121</v>
      </c>
      <c r="C138" s="12">
        <v>144</v>
      </c>
      <c r="D138" s="12">
        <v>225</v>
      </c>
      <c r="E138" s="12">
        <v>111</v>
      </c>
      <c r="F138" s="12">
        <v>114</v>
      </c>
      <c r="G138" s="12">
        <v>8</v>
      </c>
      <c r="H138" s="12">
        <v>8</v>
      </c>
      <c r="I138" s="12">
        <v>50</v>
      </c>
      <c r="J138" s="12">
        <v>36</v>
      </c>
      <c r="K138" s="12">
        <v>32</v>
      </c>
      <c r="L138" s="12">
        <v>24</v>
      </c>
      <c r="M138" s="12">
        <v>15</v>
      </c>
      <c r="N138" s="12">
        <v>52</v>
      </c>
      <c r="O138" s="12">
        <v>0</v>
      </c>
      <c r="P138" s="12">
        <v>10</v>
      </c>
      <c r="Q138" s="12">
        <v>154</v>
      </c>
      <c r="R138" s="12">
        <v>61</v>
      </c>
    </row>
    <row r="139" spans="1:18" s="4" customFormat="1" x14ac:dyDescent="0.15">
      <c r="A139" s="3"/>
      <c r="B139" s="3" t="s">
        <v>1122</v>
      </c>
      <c r="C139" s="12">
        <v>393</v>
      </c>
      <c r="D139" s="12">
        <v>616</v>
      </c>
      <c r="E139" s="12">
        <v>312</v>
      </c>
      <c r="F139" s="12">
        <v>304</v>
      </c>
      <c r="G139" s="12">
        <v>23</v>
      </c>
      <c r="H139" s="12">
        <v>23</v>
      </c>
      <c r="I139" s="12">
        <v>134</v>
      </c>
      <c r="J139" s="12">
        <v>95</v>
      </c>
      <c r="K139" s="12">
        <v>87</v>
      </c>
      <c r="L139" s="12">
        <v>80</v>
      </c>
      <c r="M139" s="12">
        <v>54</v>
      </c>
      <c r="N139" s="12">
        <v>120</v>
      </c>
      <c r="O139" s="12">
        <v>0</v>
      </c>
      <c r="P139" s="12">
        <v>34</v>
      </c>
      <c r="Q139" s="12">
        <v>439</v>
      </c>
      <c r="R139" s="12">
        <v>143</v>
      </c>
    </row>
    <row r="140" spans="1:18" s="4" customFormat="1" x14ac:dyDescent="0.15">
      <c r="A140" s="3"/>
      <c r="B140" s="3" t="s">
        <v>1123</v>
      </c>
      <c r="C140" s="12">
        <v>648</v>
      </c>
      <c r="D140" s="12">
        <v>1335</v>
      </c>
      <c r="E140" s="12">
        <v>693</v>
      </c>
      <c r="F140" s="12">
        <v>642</v>
      </c>
      <c r="G140" s="12">
        <v>95</v>
      </c>
      <c r="H140" s="12">
        <v>120</v>
      </c>
      <c r="I140" s="12">
        <v>198</v>
      </c>
      <c r="J140" s="12">
        <v>195</v>
      </c>
      <c r="K140" s="12">
        <v>227</v>
      </c>
      <c r="L140" s="12">
        <v>164</v>
      </c>
      <c r="M140" s="12">
        <v>141</v>
      </c>
      <c r="N140" s="12">
        <v>195</v>
      </c>
      <c r="O140" s="12">
        <v>0</v>
      </c>
      <c r="P140" s="12">
        <v>153</v>
      </c>
      <c r="Q140" s="12">
        <v>917</v>
      </c>
      <c r="R140" s="12">
        <v>265</v>
      </c>
    </row>
    <row r="141" spans="1:18" s="4" customFormat="1" x14ac:dyDescent="0.15">
      <c r="A141" s="3"/>
      <c r="B141" s="3" t="s">
        <v>1124</v>
      </c>
      <c r="C141" s="12">
        <v>1291</v>
      </c>
      <c r="D141" s="12">
        <v>2836</v>
      </c>
      <c r="E141" s="12">
        <v>1394</v>
      </c>
      <c r="F141" s="12">
        <v>1442</v>
      </c>
      <c r="G141" s="12">
        <v>203</v>
      </c>
      <c r="H141" s="12">
        <v>265</v>
      </c>
      <c r="I141" s="12">
        <v>356</v>
      </c>
      <c r="J141" s="12">
        <v>333</v>
      </c>
      <c r="K141" s="12">
        <v>381</v>
      </c>
      <c r="L141" s="12">
        <v>411</v>
      </c>
      <c r="M141" s="12">
        <v>355</v>
      </c>
      <c r="N141" s="12">
        <v>532</v>
      </c>
      <c r="O141" s="12">
        <v>0</v>
      </c>
      <c r="P141" s="12">
        <v>336</v>
      </c>
      <c r="Q141" s="12">
        <v>1772</v>
      </c>
      <c r="R141" s="12">
        <v>728</v>
      </c>
    </row>
    <row r="142" spans="1:18" s="4" customFormat="1" x14ac:dyDescent="0.15">
      <c r="A142" s="3"/>
      <c r="B142" s="3" t="s">
        <v>1125</v>
      </c>
      <c r="C142" s="12">
        <v>1221</v>
      </c>
      <c r="D142" s="12">
        <v>2479</v>
      </c>
      <c r="E142" s="12">
        <v>1265</v>
      </c>
      <c r="F142" s="12">
        <v>1214</v>
      </c>
      <c r="G142" s="12">
        <v>198</v>
      </c>
      <c r="H142" s="12">
        <v>162</v>
      </c>
      <c r="I142" s="12">
        <v>269</v>
      </c>
      <c r="J142" s="12">
        <v>306</v>
      </c>
      <c r="K142" s="12">
        <v>352</v>
      </c>
      <c r="L142" s="12">
        <v>349</v>
      </c>
      <c r="M142" s="12">
        <v>267</v>
      </c>
      <c r="N142" s="12">
        <v>576</v>
      </c>
      <c r="O142" s="12">
        <v>0</v>
      </c>
      <c r="P142" s="12">
        <v>276</v>
      </c>
      <c r="Q142" s="12">
        <v>1485</v>
      </c>
      <c r="R142" s="12">
        <v>718</v>
      </c>
    </row>
    <row r="143" spans="1:18" s="4" customFormat="1" x14ac:dyDescent="0.15">
      <c r="A143" s="3"/>
      <c r="B143" s="3" t="s">
        <v>1126</v>
      </c>
      <c r="C143" s="12">
        <v>49</v>
      </c>
      <c r="D143" s="12">
        <v>82</v>
      </c>
      <c r="E143" s="12">
        <v>46</v>
      </c>
      <c r="F143" s="12">
        <v>36</v>
      </c>
      <c r="G143" s="12">
        <v>1</v>
      </c>
      <c r="H143" s="12">
        <v>16</v>
      </c>
      <c r="I143" s="12">
        <v>10</v>
      </c>
      <c r="J143" s="12">
        <v>10</v>
      </c>
      <c r="K143" s="12">
        <v>25</v>
      </c>
      <c r="L143" s="12">
        <v>13</v>
      </c>
      <c r="M143" s="12">
        <v>2</v>
      </c>
      <c r="N143" s="12">
        <v>5</v>
      </c>
      <c r="O143" s="12">
        <v>0</v>
      </c>
      <c r="P143" s="12">
        <v>7</v>
      </c>
      <c r="Q143" s="12">
        <v>68</v>
      </c>
      <c r="R143" s="12">
        <v>7</v>
      </c>
    </row>
    <row r="144" spans="1:18" s="4" customFormat="1" x14ac:dyDescent="0.15">
      <c r="A144" s="3"/>
      <c r="B144" s="3" t="s">
        <v>1127</v>
      </c>
      <c r="C144" s="12">
        <v>215</v>
      </c>
      <c r="D144" s="12">
        <v>423</v>
      </c>
      <c r="E144" s="12">
        <v>224</v>
      </c>
      <c r="F144" s="12">
        <v>199</v>
      </c>
      <c r="G144" s="12">
        <v>54</v>
      </c>
      <c r="H144" s="12">
        <v>29</v>
      </c>
      <c r="I144" s="12">
        <v>67</v>
      </c>
      <c r="J144" s="12">
        <v>64</v>
      </c>
      <c r="K144" s="12">
        <v>68</v>
      </c>
      <c r="L144" s="12">
        <v>38</v>
      </c>
      <c r="M144" s="12">
        <v>42</v>
      </c>
      <c r="N144" s="12">
        <v>61</v>
      </c>
      <c r="O144" s="12">
        <v>0</v>
      </c>
      <c r="P144" s="12">
        <v>71</v>
      </c>
      <c r="Q144" s="12">
        <v>268</v>
      </c>
      <c r="R144" s="12">
        <v>84</v>
      </c>
    </row>
    <row r="145" spans="1:18" s="4" customFormat="1" x14ac:dyDescent="0.15">
      <c r="A145" s="3"/>
      <c r="B145" s="3" t="s">
        <v>1128</v>
      </c>
      <c r="C145" s="12">
        <v>112</v>
      </c>
      <c r="D145" s="12">
        <v>202</v>
      </c>
      <c r="E145" s="12">
        <v>94</v>
      </c>
      <c r="F145" s="12">
        <v>108</v>
      </c>
      <c r="G145" s="12">
        <v>9</v>
      </c>
      <c r="H145" s="12">
        <v>11</v>
      </c>
      <c r="I145" s="12">
        <v>39</v>
      </c>
      <c r="J145" s="12">
        <v>31</v>
      </c>
      <c r="K145" s="12">
        <v>31</v>
      </c>
      <c r="L145" s="12">
        <v>23</v>
      </c>
      <c r="M145" s="12">
        <v>21</v>
      </c>
      <c r="N145" s="12">
        <v>37</v>
      </c>
      <c r="O145" s="12">
        <v>0</v>
      </c>
      <c r="P145" s="12">
        <v>17</v>
      </c>
      <c r="Q145" s="12">
        <v>137</v>
      </c>
      <c r="R145" s="12">
        <v>48</v>
      </c>
    </row>
    <row r="146" spans="1:18" s="4" customFormat="1" x14ac:dyDescent="0.15">
      <c r="A146" s="3"/>
      <c r="B146" s="3" t="s">
        <v>1129</v>
      </c>
      <c r="C146" s="12">
        <v>440</v>
      </c>
      <c r="D146" s="12">
        <v>928</v>
      </c>
      <c r="E146" s="12">
        <v>495</v>
      </c>
      <c r="F146" s="12">
        <v>433</v>
      </c>
      <c r="G146" s="12">
        <v>97</v>
      </c>
      <c r="H146" s="12">
        <v>82</v>
      </c>
      <c r="I146" s="12">
        <v>106</v>
      </c>
      <c r="J146" s="12">
        <v>125</v>
      </c>
      <c r="K146" s="12">
        <v>129</v>
      </c>
      <c r="L146" s="12">
        <v>133</v>
      </c>
      <c r="M146" s="12">
        <v>85</v>
      </c>
      <c r="N146" s="12">
        <v>171</v>
      </c>
      <c r="O146" s="12">
        <v>0</v>
      </c>
      <c r="P146" s="12">
        <v>142</v>
      </c>
      <c r="Q146" s="12">
        <v>575</v>
      </c>
      <c r="R146" s="12">
        <v>211</v>
      </c>
    </row>
    <row r="147" spans="1:18" s="4" customFormat="1" x14ac:dyDescent="0.15">
      <c r="A147" s="3"/>
      <c r="B147" s="3" t="s">
        <v>1130</v>
      </c>
      <c r="C147" s="12">
        <v>244</v>
      </c>
      <c r="D147" s="12">
        <v>511</v>
      </c>
      <c r="E147" s="12">
        <v>288</v>
      </c>
      <c r="F147" s="12">
        <v>223</v>
      </c>
      <c r="G147" s="12">
        <v>32</v>
      </c>
      <c r="H147" s="12">
        <v>65</v>
      </c>
      <c r="I147" s="12">
        <v>75</v>
      </c>
      <c r="J147" s="12">
        <v>57</v>
      </c>
      <c r="K147" s="12">
        <v>96</v>
      </c>
      <c r="L147" s="12">
        <v>82</v>
      </c>
      <c r="M147" s="12">
        <v>57</v>
      </c>
      <c r="N147" s="12">
        <v>47</v>
      </c>
      <c r="O147" s="12">
        <v>0</v>
      </c>
      <c r="P147" s="12">
        <v>56</v>
      </c>
      <c r="Q147" s="12">
        <v>382</v>
      </c>
      <c r="R147" s="12">
        <v>73</v>
      </c>
    </row>
    <row r="148" spans="1:18" s="4" customFormat="1" x14ac:dyDescent="0.15">
      <c r="A148" s="3"/>
      <c r="B148" s="3" t="s">
        <v>1131</v>
      </c>
      <c r="C148" s="12">
        <v>192</v>
      </c>
      <c r="D148" s="12">
        <v>387</v>
      </c>
      <c r="E148" s="12">
        <v>189</v>
      </c>
      <c r="F148" s="12">
        <v>198</v>
      </c>
      <c r="G148" s="12">
        <v>11</v>
      </c>
      <c r="H148" s="12">
        <v>29</v>
      </c>
      <c r="I148" s="12">
        <v>71</v>
      </c>
      <c r="J148" s="12">
        <v>37</v>
      </c>
      <c r="K148" s="12">
        <v>52</v>
      </c>
      <c r="L148" s="12">
        <v>55</v>
      </c>
      <c r="M148" s="12">
        <v>38</v>
      </c>
      <c r="N148" s="12">
        <v>94</v>
      </c>
      <c r="O148" s="12">
        <v>0</v>
      </c>
      <c r="P148" s="12">
        <v>18</v>
      </c>
      <c r="Q148" s="12">
        <v>251</v>
      </c>
      <c r="R148" s="12">
        <v>118</v>
      </c>
    </row>
    <row r="149" spans="1:18" s="4" customFormat="1" x14ac:dyDescent="0.15">
      <c r="A149" s="3"/>
      <c r="B149" s="3" t="s">
        <v>1132</v>
      </c>
      <c r="C149" s="12">
        <v>132</v>
      </c>
      <c r="D149" s="12">
        <v>286</v>
      </c>
      <c r="E149" s="12">
        <v>134</v>
      </c>
      <c r="F149" s="12">
        <v>152</v>
      </c>
      <c r="G149" s="12">
        <v>13</v>
      </c>
      <c r="H149" s="12">
        <v>24</v>
      </c>
      <c r="I149" s="12">
        <v>26</v>
      </c>
      <c r="J149" s="12">
        <v>36</v>
      </c>
      <c r="K149" s="12">
        <v>31</v>
      </c>
      <c r="L149" s="12">
        <v>38</v>
      </c>
      <c r="M149" s="12">
        <v>44</v>
      </c>
      <c r="N149" s="12">
        <v>74</v>
      </c>
      <c r="O149" s="12">
        <v>0</v>
      </c>
      <c r="P149" s="12">
        <v>24</v>
      </c>
      <c r="Q149" s="12">
        <v>166</v>
      </c>
      <c r="R149" s="12">
        <v>96</v>
      </c>
    </row>
    <row r="150" spans="1:18" s="4" customFormat="1" x14ac:dyDescent="0.15">
      <c r="A150" s="3"/>
      <c r="B150" s="3" t="s">
        <v>1133</v>
      </c>
      <c r="C150" s="12">
        <v>48</v>
      </c>
      <c r="D150" s="12">
        <v>93</v>
      </c>
      <c r="E150" s="12">
        <v>48</v>
      </c>
      <c r="F150" s="12">
        <v>45</v>
      </c>
      <c r="G150" s="12">
        <v>6</v>
      </c>
      <c r="H150" s="12">
        <v>6</v>
      </c>
      <c r="I150" s="12">
        <v>8</v>
      </c>
      <c r="J150" s="12">
        <v>4</v>
      </c>
      <c r="K150" s="12">
        <v>18</v>
      </c>
      <c r="L150" s="12">
        <v>11</v>
      </c>
      <c r="M150" s="12">
        <v>10</v>
      </c>
      <c r="N150" s="12">
        <v>30</v>
      </c>
      <c r="O150" s="12">
        <v>0</v>
      </c>
      <c r="P150" s="12">
        <v>8</v>
      </c>
      <c r="Q150" s="12">
        <v>53</v>
      </c>
      <c r="R150" s="12">
        <v>32</v>
      </c>
    </row>
    <row r="151" spans="1:18" s="4" customFormat="1" x14ac:dyDescent="0.15">
      <c r="A151" s="3"/>
      <c r="B151" s="3" t="s">
        <v>1134</v>
      </c>
      <c r="C151" s="12">
        <v>1134</v>
      </c>
      <c r="D151" s="12">
        <v>1912</v>
      </c>
      <c r="E151" s="12">
        <v>983</v>
      </c>
      <c r="F151" s="12">
        <v>929</v>
      </c>
      <c r="G151" s="12">
        <v>119</v>
      </c>
      <c r="H151" s="12">
        <v>109</v>
      </c>
      <c r="I151" s="12">
        <v>204</v>
      </c>
      <c r="J151" s="12">
        <v>268</v>
      </c>
      <c r="K151" s="12">
        <v>300</v>
      </c>
      <c r="L151" s="12">
        <v>290</v>
      </c>
      <c r="M151" s="12">
        <v>268</v>
      </c>
      <c r="N151" s="12">
        <v>354</v>
      </c>
      <c r="O151" s="12">
        <v>0</v>
      </c>
      <c r="P151" s="12">
        <v>168</v>
      </c>
      <c r="Q151" s="12">
        <v>1240</v>
      </c>
      <c r="R151" s="12">
        <v>504</v>
      </c>
    </row>
    <row r="152" spans="1:18" s="4" customFormat="1" x14ac:dyDescent="0.15">
      <c r="A152" s="3"/>
      <c r="B152" s="3" t="s">
        <v>1135</v>
      </c>
      <c r="C152" s="12">
        <v>40</v>
      </c>
      <c r="D152" s="12">
        <v>99</v>
      </c>
      <c r="E152" s="12">
        <v>48</v>
      </c>
      <c r="F152" s="12">
        <v>51</v>
      </c>
      <c r="G152" s="12">
        <v>12</v>
      </c>
      <c r="H152" s="12">
        <v>4</v>
      </c>
      <c r="I152" s="12">
        <v>12</v>
      </c>
      <c r="J152" s="12">
        <v>13</v>
      </c>
      <c r="K152" s="12">
        <v>20</v>
      </c>
      <c r="L152" s="12">
        <v>11</v>
      </c>
      <c r="M152" s="12">
        <v>12</v>
      </c>
      <c r="N152" s="12">
        <v>15</v>
      </c>
      <c r="O152" s="12">
        <v>0</v>
      </c>
      <c r="P152" s="12">
        <v>15</v>
      </c>
      <c r="Q152" s="12">
        <v>66</v>
      </c>
      <c r="R152" s="12">
        <v>18</v>
      </c>
    </row>
    <row r="153" spans="1:18" ht="10.5" customHeight="1" x14ac:dyDescent="0.15">
      <c r="A153" s="3"/>
      <c r="B153" s="3" t="s">
        <v>1136</v>
      </c>
      <c r="C153" s="12">
        <v>375</v>
      </c>
      <c r="D153" s="12">
        <v>818</v>
      </c>
      <c r="E153" s="12">
        <v>422</v>
      </c>
      <c r="F153" s="12">
        <v>396</v>
      </c>
      <c r="G153" s="12">
        <v>60</v>
      </c>
      <c r="H153" s="12">
        <v>81</v>
      </c>
      <c r="I153" s="12">
        <v>108</v>
      </c>
      <c r="J153" s="12">
        <v>110</v>
      </c>
      <c r="K153" s="12">
        <v>142</v>
      </c>
      <c r="L153" s="12">
        <v>128</v>
      </c>
      <c r="M153" s="12">
        <v>78</v>
      </c>
      <c r="N153" s="12">
        <v>111</v>
      </c>
      <c r="O153" s="12">
        <v>0</v>
      </c>
      <c r="P153" s="12">
        <v>96</v>
      </c>
      <c r="Q153" s="12">
        <v>568</v>
      </c>
      <c r="R153" s="12">
        <v>154</v>
      </c>
    </row>
    <row r="154" spans="1:18" ht="10.5" customHeight="1" x14ac:dyDescent="0.15">
      <c r="A154" s="3"/>
      <c r="B154" s="3" t="s">
        <v>1137</v>
      </c>
      <c r="C154" s="12">
        <v>343</v>
      </c>
      <c r="D154" s="12">
        <v>759</v>
      </c>
      <c r="E154" s="12">
        <v>376</v>
      </c>
      <c r="F154" s="12">
        <v>383</v>
      </c>
      <c r="G154" s="12">
        <v>42</v>
      </c>
      <c r="H154" s="12">
        <v>85</v>
      </c>
      <c r="I154" s="12">
        <v>141</v>
      </c>
      <c r="J154" s="12">
        <v>85</v>
      </c>
      <c r="K154" s="12">
        <v>100</v>
      </c>
      <c r="L154" s="12">
        <v>88</v>
      </c>
      <c r="M154" s="12">
        <v>66</v>
      </c>
      <c r="N154" s="12">
        <v>152</v>
      </c>
      <c r="O154" s="12">
        <v>0</v>
      </c>
      <c r="P154" s="12">
        <v>78</v>
      </c>
      <c r="Q154" s="12">
        <v>495</v>
      </c>
      <c r="R154" s="12">
        <v>186</v>
      </c>
    </row>
    <row r="155" spans="1:18" ht="10.5" customHeight="1" x14ac:dyDescent="0.15">
      <c r="A155" s="3"/>
      <c r="B155" s="3" t="s">
        <v>1138</v>
      </c>
      <c r="C155" s="12">
        <v>157</v>
      </c>
      <c r="D155" s="12">
        <v>348</v>
      </c>
      <c r="E155" s="12">
        <v>168</v>
      </c>
      <c r="F155" s="12">
        <v>180</v>
      </c>
      <c r="G155" s="12">
        <v>27</v>
      </c>
      <c r="H155" s="12">
        <v>37</v>
      </c>
      <c r="I155" s="12">
        <v>55</v>
      </c>
      <c r="J155" s="12">
        <v>45</v>
      </c>
      <c r="K155" s="12">
        <v>53</v>
      </c>
      <c r="L155" s="12">
        <v>29</v>
      </c>
      <c r="M155" s="12">
        <v>43</v>
      </c>
      <c r="N155" s="12">
        <v>59</v>
      </c>
      <c r="O155" s="12">
        <v>0</v>
      </c>
      <c r="P155" s="12">
        <v>39</v>
      </c>
      <c r="Q155" s="12">
        <v>230</v>
      </c>
      <c r="R155" s="12">
        <v>79</v>
      </c>
    </row>
    <row r="156" spans="1:18" ht="10.5" customHeight="1" x14ac:dyDescent="0.15">
      <c r="A156" s="3"/>
      <c r="B156" s="3" t="s">
        <v>1139</v>
      </c>
      <c r="C156" s="12">
        <v>892</v>
      </c>
      <c r="D156" s="12">
        <v>1933</v>
      </c>
      <c r="E156" s="12">
        <v>1007</v>
      </c>
      <c r="F156" s="12">
        <v>926</v>
      </c>
      <c r="G156" s="12">
        <v>165</v>
      </c>
      <c r="H156" s="12">
        <v>169</v>
      </c>
      <c r="I156" s="12">
        <v>217</v>
      </c>
      <c r="J156" s="12">
        <v>255</v>
      </c>
      <c r="K156" s="12">
        <v>290</v>
      </c>
      <c r="L156" s="12">
        <v>257</v>
      </c>
      <c r="M156" s="12">
        <v>185</v>
      </c>
      <c r="N156" s="12">
        <v>395</v>
      </c>
      <c r="O156" s="12">
        <v>0</v>
      </c>
      <c r="P156" s="12">
        <v>243</v>
      </c>
      <c r="Q156" s="12">
        <v>1197</v>
      </c>
      <c r="R156" s="12">
        <v>493</v>
      </c>
    </row>
    <row r="157" spans="1:18" ht="10.5" customHeight="1" x14ac:dyDescent="0.15">
      <c r="A157" s="3"/>
      <c r="B157" s="3" t="s">
        <v>1140</v>
      </c>
      <c r="C157" s="12">
        <v>186</v>
      </c>
      <c r="D157" s="12">
        <v>395</v>
      </c>
      <c r="E157" s="12">
        <v>200</v>
      </c>
      <c r="F157" s="12">
        <v>195</v>
      </c>
      <c r="G157" s="12">
        <v>43</v>
      </c>
      <c r="H157" s="12">
        <v>36</v>
      </c>
      <c r="I157" s="12">
        <v>50</v>
      </c>
      <c r="J157" s="12">
        <v>64</v>
      </c>
      <c r="K157" s="12">
        <v>59</v>
      </c>
      <c r="L157" s="12">
        <v>50</v>
      </c>
      <c r="M157" s="12">
        <v>29</v>
      </c>
      <c r="N157" s="12">
        <v>64</v>
      </c>
      <c r="O157" s="12">
        <v>0</v>
      </c>
      <c r="P157" s="12">
        <v>61</v>
      </c>
      <c r="Q157" s="12">
        <v>251</v>
      </c>
      <c r="R157" s="12">
        <v>83</v>
      </c>
    </row>
    <row r="158" spans="1:18" ht="10.5" customHeight="1" x14ac:dyDescent="0.15">
      <c r="A158" s="3"/>
      <c r="B158" s="3" t="s">
        <v>632</v>
      </c>
      <c r="C158" s="12">
        <v>315</v>
      </c>
      <c r="D158" s="12">
        <v>474</v>
      </c>
      <c r="E158" s="12">
        <v>257</v>
      </c>
      <c r="F158" s="12">
        <v>217</v>
      </c>
      <c r="G158" s="12">
        <v>35</v>
      </c>
      <c r="H158" s="12">
        <v>16</v>
      </c>
      <c r="I158" s="12">
        <v>80</v>
      </c>
      <c r="J158" s="12">
        <v>121</v>
      </c>
      <c r="K158" s="12">
        <v>115</v>
      </c>
      <c r="L158" s="12">
        <v>61</v>
      </c>
      <c r="M158" s="12">
        <v>27</v>
      </c>
      <c r="N158" s="12">
        <v>19</v>
      </c>
      <c r="O158" s="12">
        <v>0</v>
      </c>
      <c r="P158" s="12">
        <v>46</v>
      </c>
      <c r="Q158" s="12">
        <v>399</v>
      </c>
      <c r="R158" s="12">
        <v>29</v>
      </c>
    </row>
    <row r="159" spans="1:18" ht="10.5" customHeight="1" x14ac:dyDescent="0.15">
      <c r="A159" s="3"/>
      <c r="B159" s="3" t="s">
        <v>1141</v>
      </c>
      <c r="C159" s="12">
        <v>266</v>
      </c>
      <c r="D159" s="12">
        <v>611</v>
      </c>
      <c r="E159" s="12">
        <v>325</v>
      </c>
      <c r="F159" s="12">
        <v>286</v>
      </c>
      <c r="G159" s="12">
        <v>49</v>
      </c>
      <c r="H159" s="12">
        <v>62</v>
      </c>
      <c r="I159" s="12">
        <v>78</v>
      </c>
      <c r="J159" s="12">
        <v>77</v>
      </c>
      <c r="K159" s="12">
        <v>99</v>
      </c>
      <c r="L159" s="12">
        <v>91</v>
      </c>
      <c r="M159" s="12">
        <v>52</v>
      </c>
      <c r="N159" s="12">
        <v>103</v>
      </c>
      <c r="O159" s="12">
        <v>0</v>
      </c>
      <c r="P159" s="12">
        <v>76</v>
      </c>
      <c r="Q159" s="12">
        <v>405</v>
      </c>
      <c r="R159" s="12">
        <v>130</v>
      </c>
    </row>
    <row r="160" spans="1:18" ht="10.5" customHeight="1" x14ac:dyDescent="0.15">
      <c r="A160" s="3"/>
      <c r="B160" s="3" t="s">
        <v>1142</v>
      </c>
      <c r="C160" s="12">
        <v>806</v>
      </c>
      <c r="D160" s="12">
        <v>1566</v>
      </c>
      <c r="E160" s="12">
        <v>790</v>
      </c>
      <c r="F160" s="12">
        <v>776</v>
      </c>
      <c r="G160" s="12">
        <v>140</v>
      </c>
      <c r="H160" s="12">
        <v>86</v>
      </c>
      <c r="I160" s="12">
        <v>264</v>
      </c>
      <c r="J160" s="12">
        <v>242</v>
      </c>
      <c r="K160" s="12">
        <v>211</v>
      </c>
      <c r="L160" s="12">
        <v>221</v>
      </c>
      <c r="M160" s="12">
        <v>160</v>
      </c>
      <c r="N160" s="12">
        <v>242</v>
      </c>
      <c r="O160" s="12">
        <v>0</v>
      </c>
      <c r="P160" s="12">
        <v>180</v>
      </c>
      <c r="Q160" s="12">
        <v>1079</v>
      </c>
      <c r="R160" s="12">
        <v>307</v>
      </c>
    </row>
    <row r="161" spans="1:18" ht="10.5" customHeight="1" x14ac:dyDescent="0.15">
      <c r="A161" s="3"/>
      <c r="B161" s="3" t="s">
        <v>1143</v>
      </c>
      <c r="C161" s="12">
        <v>294</v>
      </c>
      <c r="D161" s="12">
        <v>666</v>
      </c>
      <c r="E161" s="12">
        <v>344</v>
      </c>
      <c r="F161" s="12">
        <v>322</v>
      </c>
      <c r="G161" s="12">
        <v>54</v>
      </c>
      <c r="H161" s="12">
        <v>64</v>
      </c>
      <c r="I161" s="12">
        <v>53</v>
      </c>
      <c r="J161" s="12">
        <v>77</v>
      </c>
      <c r="K161" s="12">
        <v>96</v>
      </c>
      <c r="L161" s="12">
        <v>98</v>
      </c>
      <c r="M161" s="12">
        <v>64</v>
      </c>
      <c r="N161" s="12">
        <v>160</v>
      </c>
      <c r="O161" s="12">
        <v>0</v>
      </c>
      <c r="P161" s="12">
        <v>93</v>
      </c>
      <c r="Q161" s="12">
        <v>384</v>
      </c>
      <c r="R161" s="12">
        <v>189</v>
      </c>
    </row>
    <row r="162" spans="1:18" ht="10.5" customHeight="1" x14ac:dyDescent="0.15">
      <c r="A162" s="3"/>
      <c r="B162" s="3" t="s">
        <v>1144</v>
      </c>
      <c r="C162" s="12">
        <v>548</v>
      </c>
      <c r="D162" s="12">
        <v>1241</v>
      </c>
      <c r="E162" s="12">
        <v>614</v>
      </c>
      <c r="F162" s="12">
        <v>627</v>
      </c>
      <c r="G162" s="12">
        <v>96</v>
      </c>
      <c r="H162" s="12">
        <v>122</v>
      </c>
      <c r="I162" s="12">
        <v>160</v>
      </c>
      <c r="J162" s="12">
        <v>141</v>
      </c>
      <c r="K162" s="12">
        <v>190</v>
      </c>
      <c r="L162" s="12">
        <v>141</v>
      </c>
      <c r="M162" s="12">
        <v>133</v>
      </c>
      <c r="N162" s="12">
        <v>258</v>
      </c>
      <c r="O162" s="12">
        <v>0</v>
      </c>
      <c r="P162" s="12">
        <v>157</v>
      </c>
      <c r="Q162" s="12">
        <v>767</v>
      </c>
      <c r="R162" s="12">
        <v>317</v>
      </c>
    </row>
    <row r="163" spans="1:18" ht="10.5" customHeight="1" x14ac:dyDescent="0.15">
      <c r="A163" s="3"/>
      <c r="B163" s="3" t="s">
        <v>1145</v>
      </c>
      <c r="C163" s="12">
        <v>497</v>
      </c>
      <c r="D163" s="12">
        <v>993</v>
      </c>
      <c r="E163" s="12">
        <v>498</v>
      </c>
      <c r="F163" s="12">
        <v>495</v>
      </c>
      <c r="G163" s="12">
        <v>99</v>
      </c>
      <c r="H163" s="12">
        <v>48</v>
      </c>
      <c r="I163" s="12">
        <v>185</v>
      </c>
      <c r="J163" s="12">
        <v>165</v>
      </c>
      <c r="K163" s="12">
        <v>168</v>
      </c>
      <c r="L163" s="12">
        <v>120</v>
      </c>
      <c r="M163" s="12">
        <v>82</v>
      </c>
      <c r="N163" s="12">
        <v>126</v>
      </c>
      <c r="O163" s="12">
        <v>0</v>
      </c>
      <c r="P163" s="12">
        <v>129</v>
      </c>
      <c r="Q163" s="12">
        <v>702</v>
      </c>
      <c r="R163" s="12">
        <v>162</v>
      </c>
    </row>
    <row r="164" spans="1:18" ht="10.5" customHeight="1" x14ac:dyDescent="0.15">
      <c r="A164" s="3"/>
      <c r="B164" s="3" t="s">
        <v>1146</v>
      </c>
      <c r="C164" s="12">
        <v>130</v>
      </c>
      <c r="D164" s="12">
        <v>287</v>
      </c>
      <c r="E164" s="12">
        <v>155</v>
      </c>
      <c r="F164" s="12">
        <v>132</v>
      </c>
      <c r="G164" s="12">
        <v>10</v>
      </c>
      <c r="H164" s="12">
        <v>11</v>
      </c>
      <c r="I164" s="12">
        <v>42</v>
      </c>
      <c r="J164" s="12">
        <v>26</v>
      </c>
      <c r="K164" s="12">
        <v>37</v>
      </c>
      <c r="L164" s="12">
        <v>66</v>
      </c>
      <c r="M164" s="12">
        <v>44</v>
      </c>
      <c r="N164" s="12">
        <v>51</v>
      </c>
      <c r="O164" s="12">
        <v>0</v>
      </c>
      <c r="P164" s="12">
        <v>14</v>
      </c>
      <c r="Q164" s="12">
        <v>206</v>
      </c>
      <c r="R164" s="12">
        <v>67</v>
      </c>
    </row>
    <row r="165" spans="1:18" ht="10.5" customHeight="1" x14ac:dyDescent="0.15">
      <c r="A165" s="3"/>
      <c r="B165" s="3" t="s">
        <v>1147</v>
      </c>
      <c r="C165" s="12">
        <v>248</v>
      </c>
      <c r="D165" s="12">
        <v>545</v>
      </c>
      <c r="E165" s="12">
        <v>279</v>
      </c>
      <c r="F165" s="12">
        <v>266</v>
      </c>
      <c r="G165" s="12">
        <v>54</v>
      </c>
      <c r="H165" s="12">
        <v>43</v>
      </c>
      <c r="I165" s="12">
        <v>66</v>
      </c>
      <c r="J165" s="12">
        <v>85</v>
      </c>
      <c r="K165" s="12">
        <v>73</v>
      </c>
      <c r="L165" s="12">
        <v>101</v>
      </c>
      <c r="M165" s="12">
        <v>55</v>
      </c>
      <c r="N165" s="12">
        <v>68</v>
      </c>
      <c r="O165" s="12">
        <v>0</v>
      </c>
      <c r="P165" s="12">
        <v>74</v>
      </c>
      <c r="Q165" s="12">
        <v>380</v>
      </c>
      <c r="R165" s="12">
        <v>91</v>
      </c>
    </row>
    <row r="166" spans="1:18" ht="10.5" customHeight="1" x14ac:dyDescent="0.15">
      <c r="A166" s="3"/>
      <c r="B166" s="3" t="s">
        <v>983</v>
      </c>
      <c r="C166" s="12">
        <v>108</v>
      </c>
      <c r="D166" s="12">
        <v>196</v>
      </c>
      <c r="E166" s="12">
        <v>98</v>
      </c>
      <c r="F166" s="12">
        <v>98</v>
      </c>
      <c r="G166" s="12">
        <v>17</v>
      </c>
      <c r="H166" s="12">
        <v>9</v>
      </c>
      <c r="I166" s="12">
        <v>24</v>
      </c>
      <c r="J166" s="12">
        <v>42</v>
      </c>
      <c r="K166" s="12">
        <v>21</v>
      </c>
      <c r="L166" s="12">
        <v>21</v>
      </c>
      <c r="M166" s="12">
        <v>26</v>
      </c>
      <c r="N166" s="12">
        <v>36</v>
      </c>
      <c r="O166" s="12">
        <v>0</v>
      </c>
      <c r="P166" s="12">
        <v>18</v>
      </c>
      <c r="Q166" s="12">
        <v>133</v>
      </c>
      <c r="R166" s="12">
        <v>45</v>
      </c>
    </row>
    <row r="167" spans="1:18" ht="10.5" customHeight="1" x14ac:dyDescent="0.15">
      <c r="A167" s="3"/>
      <c r="B167" s="3" t="s">
        <v>1148</v>
      </c>
      <c r="C167" s="12">
        <v>474</v>
      </c>
      <c r="D167" s="12">
        <v>926</v>
      </c>
      <c r="E167" s="12">
        <v>476</v>
      </c>
      <c r="F167" s="12">
        <v>450</v>
      </c>
      <c r="G167" s="12">
        <v>71</v>
      </c>
      <c r="H167" s="12">
        <v>65</v>
      </c>
      <c r="I167" s="12">
        <v>156</v>
      </c>
      <c r="J167" s="12">
        <v>159</v>
      </c>
      <c r="K167" s="12">
        <v>147</v>
      </c>
      <c r="L167" s="12">
        <v>117</v>
      </c>
      <c r="M167" s="12">
        <v>87</v>
      </c>
      <c r="N167" s="12">
        <v>124</v>
      </c>
      <c r="O167" s="12">
        <v>0</v>
      </c>
      <c r="P167" s="12">
        <v>101</v>
      </c>
      <c r="Q167" s="12">
        <v>651</v>
      </c>
      <c r="R167" s="12">
        <v>174</v>
      </c>
    </row>
    <row r="168" spans="1:18" ht="10.5" customHeight="1" x14ac:dyDescent="0.15">
      <c r="A168" s="3"/>
      <c r="B168" s="3" t="s">
        <v>1149</v>
      </c>
      <c r="C168" s="12">
        <v>444</v>
      </c>
      <c r="D168" s="12">
        <v>914</v>
      </c>
      <c r="E168" s="12">
        <v>472</v>
      </c>
      <c r="F168" s="12">
        <v>442</v>
      </c>
      <c r="G168" s="12">
        <v>77</v>
      </c>
      <c r="H168" s="12">
        <v>69</v>
      </c>
      <c r="I168" s="12">
        <v>135</v>
      </c>
      <c r="J168" s="12">
        <v>112</v>
      </c>
      <c r="K168" s="12">
        <v>141</v>
      </c>
      <c r="L168" s="12">
        <v>136</v>
      </c>
      <c r="M168" s="12">
        <v>78</v>
      </c>
      <c r="N168" s="12">
        <v>166</v>
      </c>
      <c r="O168" s="12">
        <v>0</v>
      </c>
      <c r="P168" s="12">
        <v>105</v>
      </c>
      <c r="Q168" s="12">
        <v>604</v>
      </c>
      <c r="R168" s="12">
        <v>205</v>
      </c>
    </row>
    <row r="169" spans="1:18" ht="10.5" customHeight="1" x14ac:dyDescent="0.15">
      <c r="A169" s="3"/>
      <c r="B169" s="3" t="s">
        <v>1150</v>
      </c>
      <c r="C169" s="12">
        <v>880</v>
      </c>
      <c r="D169" s="12">
        <v>1919</v>
      </c>
      <c r="E169" s="12">
        <v>945</v>
      </c>
      <c r="F169" s="12">
        <v>974</v>
      </c>
      <c r="G169" s="12">
        <v>96</v>
      </c>
      <c r="H169" s="12">
        <v>170</v>
      </c>
      <c r="I169" s="12">
        <v>175</v>
      </c>
      <c r="J169" s="12">
        <v>190</v>
      </c>
      <c r="K169" s="12">
        <v>277</v>
      </c>
      <c r="L169" s="12">
        <v>269</v>
      </c>
      <c r="M169" s="12">
        <v>273</v>
      </c>
      <c r="N169" s="12">
        <v>469</v>
      </c>
      <c r="O169" s="12">
        <v>0</v>
      </c>
      <c r="P169" s="12">
        <v>175</v>
      </c>
      <c r="Q169" s="12">
        <v>1120</v>
      </c>
      <c r="R169" s="12">
        <v>624</v>
      </c>
    </row>
    <row r="170" spans="1:18" ht="10.5" customHeight="1" x14ac:dyDescent="0.15">
      <c r="A170" s="3"/>
      <c r="B170" s="3" t="s">
        <v>1151</v>
      </c>
      <c r="C170" s="12">
        <v>523</v>
      </c>
      <c r="D170" s="12">
        <v>1188</v>
      </c>
      <c r="E170" s="12">
        <v>596</v>
      </c>
      <c r="F170" s="12">
        <v>592</v>
      </c>
      <c r="G170" s="12">
        <v>101</v>
      </c>
      <c r="H170" s="12">
        <v>96</v>
      </c>
      <c r="I170" s="12">
        <v>121</v>
      </c>
      <c r="J170" s="12">
        <v>168</v>
      </c>
      <c r="K170" s="12">
        <v>177</v>
      </c>
      <c r="L170" s="12">
        <v>143</v>
      </c>
      <c r="M170" s="12">
        <v>123</v>
      </c>
      <c r="N170" s="12">
        <v>259</v>
      </c>
      <c r="O170" s="12">
        <v>0</v>
      </c>
      <c r="P170" s="12">
        <v>156</v>
      </c>
      <c r="Q170" s="12">
        <v>717</v>
      </c>
      <c r="R170" s="12">
        <v>315</v>
      </c>
    </row>
    <row r="171" spans="1:18" ht="10.5" customHeight="1" x14ac:dyDescent="0.15">
      <c r="A171" s="3"/>
      <c r="B171" s="3" t="s">
        <v>1152</v>
      </c>
      <c r="C171" s="12">
        <v>347</v>
      </c>
      <c r="D171" s="12">
        <v>566</v>
      </c>
      <c r="E171" s="12">
        <v>295</v>
      </c>
      <c r="F171" s="12">
        <v>271</v>
      </c>
      <c r="G171" s="12">
        <v>17</v>
      </c>
      <c r="H171" s="12">
        <v>21</v>
      </c>
      <c r="I171" s="12">
        <v>105</v>
      </c>
      <c r="J171" s="12">
        <v>87</v>
      </c>
      <c r="K171" s="12">
        <v>81</v>
      </c>
      <c r="L171" s="12">
        <v>74</v>
      </c>
      <c r="M171" s="12">
        <v>59</v>
      </c>
      <c r="N171" s="12">
        <v>122</v>
      </c>
      <c r="O171" s="12">
        <v>0</v>
      </c>
      <c r="P171" s="12">
        <v>27</v>
      </c>
      <c r="Q171" s="12">
        <v>385</v>
      </c>
      <c r="R171" s="12">
        <v>154</v>
      </c>
    </row>
    <row r="172" spans="1:18" ht="10.5" customHeight="1" x14ac:dyDescent="0.15">
      <c r="A172" s="3"/>
      <c r="B172" s="3" t="s">
        <v>1153</v>
      </c>
      <c r="C172" s="12">
        <v>451</v>
      </c>
      <c r="D172" s="12">
        <v>947</v>
      </c>
      <c r="E172" s="12">
        <v>455</v>
      </c>
      <c r="F172" s="12">
        <v>492</v>
      </c>
      <c r="G172" s="12">
        <v>80</v>
      </c>
      <c r="H172" s="12">
        <v>79</v>
      </c>
      <c r="I172" s="12">
        <v>98</v>
      </c>
      <c r="J172" s="12">
        <v>98</v>
      </c>
      <c r="K172" s="12">
        <v>136</v>
      </c>
      <c r="L172" s="12">
        <v>119</v>
      </c>
      <c r="M172" s="12">
        <v>103</v>
      </c>
      <c r="N172" s="12">
        <v>234</v>
      </c>
      <c r="O172" s="12">
        <v>0</v>
      </c>
      <c r="P172" s="12">
        <v>114</v>
      </c>
      <c r="Q172" s="12">
        <v>554</v>
      </c>
      <c r="R172" s="12">
        <v>279</v>
      </c>
    </row>
    <row r="173" spans="1:18" ht="10.5" customHeight="1" x14ac:dyDescent="0.15">
      <c r="A173" s="3"/>
      <c r="B173" s="3" t="s">
        <v>1154</v>
      </c>
      <c r="C173" s="12">
        <v>450</v>
      </c>
      <c r="D173" s="12">
        <v>771</v>
      </c>
      <c r="E173" s="12">
        <v>372</v>
      </c>
      <c r="F173" s="12">
        <v>399</v>
      </c>
      <c r="G173" s="12">
        <v>45</v>
      </c>
      <c r="H173" s="12">
        <v>41</v>
      </c>
      <c r="I173" s="12">
        <v>155</v>
      </c>
      <c r="J173" s="12">
        <v>140</v>
      </c>
      <c r="K173" s="12">
        <v>98</v>
      </c>
      <c r="L173" s="12">
        <v>117</v>
      </c>
      <c r="M173" s="12">
        <v>72</v>
      </c>
      <c r="N173" s="12">
        <v>103</v>
      </c>
      <c r="O173" s="12">
        <v>0</v>
      </c>
      <c r="P173" s="12">
        <v>59</v>
      </c>
      <c r="Q173" s="12">
        <v>575</v>
      </c>
      <c r="R173" s="12">
        <v>137</v>
      </c>
    </row>
    <row r="174" spans="1:18" ht="10.5" customHeight="1" x14ac:dyDescent="0.15">
      <c r="A174" s="3"/>
      <c r="B174" s="3" t="s">
        <v>1155</v>
      </c>
      <c r="C174" s="12">
        <v>509</v>
      </c>
      <c r="D174" s="12">
        <v>1045</v>
      </c>
      <c r="E174" s="12">
        <v>532</v>
      </c>
      <c r="F174" s="12">
        <v>513</v>
      </c>
      <c r="G174" s="12">
        <v>80</v>
      </c>
      <c r="H174" s="12">
        <v>99</v>
      </c>
      <c r="I174" s="12">
        <v>125</v>
      </c>
      <c r="J174" s="12">
        <v>126</v>
      </c>
      <c r="K174" s="12">
        <v>201</v>
      </c>
      <c r="L174" s="12">
        <v>139</v>
      </c>
      <c r="M174" s="12">
        <v>90</v>
      </c>
      <c r="N174" s="12">
        <v>185</v>
      </c>
      <c r="O174" s="12">
        <v>0</v>
      </c>
      <c r="P174" s="12">
        <v>132</v>
      </c>
      <c r="Q174" s="12">
        <v>687</v>
      </c>
      <c r="R174" s="12">
        <v>226</v>
      </c>
    </row>
    <row r="175" spans="1:18" ht="10.5" customHeight="1" x14ac:dyDescent="0.15">
      <c r="A175" s="3"/>
      <c r="B175" s="3" t="s">
        <v>1156</v>
      </c>
      <c r="C175" s="12">
        <v>322</v>
      </c>
      <c r="D175" s="12">
        <v>554</v>
      </c>
      <c r="E175" s="12">
        <v>289</v>
      </c>
      <c r="F175" s="12">
        <v>265</v>
      </c>
      <c r="G175" s="12">
        <v>36</v>
      </c>
      <c r="H175" s="12">
        <v>27</v>
      </c>
      <c r="I175" s="12">
        <v>122</v>
      </c>
      <c r="J175" s="12">
        <v>82</v>
      </c>
      <c r="K175" s="12">
        <v>72</v>
      </c>
      <c r="L175" s="12">
        <v>58</v>
      </c>
      <c r="M175" s="12">
        <v>58</v>
      </c>
      <c r="N175" s="12">
        <v>99</v>
      </c>
      <c r="O175" s="12">
        <v>0</v>
      </c>
      <c r="P175" s="12">
        <v>50</v>
      </c>
      <c r="Q175" s="12">
        <v>375</v>
      </c>
      <c r="R175" s="12">
        <v>129</v>
      </c>
    </row>
    <row r="176" spans="1:18" ht="10.5" customHeight="1" x14ac:dyDescent="0.15">
      <c r="A176" s="3"/>
      <c r="B176" s="3" t="s">
        <v>1157</v>
      </c>
      <c r="C176" s="12">
        <v>239</v>
      </c>
      <c r="D176" s="12">
        <v>507</v>
      </c>
      <c r="E176" s="12">
        <v>266</v>
      </c>
      <c r="F176" s="12">
        <v>241</v>
      </c>
      <c r="G176" s="12">
        <v>36</v>
      </c>
      <c r="H176" s="12">
        <v>58</v>
      </c>
      <c r="I176" s="12">
        <v>58</v>
      </c>
      <c r="J176" s="12">
        <v>74</v>
      </c>
      <c r="K176" s="12">
        <v>75</v>
      </c>
      <c r="L176" s="12">
        <v>82</v>
      </c>
      <c r="M176" s="12">
        <v>42</v>
      </c>
      <c r="N176" s="12">
        <v>82</v>
      </c>
      <c r="O176" s="12">
        <v>0</v>
      </c>
      <c r="P176" s="12">
        <v>65</v>
      </c>
      <c r="Q176" s="12">
        <v>346</v>
      </c>
      <c r="R176" s="12">
        <v>96</v>
      </c>
    </row>
    <row r="177" spans="1:18" ht="10.5" customHeight="1" x14ac:dyDescent="0.15">
      <c r="A177" s="3"/>
      <c r="B177" s="3" t="s">
        <v>1158</v>
      </c>
      <c r="C177" s="12">
        <v>738</v>
      </c>
      <c r="D177" s="12">
        <v>1663</v>
      </c>
      <c r="E177" s="12">
        <v>825</v>
      </c>
      <c r="F177" s="12">
        <v>838</v>
      </c>
      <c r="G177" s="12">
        <v>157</v>
      </c>
      <c r="H177" s="12">
        <v>186</v>
      </c>
      <c r="I177" s="12">
        <v>148</v>
      </c>
      <c r="J177" s="12">
        <v>180</v>
      </c>
      <c r="K177" s="12">
        <v>306</v>
      </c>
      <c r="L177" s="12">
        <v>177</v>
      </c>
      <c r="M177" s="12">
        <v>189</v>
      </c>
      <c r="N177" s="12">
        <v>320</v>
      </c>
      <c r="O177" s="12">
        <v>0</v>
      </c>
      <c r="P177" s="12">
        <v>264</v>
      </c>
      <c r="Q177" s="12">
        <v>989</v>
      </c>
      <c r="R177" s="12">
        <v>410</v>
      </c>
    </row>
    <row r="178" spans="1:18" ht="10.5" customHeight="1" x14ac:dyDescent="0.15">
      <c r="A178" s="3"/>
      <c r="B178" s="3" t="s">
        <v>1159</v>
      </c>
      <c r="C178" s="12">
        <v>349</v>
      </c>
      <c r="D178" s="12">
        <v>599</v>
      </c>
      <c r="E178" s="12">
        <v>302</v>
      </c>
      <c r="F178" s="12">
        <v>297</v>
      </c>
      <c r="G178" s="12">
        <v>35</v>
      </c>
      <c r="H178" s="12">
        <v>31</v>
      </c>
      <c r="I178" s="12">
        <v>82</v>
      </c>
      <c r="J178" s="12">
        <v>91</v>
      </c>
      <c r="K178" s="12">
        <v>94</v>
      </c>
      <c r="L178" s="12">
        <v>87</v>
      </c>
      <c r="M178" s="12">
        <v>56</v>
      </c>
      <c r="N178" s="12">
        <v>123</v>
      </c>
      <c r="O178" s="12">
        <v>0</v>
      </c>
      <c r="P178" s="12">
        <v>54</v>
      </c>
      <c r="Q178" s="12">
        <v>394</v>
      </c>
      <c r="R178" s="12">
        <v>151</v>
      </c>
    </row>
    <row r="179" spans="1:18" ht="10.5" customHeight="1" x14ac:dyDescent="0.15">
      <c r="A179" s="3"/>
      <c r="B179" s="3" t="s">
        <v>1160</v>
      </c>
      <c r="C179" s="12">
        <v>411</v>
      </c>
      <c r="D179" s="12">
        <v>884</v>
      </c>
      <c r="E179" s="12">
        <v>439</v>
      </c>
      <c r="F179" s="12">
        <v>445</v>
      </c>
      <c r="G179" s="12">
        <v>60</v>
      </c>
      <c r="H179" s="12">
        <v>100</v>
      </c>
      <c r="I179" s="12">
        <v>109</v>
      </c>
      <c r="J179" s="12">
        <v>103</v>
      </c>
      <c r="K179" s="12">
        <v>155</v>
      </c>
      <c r="L179" s="12">
        <v>105</v>
      </c>
      <c r="M179" s="12">
        <v>92</v>
      </c>
      <c r="N179" s="12">
        <v>160</v>
      </c>
      <c r="O179" s="12">
        <v>0</v>
      </c>
      <c r="P179" s="12">
        <v>106</v>
      </c>
      <c r="Q179" s="12">
        <v>575</v>
      </c>
      <c r="R179" s="12">
        <v>203</v>
      </c>
    </row>
    <row r="180" spans="1:18" ht="10.5" customHeight="1" x14ac:dyDescent="0.15">
      <c r="A180" s="3"/>
      <c r="B180" s="3" t="s">
        <v>1161</v>
      </c>
      <c r="C180" s="12">
        <v>77</v>
      </c>
      <c r="D180" s="12">
        <v>149</v>
      </c>
      <c r="E180" s="12">
        <v>72</v>
      </c>
      <c r="F180" s="12">
        <v>77</v>
      </c>
      <c r="G180" s="12">
        <v>9</v>
      </c>
      <c r="H180" s="12">
        <v>8</v>
      </c>
      <c r="I180" s="12">
        <v>19</v>
      </c>
      <c r="J180" s="12">
        <v>18</v>
      </c>
      <c r="K180" s="12">
        <v>19</v>
      </c>
      <c r="L180" s="12">
        <v>22</v>
      </c>
      <c r="M180" s="12">
        <v>14</v>
      </c>
      <c r="N180" s="12">
        <v>40</v>
      </c>
      <c r="O180" s="12">
        <v>0</v>
      </c>
      <c r="P180" s="12">
        <v>14</v>
      </c>
      <c r="Q180" s="12">
        <v>89</v>
      </c>
      <c r="R180" s="12">
        <v>46</v>
      </c>
    </row>
    <row r="181" spans="1:18" ht="10.5" customHeight="1" x14ac:dyDescent="0.15">
      <c r="A181" s="3"/>
      <c r="B181" s="3" t="s">
        <v>1162</v>
      </c>
      <c r="C181" s="12">
        <v>349</v>
      </c>
      <c r="D181" s="12">
        <v>634</v>
      </c>
      <c r="E181" s="12">
        <v>335</v>
      </c>
      <c r="F181" s="12">
        <v>299</v>
      </c>
      <c r="G181" s="12">
        <v>37</v>
      </c>
      <c r="H181" s="12">
        <v>39</v>
      </c>
      <c r="I181" s="12">
        <v>130</v>
      </c>
      <c r="J181" s="12">
        <v>85</v>
      </c>
      <c r="K181" s="12">
        <v>64</v>
      </c>
      <c r="L181" s="12">
        <v>68</v>
      </c>
      <c r="M181" s="12">
        <v>81</v>
      </c>
      <c r="N181" s="12">
        <v>130</v>
      </c>
      <c r="O181" s="12">
        <v>0</v>
      </c>
      <c r="P181" s="12">
        <v>58</v>
      </c>
      <c r="Q181" s="12">
        <v>410</v>
      </c>
      <c r="R181" s="12">
        <v>166</v>
      </c>
    </row>
    <row r="182" spans="1:18" ht="10.5" customHeight="1" x14ac:dyDescent="0.15">
      <c r="A182" s="3"/>
      <c r="B182" s="3" t="s">
        <v>1163</v>
      </c>
      <c r="C182" s="12">
        <v>264</v>
      </c>
      <c r="D182" s="12">
        <v>487</v>
      </c>
      <c r="E182" s="12">
        <v>240</v>
      </c>
      <c r="F182" s="12">
        <v>247</v>
      </c>
      <c r="G182" s="12">
        <v>23</v>
      </c>
      <c r="H182" s="12">
        <v>43</v>
      </c>
      <c r="I182" s="12">
        <v>75</v>
      </c>
      <c r="J182" s="12">
        <v>51</v>
      </c>
      <c r="K182" s="12">
        <v>89</v>
      </c>
      <c r="L182" s="12">
        <v>67</v>
      </c>
      <c r="M182" s="12">
        <v>48</v>
      </c>
      <c r="N182" s="12">
        <v>91</v>
      </c>
      <c r="O182" s="12">
        <v>0</v>
      </c>
      <c r="P182" s="12">
        <v>39</v>
      </c>
      <c r="Q182" s="12">
        <v>330</v>
      </c>
      <c r="R182" s="12">
        <v>118</v>
      </c>
    </row>
    <row r="183" spans="1:18" ht="10.5" customHeight="1" x14ac:dyDescent="0.15">
      <c r="A183" s="3"/>
      <c r="B183" s="3" t="s">
        <v>1164</v>
      </c>
      <c r="C183" s="12">
        <v>451</v>
      </c>
      <c r="D183" s="12">
        <v>862</v>
      </c>
      <c r="E183" s="12">
        <v>455</v>
      </c>
      <c r="F183" s="12">
        <v>407</v>
      </c>
      <c r="G183" s="12">
        <v>57</v>
      </c>
      <c r="H183" s="12">
        <v>70</v>
      </c>
      <c r="I183" s="12">
        <v>125</v>
      </c>
      <c r="J183" s="12">
        <v>117</v>
      </c>
      <c r="K183" s="12">
        <v>165</v>
      </c>
      <c r="L183" s="12">
        <v>130</v>
      </c>
      <c r="M183" s="12">
        <v>89</v>
      </c>
      <c r="N183" s="12">
        <v>109</v>
      </c>
      <c r="O183" s="12">
        <v>0</v>
      </c>
      <c r="P183" s="12">
        <v>90</v>
      </c>
      <c r="Q183" s="12">
        <v>616</v>
      </c>
      <c r="R183" s="12">
        <v>156</v>
      </c>
    </row>
    <row r="184" spans="1:18" ht="10.5" customHeight="1" x14ac:dyDescent="0.15">
      <c r="A184" s="3"/>
      <c r="B184" s="3" t="s">
        <v>1165</v>
      </c>
      <c r="C184" s="12">
        <v>157</v>
      </c>
      <c r="D184" s="12">
        <v>320</v>
      </c>
      <c r="E184" s="12">
        <v>171</v>
      </c>
      <c r="F184" s="12">
        <v>149</v>
      </c>
      <c r="G184" s="12">
        <v>24</v>
      </c>
      <c r="H184" s="12">
        <v>21</v>
      </c>
      <c r="I184" s="12">
        <v>29</v>
      </c>
      <c r="J184" s="12">
        <v>40</v>
      </c>
      <c r="K184" s="12">
        <v>40</v>
      </c>
      <c r="L184" s="12">
        <v>33</v>
      </c>
      <c r="M184" s="12">
        <v>45</v>
      </c>
      <c r="N184" s="12">
        <v>88</v>
      </c>
      <c r="O184" s="12">
        <v>0</v>
      </c>
      <c r="P184" s="12">
        <v>34</v>
      </c>
      <c r="Q184" s="12">
        <v>174</v>
      </c>
      <c r="R184" s="12">
        <v>112</v>
      </c>
    </row>
    <row r="185" spans="1:18" ht="10.5" customHeight="1" x14ac:dyDescent="0.15">
      <c r="A185" s="3"/>
      <c r="B185" s="3" t="s">
        <v>1166</v>
      </c>
      <c r="C185" s="12">
        <v>208</v>
      </c>
      <c r="D185" s="12">
        <v>437</v>
      </c>
      <c r="E185" s="12">
        <v>237</v>
      </c>
      <c r="F185" s="12">
        <v>200</v>
      </c>
      <c r="G185" s="12">
        <v>25</v>
      </c>
      <c r="H185" s="12">
        <v>45</v>
      </c>
      <c r="I185" s="12">
        <v>95</v>
      </c>
      <c r="J185" s="12">
        <v>45</v>
      </c>
      <c r="K185" s="12">
        <v>60</v>
      </c>
      <c r="L185" s="12">
        <v>57</v>
      </c>
      <c r="M185" s="12">
        <v>36</v>
      </c>
      <c r="N185" s="12">
        <v>74</v>
      </c>
      <c r="O185" s="12">
        <v>0</v>
      </c>
      <c r="P185" s="12">
        <v>41</v>
      </c>
      <c r="Q185" s="12">
        <v>306</v>
      </c>
      <c r="R185" s="12">
        <v>90</v>
      </c>
    </row>
    <row r="186" spans="1:18" ht="10.5" customHeight="1" x14ac:dyDescent="0.15">
      <c r="A186" s="3"/>
      <c r="B186" s="3" t="s">
        <v>1167</v>
      </c>
      <c r="C186" s="12">
        <v>392</v>
      </c>
      <c r="D186" s="12">
        <v>815</v>
      </c>
      <c r="E186" s="12">
        <v>414</v>
      </c>
      <c r="F186" s="12">
        <v>401</v>
      </c>
      <c r="G186" s="12">
        <v>73</v>
      </c>
      <c r="H186" s="12">
        <v>77</v>
      </c>
      <c r="I186" s="12">
        <v>104</v>
      </c>
      <c r="J186" s="12">
        <v>113</v>
      </c>
      <c r="K186" s="12">
        <v>122</v>
      </c>
      <c r="L186" s="12">
        <v>104</v>
      </c>
      <c r="M186" s="12">
        <v>89</v>
      </c>
      <c r="N186" s="12">
        <v>133</v>
      </c>
      <c r="O186" s="12">
        <v>0</v>
      </c>
      <c r="P186" s="12">
        <v>105</v>
      </c>
      <c r="Q186" s="12">
        <v>530</v>
      </c>
      <c r="R186" s="12">
        <v>180</v>
      </c>
    </row>
    <row r="187" spans="1:18" ht="10.5" customHeight="1" x14ac:dyDescent="0.15">
      <c r="A187" s="3"/>
      <c r="B187" s="3" t="s">
        <v>1168</v>
      </c>
      <c r="C187" s="12">
        <v>186</v>
      </c>
      <c r="D187" s="12">
        <v>324</v>
      </c>
      <c r="E187" s="12">
        <v>165</v>
      </c>
      <c r="F187" s="12">
        <v>159</v>
      </c>
      <c r="G187" s="12">
        <v>14</v>
      </c>
      <c r="H187" s="12">
        <v>21</v>
      </c>
      <c r="I187" s="12">
        <v>32</v>
      </c>
      <c r="J187" s="12">
        <v>29</v>
      </c>
      <c r="K187" s="12">
        <v>36</v>
      </c>
      <c r="L187" s="12">
        <v>48</v>
      </c>
      <c r="M187" s="12">
        <v>39</v>
      </c>
      <c r="N187" s="12">
        <v>105</v>
      </c>
      <c r="O187" s="12">
        <v>0</v>
      </c>
      <c r="P187" s="12">
        <v>23</v>
      </c>
      <c r="Q187" s="12">
        <v>181</v>
      </c>
      <c r="R187" s="12">
        <v>120</v>
      </c>
    </row>
    <row r="188" spans="1:18" ht="10.5" customHeight="1" x14ac:dyDescent="0.15">
      <c r="A188" s="3"/>
      <c r="B188" s="3" t="s">
        <v>1169</v>
      </c>
      <c r="C188" s="12">
        <v>1</v>
      </c>
      <c r="D188" s="12">
        <v>3</v>
      </c>
      <c r="E188" s="12">
        <v>1</v>
      </c>
      <c r="F188" s="12">
        <v>2</v>
      </c>
      <c r="G188" s="12" t="s">
        <v>132</v>
      </c>
      <c r="H188" s="12" t="s">
        <v>132</v>
      </c>
      <c r="I188" s="12" t="s">
        <v>132</v>
      </c>
      <c r="J188" s="12" t="s">
        <v>132</v>
      </c>
      <c r="K188" s="12" t="s">
        <v>132</v>
      </c>
      <c r="L188" s="12" t="s">
        <v>132</v>
      </c>
      <c r="M188" s="12" t="s">
        <v>132</v>
      </c>
      <c r="N188" s="12" t="s">
        <v>132</v>
      </c>
      <c r="O188" s="12" t="s">
        <v>132</v>
      </c>
      <c r="P188" s="12" t="s">
        <v>132</v>
      </c>
      <c r="Q188" s="12" t="s">
        <v>132</v>
      </c>
      <c r="R188" s="12" t="s">
        <v>132</v>
      </c>
    </row>
    <row r="189" spans="1:18" ht="10.5" customHeight="1" x14ac:dyDescent="0.15">
      <c r="A189" s="3"/>
      <c r="B189" s="3" t="s">
        <v>1170</v>
      </c>
      <c r="C189" s="12">
        <v>1</v>
      </c>
      <c r="D189" s="12">
        <v>2</v>
      </c>
      <c r="E189" s="12">
        <v>2</v>
      </c>
      <c r="F189" s="12">
        <v>0</v>
      </c>
      <c r="G189" s="12" t="s">
        <v>132</v>
      </c>
      <c r="H189" s="12" t="s">
        <v>132</v>
      </c>
      <c r="I189" s="12" t="s">
        <v>132</v>
      </c>
      <c r="J189" s="12" t="s">
        <v>132</v>
      </c>
      <c r="K189" s="12" t="s">
        <v>132</v>
      </c>
      <c r="L189" s="12" t="s">
        <v>132</v>
      </c>
      <c r="M189" s="12" t="s">
        <v>132</v>
      </c>
      <c r="N189" s="12" t="s">
        <v>132</v>
      </c>
      <c r="O189" s="12" t="s">
        <v>132</v>
      </c>
      <c r="P189" s="12" t="s">
        <v>132</v>
      </c>
      <c r="Q189" s="12" t="s">
        <v>132</v>
      </c>
      <c r="R189" s="12" t="s">
        <v>132</v>
      </c>
    </row>
    <row r="190" spans="1:18" ht="10.5" customHeight="1" x14ac:dyDescent="0.15">
      <c r="A190" s="3"/>
      <c r="B190" s="3" t="s">
        <v>1171</v>
      </c>
      <c r="C190" s="12">
        <v>478</v>
      </c>
      <c r="D190" s="12">
        <v>1177</v>
      </c>
      <c r="E190" s="12">
        <v>622</v>
      </c>
      <c r="F190" s="12">
        <v>555</v>
      </c>
      <c r="G190" s="12">
        <v>140</v>
      </c>
      <c r="H190" s="12">
        <v>139</v>
      </c>
      <c r="I190" s="12">
        <v>192</v>
      </c>
      <c r="J190" s="12">
        <v>167</v>
      </c>
      <c r="K190" s="12">
        <v>196</v>
      </c>
      <c r="L190" s="12">
        <v>182</v>
      </c>
      <c r="M190" s="12">
        <v>93</v>
      </c>
      <c r="N190" s="12">
        <v>68</v>
      </c>
      <c r="O190" s="12">
        <v>0</v>
      </c>
      <c r="P190" s="12">
        <v>213</v>
      </c>
      <c r="Q190" s="12">
        <v>862</v>
      </c>
      <c r="R190" s="12">
        <v>102</v>
      </c>
    </row>
    <row r="191" spans="1:18" ht="10.5" customHeight="1" x14ac:dyDescent="0.15">
      <c r="A191" s="3"/>
      <c r="B191" s="3" t="s">
        <v>1172</v>
      </c>
      <c r="C191" s="12">
        <v>218</v>
      </c>
      <c r="D191" s="12">
        <v>540</v>
      </c>
      <c r="E191" s="12">
        <v>262</v>
      </c>
      <c r="F191" s="12">
        <v>278</v>
      </c>
      <c r="G191" s="12">
        <v>60</v>
      </c>
      <c r="H191" s="12">
        <v>55</v>
      </c>
      <c r="I191" s="12">
        <v>92</v>
      </c>
      <c r="J191" s="12">
        <v>64</v>
      </c>
      <c r="K191" s="12">
        <v>82</v>
      </c>
      <c r="L191" s="12">
        <v>89</v>
      </c>
      <c r="M191" s="12">
        <v>39</v>
      </c>
      <c r="N191" s="12">
        <v>59</v>
      </c>
      <c r="O191" s="12">
        <v>0</v>
      </c>
      <c r="P191" s="12">
        <v>89</v>
      </c>
      <c r="Q191" s="12">
        <v>378</v>
      </c>
      <c r="R191" s="12">
        <v>73</v>
      </c>
    </row>
    <row r="192" spans="1:18" ht="10.5" customHeight="1" x14ac:dyDescent="0.15">
      <c r="A192" s="3"/>
      <c r="B192" s="3" t="s">
        <v>1173</v>
      </c>
      <c r="C192" s="12">
        <v>314</v>
      </c>
      <c r="D192" s="12">
        <v>674</v>
      </c>
      <c r="E192" s="12">
        <v>326</v>
      </c>
      <c r="F192" s="12">
        <v>348</v>
      </c>
      <c r="G192" s="12">
        <v>37</v>
      </c>
      <c r="H192" s="12">
        <v>48</v>
      </c>
      <c r="I192" s="12">
        <v>52</v>
      </c>
      <c r="J192" s="12">
        <v>60</v>
      </c>
      <c r="K192" s="12">
        <v>82</v>
      </c>
      <c r="L192" s="12">
        <v>86</v>
      </c>
      <c r="M192" s="12">
        <v>104</v>
      </c>
      <c r="N192" s="12">
        <v>205</v>
      </c>
      <c r="O192" s="12">
        <v>0</v>
      </c>
      <c r="P192" s="12">
        <v>59</v>
      </c>
      <c r="Q192" s="12">
        <v>355</v>
      </c>
      <c r="R192" s="12">
        <v>260</v>
      </c>
    </row>
    <row r="193" spans="1:18" ht="10.5" customHeight="1" x14ac:dyDescent="0.15">
      <c r="A193" s="3"/>
      <c r="B193" s="3" t="s">
        <v>1174</v>
      </c>
      <c r="C193" s="12">
        <v>174</v>
      </c>
      <c r="D193" s="12">
        <v>407</v>
      </c>
      <c r="E193" s="12">
        <v>205</v>
      </c>
      <c r="F193" s="12">
        <v>202</v>
      </c>
      <c r="G193" s="12">
        <v>25</v>
      </c>
      <c r="H193" s="12">
        <v>22</v>
      </c>
      <c r="I193" s="12">
        <v>60</v>
      </c>
      <c r="J193" s="12">
        <v>43</v>
      </c>
      <c r="K193" s="12">
        <v>60</v>
      </c>
      <c r="L193" s="12">
        <v>57</v>
      </c>
      <c r="M193" s="12">
        <v>40</v>
      </c>
      <c r="N193" s="12">
        <v>100</v>
      </c>
      <c r="O193" s="12">
        <v>0</v>
      </c>
      <c r="P193" s="12">
        <v>32</v>
      </c>
      <c r="Q193" s="12">
        <v>249</v>
      </c>
      <c r="R193" s="12">
        <v>126</v>
      </c>
    </row>
    <row r="194" spans="1:18" ht="10.5" customHeight="1" x14ac:dyDescent="0.15">
      <c r="A194" s="3"/>
      <c r="B194" s="3" t="s">
        <v>1175</v>
      </c>
      <c r="C194" s="12">
        <v>347</v>
      </c>
      <c r="D194" s="12">
        <v>870</v>
      </c>
      <c r="E194" s="12">
        <v>443</v>
      </c>
      <c r="F194" s="12">
        <v>427</v>
      </c>
      <c r="G194" s="12">
        <v>83</v>
      </c>
      <c r="H194" s="12">
        <v>120</v>
      </c>
      <c r="I194" s="12">
        <v>100</v>
      </c>
      <c r="J194" s="12">
        <v>97</v>
      </c>
      <c r="K194" s="12">
        <v>167</v>
      </c>
      <c r="L194" s="12">
        <v>103</v>
      </c>
      <c r="M194" s="12">
        <v>55</v>
      </c>
      <c r="N194" s="12">
        <v>145</v>
      </c>
      <c r="O194" s="12">
        <v>0</v>
      </c>
      <c r="P194" s="12">
        <v>141</v>
      </c>
      <c r="Q194" s="12">
        <v>562</v>
      </c>
      <c r="R194" s="12">
        <v>167</v>
      </c>
    </row>
    <row r="195" spans="1:18" ht="10.5" customHeight="1" x14ac:dyDescent="0.15">
      <c r="A195" s="3"/>
      <c r="B195" s="3" t="s">
        <v>1176</v>
      </c>
      <c r="C195" s="12">
        <v>606</v>
      </c>
      <c r="D195" s="12">
        <v>1318</v>
      </c>
      <c r="E195" s="12">
        <v>658</v>
      </c>
      <c r="F195" s="12">
        <v>660</v>
      </c>
      <c r="G195" s="12">
        <v>104</v>
      </c>
      <c r="H195" s="12">
        <v>113</v>
      </c>
      <c r="I195" s="12">
        <v>218</v>
      </c>
      <c r="J195" s="12">
        <v>191</v>
      </c>
      <c r="K195" s="12">
        <v>179</v>
      </c>
      <c r="L195" s="12">
        <v>229</v>
      </c>
      <c r="M195" s="12">
        <v>142</v>
      </c>
      <c r="N195" s="12">
        <v>142</v>
      </c>
      <c r="O195" s="12">
        <v>0</v>
      </c>
      <c r="P195" s="12">
        <v>161</v>
      </c>
      <c r="Q195" s="12">
        <v>952</v>
      </c>
      <c r="R195" s="12">
        <v>205</v>
      </c>
    </row>
    <row r="196" spans="1:18" ht="10.5" customHeight="1" x14ac:dyDescent="0.15">
      <c r="A196" s="3"/>
      <c r="B196" s="3" t="s">
        <v>1177</v>
      </c>
      <c r="C196" s="12">
        <v>353</v>
      </c>
      <c r="D196" s="12">
        <v>763</v>
      </c>
      <c r="E196" s="12">
        <v>348</v>
      </c>
      <c r="F196" s="12">
        <v>415</v>
      </c>
      <c r="G196" s="12">
        <v>60</v>
      </c>
      <c r="H196" s="12">
        <v>114</v>
      </c>
      <c r="I196" s="12">
        <v>65</v>
      </c>
      <c r="J196" s="12">
        <v>80</v>
      </c>
      <c r="K196" s="12">
        <v>105</v>
      </c>
      <c r="L196" s="12">
        <v>85</v>
      </c>
      <c r="M196" s="12">
        <v>96</v>
      </c>
      <c r="N196" s="12">
        <v>158</v>
      </c>
      <c r="O196" s="12">
        <v>0</v>
      </c>
      <c r="P196" s="12">
        <v>117</v>
      </c>
      <c r="Q196" s="12">
        <v>432</v>
      </c>
      <c r="R196" s="12">
        <v>214</v>
      </c>
    </row>
    <row r="197" spans="1:18" ht="10.5" customHeight="1" x14ac:dyDescent="0.15">
      <c r="A197" s="3"/>
      <c r="B197" s="3" t="s">
        <v>1178</v>
      </c>
      <c r="C197" s="12">
        <v>233</v>
      </c>
      <c r="D197" s="12">
        <v>544</v>
      </c>
      <c r="E197" s="12">
        <v>267</v>
      </c>
      <c r="F197" s="12">
        <v>277</v>
      </c>
      <c r="G197" s="12">
        <v>38</v>
      </c>
      <c r="H197" s="12">
        <v>51</v>
      </c>
      <c r="I197" s="12">
        <v>66</v>
      </c>
      <c r="J197" s="12">
        <v>60</v>
      </c>
      <c r="K197" s="12">
        <v>73</v>
      </c>
      <c r="L197" s="12">
        <v>87</v>
      </c>
      <c r="M197" s="12">
        <v>60</v>
      </c>
      <c r="N197" s="12">
        <v>109</v>
      </c>
      <c r="O197" s="12">
        <v>0</v>
      </c>
      <c r="P197" s="12">
        <v>61</v>
      </c>
      <c r="Q197" s="12">
        <v>346</v>
      </c>
      <c r="R197" s="12">
        <v>137</v>
      </c>
    </row>
    <row r="198" spans="1:18" ht="10.5" customHeight="1" x14ac:dyDescent="0.15">
      <c r="A198" s="3"/>
      <c r="B198" s="3" t="s">
        <v>553</v>
      </c>
      <c r="C198" s="12">
        <v>252</v>
      </c>
      <c r="D198" s="12">
        <v>503</v>
      </c>
      <c r="E198" s="12">
        <v>262</v>
      </c>
      <c r="F198" s="12">
        <v>241</v>
      </c>
      <c r="G198" s="12">
        <v>40</v>
      </c>
      <c r="H198" s="12">
        <v>29</v>
      </c>
      <c r="I198" s="12">
        <v>58</v>
      </c>
      <c r="J198" s="12">
        <v>64</v>
      </c>
      <c r="K198" s="12">
        <v>76</v>
      </c>
      <c r="L198" s="12">
        <v>65</v>
      </c>
      <c r="M198" s="12">
        <v>52</v>
      </c>
      <c r="N198" s="12">
        <v>119</v>
      </c>
      <c r="O198" s="12">
        <v>0</v>
      </c>
      <c r="P198" s="12">
        <v>57</v>
      </c>
      <c r="Q198" s="12">
        <v>303</v>
      </c>
      <c r="R198" s="12">
        <v>143</v>
      </c>
    </row>
    <row r="199" spans="1:18" ht="10.5" customHeight="1" x14ac:dyDescent="0.15">
      <c r="A199" s="3"/>
      <c r="B199" s="3" t="s">
        <v>1179</v>
      </c>
      <c r="C199" s="12">
        <v>149</v>
      </c>
      <c r="D199" s="12">
        <v>302</v>
      </c>
      <c r="E199" s="12">
        <v>157</v>
      </c>
      <c r="F199" s="12">
        <v>145</v>
      </c>
      <c r="G199" s="12">
        <v>29</v>
      </c>
      <c r="H199" s="12">
        <v>25</v>
      </c>
      <c r="I199" s="12">
        <v>60</v>
      </c>
      <c r="J199" s="12">
        <v>45</v>
      </c>
      <c r="K199" s="12">
        <v>59</v>
      </c>
      <c r="L199" s="12">
        <v>51</v>
      </c>
      <c r="M199" s="12">
        <v>19</v>
      </c>
      <c r="N199" s="12">
        <v>14</v>
      </c>
      <c r="O199" s="12">
        <v>0</v>
      </c>
      <c r="P199" s="12">
        <v>41</v>
      </c>
      <c r="Q199" s="12">
        <v>240</v>
      </c>
      <c r="R199" s="12">
        <v>21</v>
      </c>
    </row>
    <row r="200" spans="1:18" ht="10.5" customHeight="1" x14ac:dyDescent="0.15">
      <c r="A200" s="3"/>
      <c r="B200" s="3" t="s">
        <v>1180</v>
      </c>
      <c r="C200" s="12">
        <v>490</v>
      </c>
      <c r="D200" s="12">
        <v>992</v>
      </c>
      <c r="E200" s="12">
        <v>503</v>
      </c>
      <c r="F200" s="12">
        <v>489</v>
      </c>
      <c r="G200" s="12">
        <v>70</v>
      </c>
      <c r="H200" s="12">
        <v>96</v>
      </c>
      <c r="I200" s="12">
        <v>170</v>
      </c>
      <c r="J200" s="12">
        <v>164</v>
      </c>
      <c r="K200" s="12">
        <v>144</v>
      </c>
      <c r="L200" s="12">
        <v>159</v>
      </c>
      <c r="M200" s="12">
        <v>83</v>
      </c>
      <c r="N200" s="12">
        <v>106</v>
      </c>
      <c r="O200" s="12">
        <v>0</v>
      </c>
      <c r="P200" s="12">
        <v>119</v>
      </c>
      <c r="Q200" s="12">
        <v>729</v>
      </c>
      <c r="R200" s="12">
        <v>144</v>
      </c>
    </row>
    <row r="201" spans="1:18" ht="10.5" customHeight="1" x14ac:dyDescent="0.15">
      <c r="A201" s="3"/>
      <c r="B201" s="3" t="s">
        <v>1181</v>
      </c>
      <c r="C201" s="12">
        <v>405</v>
      </c>
      <c r="D201" s="12">
        <v>823</v>
      </c>
      <c r="E201" s="12">
        <v>408</v>
      </c>
      <c r="F201" s="12">
        <v>415</v>
      </c>
      <c r="G201" s="12">
        <v>55</v>
      </c>
      <c r="H201" s="12">
        <v>56</v>
      </c>
      <c r="I201" s="12">
        <v>113</v>
      </c>
      <c r="J201" s="12">
        <v>100</v>
      </c>
      <c r="K201" s="12">
        <v>132</v>
      </c>
      <c r="L201" s="12">
        <v>150</v>
      </c>
      <c r="M201" s="12">
        <v>66</v>
      </c>
      <c r="N201" s="12">
        <v>151</v>
      </c>
      <c r="O201" s="12">
        <v>0</v>
      </c>
      <c r="P201" s="12">
        <v>78</v>
      </c>
      <c r="Q201" s="12">
        <v>557</v>
      </c>
      <c r="R201" s="12">
        <v>188</v>
      </c>
    </row>
    <row r="202" spans="1:18" ht="10.5" customHeight="1" x14ac:dyDescent="0.15">
      <c r="A202" s="3"/>
      <c r="B202" s="3" t="s">
        <v>1182</v>
      </c>
      <c r="C202" s="12">
        <v>219</v>
      </c>
      <c r="D202" s="12">
        <v>530</v>
      </c>
      <c r="E202" s="12">
        <v>269</v>
      </c>
      <c r="F202" s="12">
        <v>261</v>
      </c>
      <c r="G202" s="12">
        <v>34</v>
      </c>
      <c r="H202" s="12">
        <v>55</v>
      </c>
      <c r="I202" s="12">
        <v>68</v>
      </c>
      <c r="J202" s="12">
        <v>71</v>
      </c>
      <c r="K202" s="12">
        <v>87</v>
      </c>
      <c r="L202" s="12">
        <v>92</v>
      </c>
      <c r="M202" s="12">
        <v>43</v>
      </c>
      <c r="N202" s="12">
        <v>80</v>
      </c>
      <c r="O202" s="12">
        <v>0</v>
      </c>
      <c r="P202" s="12">
        <v>63</v>
      </c>
      <c r="Q202" s="12">
        <v>365</v>
      </c>
      <c r="R202" s="12">
        <v>102</v>
      </c>
    </row>
    <row r="203" spans="1:18" ht="10.5" customHeight="1" x14ac:dyDescent="0.15">
      <c r="A203" s="3"/>
      <c r="B203" s="3" t="s">
        <v>1183</v>
      </c>
      <c r="C203" s="12">
        <v>379</v>
      </c>
      <c r="D203" s="12">
        <v>876</v>
      </c>
      <c r="E203" s="12">
        <v>448</v>
      </c>
      <c r="F203" s="12">
        <v>428</v>
      </c>
      <c r="G203" s="12">
        <v>73</v>
      </c>
      <c r="H203" s="12">
        <v>79</v>
      </c>
      <c r="I203" s="12">
        <v>143</v>
      </c>
      <c r="J203" s="12">
        <v>97</v>
      </c>
      <c r="K203" s="12">
        <v>117</v>
      </c>
      <c r="L203" s="12">
        <v>141</v>
      </c>
      <c r="M203" s="12">
        <v>107</v>
      </c>
      <c r="N203" s="12">
        <v>119</v>
      </c>
      <c r="O203" s="12">
        <v>0</v>
      </c>
      <c r="P203" s="12">
        <v>113</v>
      </c>
      <c r="Q203" s="12">
        <v>601</v>
      </c>
      <c r="R203" s="12">
        <v>162</v>
      </c>
    </row>
    <row r="204" spans="1:18" ht="10.5" customHeight="1" x14ac:dyDescent="0.15">
      <c r="A204" s="3"/>
      <c r="B204" s="3" t="s">
        <v>1184</v>
      </c>
      <c r="C204" s="12">
        <v>878</v>
      </c>
      <c r="D204" s="12">
        <v>1860</v>
      </c>
      <c r="E204" s="12">
        <v>860</v>
      </c>
      <c r="F204" s="12">
        <v>1000</v>
      </c>
      <c r="G204" s="12">
        <v>149</v>
      </c>
      <c r="H204" s="12">
        <v>188</v>
      </c>
      <c r="I204" s="12">
        <v>159</v>
      </c>
      <c r="J204" s="12">
        <v>237</v>
      </c>
      <c r="K204" s="12">
        <v>240</v>
      </c>
      <c r="L204" s="12">
        <v>256</v>
      </c>
      <c r="M204" s="12">
        <v>213</v>
      </c>
      <c r="N204" s="12">
        <v>418</v>
      </c>
      <c r="O204" s="12">
        <v>0</v>
      </c>
      <c r="P204" s="12">
        <v>244</v>
      </c>
      <c r="Q204" s="12">
        <v>1083</v>
      </c>
      <c r="R204" s="12">
        <v>533</v>
      </c>
    </row>
    <row r="205" spans="1:18" ht="10.5" customHeight="1" x14ac:dyDescent="0.15">
      <c r="A205" s="3"/>
      <c r="B205" s="3" t="s">
        <v>1185</v>
      </c>
      <c r="C205" s="12">
        <v>319</v>
      </c>
      <c r="D205" s="12">
        <v>741</v>
      </c>
      <c r="E205" s="12">
        <v>369</v>
      </c>
      <c r="F205" s="12">
        <v>372</v>
      </c>
      <c r="G205" s="12">
        <v>54</v>
      </c>
      <c r="H205" s="12">
        <v>91</v>
      </c>
      <c r="I205" s="12">
        <v>86</v>
      </c>
      <c r="J205" s="12">
        <v>62</v>
      </c>
      <c r="K205" s="12">
        <v>120</v>
      </c>
      <c r="L205" s="12">
        <v>111</v>
      </c>
      <c r="M205" s="12">
        <v>78</v>
      </c>
      <c r="N205" s="12">
        <v>139</v>
      </c>
      <c r="O205" s="12">
        <v>0</v>
      </c>
      <c r="P205" s="12">
        <v>106</v>
      </c>
      <c r="Q205" s="12">
        <v>449</v>
      </c>
      <c r="R205" s="12">
        <v>186</v>
      </c>
    </row>
    <row r="206" spans="1:18" ht="10.5" customHeight="1" x14ac:dyDescent="0.15">
      <c r="A206" s="3"/>
      <c r="B206" s="3" t="s">
        <v>1186</v>
      </c>
      <c r="C206" s="12">
        <v>568</v>
      </c>
      <c r="D206" s="12">
        <v>1101</v>
      </c>
      <c r="E206" s="12">
        <v>475</v>
      </c>
      <c r="F206" s="12">
        <v>626</v>
      </c>
      <c r="G206" s="12">
        <v>65</v>
      </c>
      <c r="H206" s="12">
        <v>116</v>
      </c>
      <c r="I206" s="12">
        <v>79</v>
      </c>
      <c r="J206" s="12">
        <v>80</v>
      </c>
      <c r="K206" s="12">
        <v>109</v>
      </c>
      <c r="L206" s="12">
        <v>182</v>
      </c>
      <c r="M206" s="12">
        <v>123</v>
      </c>
      <c r="N206" s="12">
        <v>347</v>
      </c>
      <c r="O206" s="12">
        <v>0</v>
      </c>
      <c r="P206" s="12">
        <v>111</v>
      </c>
      <c r="Q206" s="12">
        <v>584</v>
      </c>
      <c r="R206" s="12">
        <v>406</v>
      </c>
    </row>
    <row r="207" spans="1:18" ht="10.5" customHeight="1" x14ac:dyDescent="0.15">
      <c r="A207" s="3"/>
      <c r="B207" s="3" t="s">
        <v>1094</v>
      </c>
      <c r="C207" s="12">
        <v>21</v>
      </c>
      <c r="D207" s="12">
        <v>49</v>
      </c>
      <c r="E207" s="12">
        <v>23</v>
      </c>
      <c r="F207" s="12">
        <v>26</v>
      </c>
      <c r="G207" s="12">
        <v>5</v>
      </c>
      <c r="H207" s="12">
        <v>3</v>
      </c>
      <c r="I207" s="12">
        <v>7</v>
      </c>
      <c r="J207" s="12">
        <v>10</v>
      </c>
      <c r="K207" s="12">
        <v>8</v>
      </c>
      <c r="L207" s="12">
        <v>6</v>
      </c>
      <c r="M207" s="12">
        <v>3</v>
      </c>
      <c r="N207" s="12">
        <v>7</v>
      </c>
      <c r="O207" s="12">
        <v>0</v>
      </c>
      <c r="P207" s="12">
        <v>5</v>
      </c>
      <c r="Q207" s="12">
        <v>35</v>
      </c>
      <c r="R207" s="12">
        <v>9</v>
      </c>
    </row>
    <row r="208" spans="1:18" ht="10.5" customHeight="1" x14ac:dyDescent="0.15">
      <c r="A208" s="3"/>
      <c r="B208" s="3" t="s">
        <v>1187</v>
      </c>
      <c r="C208" s="12">
        <v>450</v>
      </c>
      <c r="D208" s="12">
        <v>1118</v>
      </c>
      <c r="E208" s="12">
        <v>542</v>
      </c>
      <c r="F208" s="12">
        <v>576</v>
      </c>
      <c r="G208" s="12">
        <v>119</v>
      </c>
      <c r="H208" s="12">
        <v>120</v>
      </c>
      <c r="I208" s="12">
        <v>102</v>
      </c>
      <c r="J208" s="12">
        <v>142</v>
      </c>
      <c r="K208" s="12">
        <v>173</v>
      </c>
      <c r="L208" s="12">
        <v>136</v>
      </c>
      <c r="M208" s="12">
        <v>125</v>
      </c>
      <c r="N208" s="12">
        <v>201</v>
      </c>
      <c r="O208" s="12">
        <v>0</v>
      </c>
      <c r="P208" s="12">
        <v>191</v>
      </c>
      <c r="Q208" s="12">
        <v>658</v>
      </c>
      <c r="R208" s="12">
        <v>269</v>
      </c>
    </row>
    <row r="209" spans="1:18" ht="10.5" customHeight="1" x14ac:dyDescent="0.15">
      <c r="A209" s="3"/>
      <c r="B209" s="3" t="s">
        <v>1188</v>
      </c>
      <c r="C209" s="12">
        <v>335</v>
      </c>
      <c r="D209" s="12">
        <v>798</v>
      </c>
      <c r="E209" s="12">
        <v>399</v>
      </c>
      <c r="F209" s="12">
        <v>399</v>
      </c>
      <c r="G209" s="12">
        <v>81</v>
      </c>
      <c r="H209" s="12">
        <v>80</v>
      </c>
      <c r="I209" s="12">
        <v>66</v>
      </c>
      <c r="J209" s="12">
        <v>101</v>
      </c>
      <c r="K209" s="12">
        <v>118</v>
      </c>
      <c r="L209" s="12">
        <v>86</v>
      </c>
      <c r="M209" s="12">
        <v>99</v>
      </c>
      <c r="N209" s="12">
        <v>167</v>
      </c>
      <c r="O209" s="12">
        <v>0</v>
      </c>
      <c r="P209" s="12">
        <v>120</v>
      </c>
      <c r="Q209" s="12">
        <v>464</v>
      </c>
      <c r="R209" s="12">
        <v>214</v>
      </c>
    </row>
    <row r="210" spans="1:18" ht="10.5" customHeight="1" x14ac:dyDescent="0.15">
      <c r="A210" s="3"/>
      <c r="B210" s="3" t="s">
        <v>1189</v>
      </c>
      <c r="C210" s="12">
        <v>304</v>
      </c>
      <c r="D210" s="12">
        <v>675</v>
      </c>
      <c r="E210" s="12">
        <v>342</v>
      </c>
      <c r="F210" s="12">
        <v>333</v>
      </c>
      <c r="G210" s="12">
        <v>57</v>
      </c>
      <c r="H210" s="12">
        <v>71</v>
      </c>
      <c r="I210" s="12">
        <v>71</v>
      </c>
      <c r="J210" s="12">
        <v>77</v>
      </c>
      <c r="K210" s="12">
        <v>116</v>
      </c>
      <c r="L210" s="12">
        <v>84</v>
      </c>
      <c r="M210" s="12">
        <v>76</v>
      </c>
      <c r="N210" s="12">
        <v>123</v>
      </c>
      <c r="O210" s="12">
        <v>0</v>
      </c>
      <c r="P210" s="12">
        <v>96</v>
      </c>
      <c r="Q210" s="12">
        <v>408</v>
      </c>
      <c r="R210" s="12">
        <v>171</v>
      </c>
    </row>
    <row r="211" spans="1:18" ht="10.5" customHeight="1" x14ac:dyDescent="0.15">
      <c r="A211" s="3"/>
      <c r="B211" s="3" t="s">
        <v>1190</v>
      </c>
      <c r="C211" s="12">
        <v>394</v>
      </c>
      <c r="D211" s="12">
        <v>963</v>
      </c>
      <c r="E211" s="12">
        <v>480</v>
      </c>
      <c r="F211" s="12">
        <v>483</v>
      </c>
      <c r="G211" s="12">
        <v>122</v>
      </c>
      <c r="H211" s="12">
        <v>69</v>
      </c>
      <c r="I211" s="12">
        <v>97</v>
      </c>
      <c r="J211" s="12">
        <v>138</v>
      </c>
      <c r="K211" s="12">
        <v>148</v>
      </c>
      <c r="L211" s="12">
        <v>130</v>
      </c>
      <c r="M211" s="12">
        <v>99</v>
      </c>
      <c r="N211" s="12">
        <v>160</v>
      </c>
      <c r="O211" s="12">
        <v>0</v>
      </c>
      <c r="P211" s="12">
        <v>153</v>
      </c>
      <c r="Q211" s="12">
        <v>598</v>
      </c>
      <c r="R211" s="12">
        <v>212</v>
      </c>
    </row>
    <row r="212" spans="1:18" ht="10.5" customHeight="1" x14ac:dyDescent="0.15">
      <c r="A212" s="3"/>
      <c r="B212" s="3" t="s">
        <v>1191</v>
      </c>
      <c r="C212" s="12">
        <v>376</v>
      </c>
      <c r="D212" s="12">
        <v>825</v>
      </c>
      <c r="E212" s="12">
        <v>413</v>
      </c>
      <c r="F212" s="12">
        <v>412</v>
      </c>
      <c r="G212" s="12">
        <v>76</v>
      </c>
      <c r="H212" s="12">
        <v>71</v>
      </c>
      <c r="I212" s="12">
        <v>95</v>
      </c>
      <c r="J212" s="12">
        <v>148</v>
      </c>
      <c r="K212" s="12">
        <v>133</v>
      </c>
      <c r="L212" s="12">
        <v>99</v>
      </c>
      <c r="M212" s="12">
        <v>90</v>
      </c>
      <c r="N212" s="12">
        <v>113</v>
      </c>
      <c r="O212" s="12">
        <v>0</v>
      </c>
      <c r="P212" s="12">
        <v>115</v>
      </c>
      <c r="Q212" s="12">
        <v>556</v>
      </c>
      <c r="R212" s="12">
        <v>154</v>
      </c>
    </row>
    <row r="213" spans="1:18" ht="10.5" customHeight="1" x14ac:dyDescent="0.15">
      <c r="A213" s="3"/>
      <c r="B213" s="3" t="s">
        <v>1192</v>
      </c>
      <c r="C213" s="12">
        <v>312</v>
      </c>
      <c r="D213" s="12">
        <v>918</v>
      </c>
      <c r="E213" s="12">
        <v>465</v>
      </c>
      <c r="F213" s="12">
        <v>453</v>
      </c>
      <c r="G213" s="12">
        <v>119</v>
      </c>
      <c r="H213" s="12">
        <v>200</v>
      </c>
      <c r="I213" s="12">
        <v>71</v>
      </c>
      <c r="J213" s="12">
        <v>116</v>
      </c>
      <c r="K213" s="12">
        <v>250</v>
      </c>
      <c r="L213" s="12">
        <v>93</v>
      </c>
      <c r="M213" s="12">
        <v>36</v>
      </c>
      <c r="N213" s="12">
        <v>33</v>
      </c>
      <c r="O213" s="12">
        <v>0</v>
      </c>
      <c r="P213" s="12">
        <v>223</v>
      </c>
      <c r="Q213" s="12">
        <v>651</v>
      </c>
      <c r="R213" s="12">
        <v>44</v>
      </c>
    </row>
    <row r="214" spans="1:18" ht="10.5" customHeight="1" x14ac:dyDescent="0.15">
      <c r="A214" s="3"/>
      <c r="B214" s="3" t="s">
        <v>1193</v>
      </c>
      <c r="C214" s="12">
        <v>289</v>
      </c>
      <c r="D214" s="12">
        <v>673</v>
      </c>
      <c r="E214" s="12">
        <v>308</v>
      </c>
      <c r="F214" s="12">
        <v>365</v>
      </c>
      <c r="G214" s="12">
        <v>67</v>
      </c>
      <c r="H214" s="12">
        <v>75</v>
      </c>
      <c r="I214" s="12">
        <v>68</v>
      </c>
      <c r="J214" s="12">
        <v>93</v>
      </c>
      <c r="K214" s="12">
        <v>120</v>
      </c>
      <c r="L214" s="12">
        <v>80</v>
      </c>
      <c r="M214" s="12">
        <v>55</v>
      </c>
      <c r="N214" s="12">
        <v>115</v>
      </c>
      <c r="O214" s="12">
        <v>0</v>
      </c>
      <c r="P214" s="12">
        <v>106</v>
      </c>
      <c r="Q214" s="12">
        <v>424</v>
      </c>
      <c r="R214" s="12">
        <v>143</v>
      </c>
    </row>
    <row r="215" spans="1:18" ht="10.5" customHeight="1" x14ac:dyDescent="0.15">
      <c r="A215" s="3"/>
      <c r="B215" s="3" t="s">
        <v>1194</v>
      </c>
      <c r="C215" s="12">
        <v>249</v>
      </c>
      <c r="D215" s="12">
        <v>664</v>
      </c>
      <c r="E215" s="12">
        <v>346</v>
      </c>
      <c r="F215" s="12">
        <v>318</v>
      </c>
      <c r="G215" s="12">
        <v>48</v>
      </c>
      <c r="H215" s="12">
        <v>104</v>
      </c>
      <c r="I215" s="12">
        <v>71</v>
      </c>
      <c r="J215" s="12">
        <v>76</v>
      </c>
      <c r="K215" s="12">
        <v>120</v>
      </c>
      <c r="L215" s="12">
        <v>107</v>
      </c>
      <c r="M215" s="12">
        <v>45</v>
      </c>
      <c r="N215" s="12">
        <v>93</v>
      </c>
      <c r="O215" s="12">
        <v>0</v>
      </c>
      <c r="P215" s="12">
        <v>102</v>
      </c>
      <c r="Q215" s="12">
        <v>448</v>
      </c>
      <c r="R215" s="12">
        <v>114</v>
      </c>
    </row>
    <row r="216" spans="1:18" ht="10.5" customHeight="1" x14ac:dyDescent="0.15">
      <c r="A216" s="3"/>
      <c r="B216" s="3" t="s">
        <v>1195</v>
      </c>
      <c r="C216" s="12">
        <v>447</v>
      </c>
      <c r="D216" s="12">
        <v>1040</v>
      </c>
      <c r="E216" s="12">
        <v>511</v>
      </c>
      <c r="F216" s="12">
        <v>529</v>
      </c>
      <c r="G216" s="12">
        <v>79</v>
      </c>
      <c r="H216" s="12">
        <v>81</v>
      </c>
      <c r="I216" s="12">
        <v>90</v>
      </c>
      <c r="J216" s="12">
        <v>103</v>
      </c>
      <c r="K216" s="12">
        <v>120</v>
      </c>
      <c r="L216" s="12">
        <v>146</v>
      </c>
      <c r="M216" s="12">
        <v>127</v>
      </c>
      <c r="N216" s="12">
        <v>294</v>
      </c>
      <c r="O216" s="12">
        <v>0</v>
      </c>
      <c r="P216" s="12">
        <v>115</v>
      </c>
      <c r="Q216" s="12">
        <v>567</v>
      </c>
      <c r="R216" s="12">
        <v>358</v>
      </c>
    </row>
    <row r="217" spans="1:18" ht="10.5" customHeight="1" x14ac:dyDescent="0.15">
      <c r="A217" s="3"/>
      <c r="B217" s="3" t="s">
        <v>1196</v>
      </c>
      <c r="C217" s="12">
        <v>384</v>
      </c>
      <c r="D217" s="12">
        <v>930</v>
      </c>
      <c r="E217" s="12">
        <v>461</v>
      </c>
      <c r="F217" s="12">
        <v>469</v>
      </c>
      <c r="G217" s="12">
        <v>89</v>
      </c>
      <c r="H217" s="12">
        <v>78</v>
      </c>
      <c r="I217" s="12">
        <v>99</v>
      </c>
      <c r="J217" s="12">
        <v>105</v>
      </c>
      <c r="K217" s="12">
        <v>148</v>
      </c>
      <c r="L217" s="12">
        <v>127</v>
      </c>
      <c r="M217" s="12">
        <v>103</v>
      </c>
      <c r="N217" s="12">
        <v>181</v>
      </c>
      <c r="O217" s="12">
        <v>0</v>
      </c>
      <c r="P217" s="12">
        <v>120</v>
      </c>
      <c r="Q217" s="12">
        <v>579</v>
      </c>
      <c r="R217" s="12">
        <v>231</v>
      </c>
    </row>
    <row r="218" spans="1:18" ht="10.5" customHeight="1" x14ac:dyDescent="0.15">
      <c r="A218" s="3"/>
      <c r="B218" s="3" t="s">
        <v>1197</v>
      </c>
      <c r="C218" s="12">
        <v>24</v>
      </c>
      <c r="D218" s="12">
        <v>45</v>
      </c>
      <c r="E218" s="12">
        <v>23</v>
      </c>
      <c r="F218" s="12">
        <v>22</v>
      </c>
      <c r="G218" s="12">
        <v>0</v>
      </c>
      <c r="H218" s="12">
        <v>2</v>
      </c>
      <c r="I218" s="12">
        <v>5</v>
      </c>
      <c r="J218" s="12">
        <v>0</v>
      </c>
      <c r="K218" s="12">
        <v>5</v>
      </c>
      <c r="L218" s="12">
        <v>6</v>
      </c>
      <c r="M218" s="12">
        <v>6</v>
      </c>
      <c r="N218" s="12">
        <v>21</v>
      </c>
      <c r="O218" s="12">
        <v>0</v>
      </c>
      <c r="P218" s="12">
        <v>0</v>
      </c>
      <c r="Q218" s="12">
        <v>20</v>
      </c>
      <c r="R218" s="12">
        <v>25</v>
      </c>
    </row>
    <row r="219" spans="1:18" ht="10.5" customHeight="1" x14ac:dyDescent="0.15">
      <c r="A219" s="3"/>
      <c r="B219" s="3" t="s">
        <v>1198</v>
      </c>
      <c r="C219" s="12">
        <v>4</v>
      </c>
      <c r="D219" s="12">
        <v>7</v>
      </c>
      <c r="E219" s="12">
        <v>4</v>
      </c>
      <c r="F219" s="12">
        <v>3</v>
      </c>
      <c r="G219" s="12" t="s">
        <v>132</v>
      </c>
      <c r="H219" s="12" t="s">
        <v>132</v>
      </c>
      <c r="I219" s="12" t="s">
        <v>132</v>
      </c>
      <c r="J219" s="12" t="s">
        <v>132</v>
      </c>
      <c r="K219" s="12" t="s">
        <v>132</v>
      </c>
      <c r="L219" s="12" t="s">
        <v>132</v>
      </c>
      <c r="M219" s="12" t="s">
        <v>132</v>
      </c>
      <c r="N219" s="12" t="s">
        <v>132</v>
      </c>
      <c r="O219" s="12" t="s">
        <v>132</v>
      </c>
      <c r="P219" s="12" t="s">
        <v>132</v>
      </c>
      <c r="Q219" s="12" t="s">
        <v>132</v>
      </c>
      <c r="R219" s="12" t="s">
        <v>132</v>
      </c>
    </row>
    <row r="220" spans="1:18" ht="10.5" customHeight="1" x14ac:dyDescent="0.15">
      <c r="A220" s="3"/>
      <c r="B220" s="3" t="s">
        <v>1199</v>
      </c>
      <c r="C220" s="12">
        <v>3352</v>
      </c>
      <c r="D220" s="12">
        <v>7313</v>
      </c>
      <c r="E220" s="12">
        <v>3483</v>
      </c>
      <c r="F220" s="12">
        <v>3830</v>
      </c>
      <c r="G220" s="12">
        <v>548</v>
      </c>
      <c r="H220" s="12">
        <v>823</v>
      </c>
      <c r="I220" s="12">
        <v>705</v>
      </c>
      <c r="J220" s="12">
        <v>610</v>
      </c>
      <c r="K220" s="12">
        <v>1022</v>
      </c>
      <c r="L220" s="12">
        <v>1036</v>
      </c>
      <c r="M220" s="12">
        <v>718</v>
      </c>
      <c r="N220" s="12">
        <v>1851</v>
      </c>
      <c r="O220" s="12">
        <v>0</v>
      </c>
      <c r="P220" s="12">
        <v>929</v>
      </c>
      <c r="Q220" s="12">
        <v>4186</v>
      </c>
      <c r="R220" s="12">
        <v>2198</v>
      </c>
    </row>
    <row r="221" spans="1:18" ht="10.5" customHeight="1" x14ac:dyDescent="0.15">
      <c r="A221" s="3"/>
      <c r="B221" s="3" t="s">
        <v>1200</v>
      </c>
      <c r="C221" s="12">
        <v>179</v>
      </c>
      <c r="D221" s="12">
        <v>303</v>
      </c>
      <c r="E221" s="12">
        <v>130</v>
      </c>
      <c r="F221" s="12">
        <v>173</v>
      </c>
      <c r="G221" s="12">
        <v>21</v>
      </c>
      <c r="H221" s="12">
        <v>32</v>
      </c>
      <c r="I221" s="12">
        <v>12</v>
      </c>
      <c r="J221" s="12">
        <v>15</v>
      </c>
      <c r="K221" s="12">
        <v>27</v>
      </c>
      <c r="L221" s="12">
        <v>40</v>
      </c>
      <c r="M221" s="12">
        <v>32</v>
      </c>
      <c r="N221" s="12">
        <v>124</v>
      </c>
      <c r="O221" s="12">
        <v>0</v>
      </c>
      <c r="P221" s="12">
        <v>36</v>
      </c>
      <c r="Q221" s="12">
        <v>127</v>
      </c>
      <c r="R221" s="12">
        <v>140</v>
      </c>
    </row>
    <row r="222" spans="1:18" ht="10.5" customHeight="1" x14ac:dyDescent="0.15">
      <c r="A222" s="3"/>
      <c r="B222" s="3" t="s">
        <v>1201</v>
      </c>
      <c r="C222" s="12">
        <v>2</v>
      </c>
      <c r="D222" s="12">
        <v>5</v>
      </c>
      <c r="E222" s="12">
        <v>2</v>
      </c>
      <c r="F222" s="12">
        <v>3</v>
      </c>
      <c r="G222" s="12" t="s">
        <v>132</v>
      </c>
      <c r="H222" s="12" t="s">
        <v>132</v>
      </c>
      <c r="I222" s="12" t="s">
        <v>132</v>
      </c>
      <c r="J222" s="12" t="s">
        <v>132</v>
      </c>
      <c r="K222" s="12" t="s">
        <v>132</v>
      </c>
      <c r="L222" s="12" t="s">
        <v>132</v>
      </c>
      <c r="M222" s="12" t="s">
        <v>132</v>
      </c>
      <c r="N222" s="12" t="s">
        <v>132</v>
      </c>
      <c r="O222" s="12" t="s">
        <v>132</v>
      </c>
      <c r="P222" s="12" t="s">
        <v>132</v>
      </c>
      <c r="Q222" s="12" t="s">
        <v>132</v>
      </c>
      <c r="R222" s="12" t="s">
        <v>132</v>
      </c>
    </row>
    <row r="223" spans="1:18" ht="10.5" customHeight="1" x14ac:dyDescent="0.15">
      <c r="A223" s="3"/>
      <c r="B223" s="3" t="s">
        <v>1202</v>
      </c>
      <c r="C223" s="12">
        <v>301</v>
      </c>
      <c r="D223" s="12">
        <v>768</v>
      </c>
      <c r="E223" s="12">
        <v>387</v>
      </c>
      <c r="F223" s="12">
        <v>381</v>
      </c>
      <c r="G223" s="12">
        <v>137</v>
      </c>
      <c r="H223" s="12">
        <v>59</v>
      </c>
      <c r="I223" s="12">
        <v>82</v>
      </c>
      <c r="J223" s="12">
        <v>138</v>
      </c>
      <c r="K223" s="12">
        <v>127</v>
      </c>
      <c r="L223" s="12">
        <v>75</v>
      </c>
      <c r="M223" s="12">
        <v>55</v>
      </c>
      <c r="N223" s="12">
        <v>95</v>
      </c>
      <c r="O223" s="12">
        <v>0</v>
      </c>
      <c r="P223" s="12">
        <v>180</v>
      </c>
      <c r="Q223" s="12">
        <v>469</v>
      </c>
      <c r="R223" s="12">
        <v>119</v>
      </c>
    </row>
    <row r="224" spans="1:18" ht="10.5" customHeight="1" x14ac:dyDescent="0.15">
      <c r="A224" s="3"/>
      <c r="B224" s="3" t="s">
        <v>1203</v>
      </c>
      <c r="C224" s="12">
        <v>23</v>
      </c>
      <c r="D224" s="12">
        <v>31</v>
      </c>
      <c r="E224" s="12">
        <v>14</v>
      </c>
      <c r="F224" s="12">
        <v>17</v>
      </c>
      <c r="G224" s="12">
        <v>1</v>
      </c>
      <c r="H224" s="12">
        <v>1</v>
      </c>
      <c r="I224" s="12">
        <v>4</v>
      </c>
      <c r="J224" s="12">
        <v>2</v>
      </c>
      <c r="K224" s="12">
        <v>3</v>
      </c>
      <c r="L224" s="12">
        <v>8</v>
      </c>
      <c r="M224" s="12">
        <v>9</v>
      </c>
      <c r="N224" s="12">
        <v>3</v>
      </c>
      <c r="O224" s="12">
        <v>0</v>
      </c>
      <c r="P224" s="12">
        <v>1</v>
      </c>
      <c r="Q224" s="12">
        <v>23</v>
      </c>
      <c r="R224" s="12">
        <v>7</v>
      </c>
    </row>
    <row r="225" spans="1:18" ht="10.5" customHeight="1" x14ac:dyDescent="0.15">
      <c r="A225" s="3"/>
      <c r="B225" s="3" t="s">
        <v>1204</v>
      </c>
      <c r="C225" s="12">
        <v>154</v>
      </c>
      <c r="D225" s="12">
        <v>397</v>
      </c>
      <c r="E225" s="12">
        <v>198</v>
      </c>
      <c r="F225" s="12">
        <v>199</v>
      </c>
      <c r="G225" s="12">
        <v>25</v>
      </c>
      <c r="H225" s="12">
        <v>42</v>
      </c>
      <c r="I225" s="12">
        <v>29</v>
      </c>
      <c r="J225" s="12">
        <v>36</v>
      </c>
      <c r="K225" s="12">
        <v>49</v>
      </c>
      <c r="L225" s="12">
        <v>74</v>
      </c>
      <c r="M225" s="12">
        <v>48</v>
      </c>
      <c r="N225" s="12">
        <v>94</v>
      </c>
      <c r="O225" s="12">
        <v>0</v>
      </c>
      <c r="P225" s="12">
        <v>42</v>
      </c>
      <c r="Q225" s="12">
        <v>239</v>
      </c>
      <c r="R225" s="12">
        <v>116</v>
      </c>
    </row>
    <row r="226" spans="1:18" ht="10.5" customHeight="1" x14ac:dyDescent="0.15">
      <c r="A226" s="3"/>
      <c r="B226" s="3" t="s">
        <v>1205</v>
      </c>
      <c r="C226" s="12">
        <v>71</v>
      </c>
      <c r="D226" s="12">
        <v>178</v>
      </c>
      <c r="E226" s="12">
        <v>84</v>
      </c>
      <c r="F226" s="12">
        <v>94</v>
      </c>
      <c r="G226" s="12">
        <v>15</v>
      </c>
      <c r="H226" s="12">
        <v>13</v>
      </c>
      <c r="I226" s="12">
        <v>18</v>
      </c>
      <c r="J226" s="12">
        <v>18</v>
      </c>
      <c r="K226" s="12">
        <v>16</v>
      </c>
      <c r="L226" s="12">
        <v>18</v>
      </c>
      <c r="M226" s="12">
        <v>31</v>
      </c>
      <c r="N226" s="12">
        <v>49</v>
      </c>
      <c r="O226" s="12">
        <v>0</v>
      </c>
      <c r="P226" s="12">
        <v>21</v>
      </c>
      <c r="Q226" s="12">
        <v>88</v>
      </c>
      <c r="R226" s="12">
        <v>69</v>
      </c>
    </row>
    <row r="227" spans="1:18" ht="10.5" customHeight="1" x14ac:dyDescent="0.15">
      <c r="A227" s="3"/>
      <c r="B227" s="3" t="s">
        <v>1206</v>
      </c>
      <c r="C227" s="12">
        <v>59</v>
      </c>
      <c r="D227" s="12">
        <v>89</v>
      </c>
      <c r="E227" s="12">
        <v>36</v>
      </c>
      <c r="F227" s="12">
        <v>53</v>
      </c>
      <c r="G227" s="12">
        <v>3</v>
      </c>
      <c r="H227" s="12">
        <v>7</v>
      </c>
      <c r="I227" s="12">
        <v>3</v>
      </c>
      <c r="J227" s="12">
        <v>5</v>
      </c>
      <c r="K227" s="12">
        <v>6</v>
      </c>
      <c r="L227" s="12">
        <v>7</v>
      </c>
      <c r="M227" s="12">
        <v>8</v>
      </c>
      <c r="N227" s="12">
        <v>50</v>
      </c>
      <c r="O227" s="12">
        <v>0</v>
      </c>
      <c r="P227" s="12">
        <v>8</v>
      </c>
      <c r="Q227" s="12">
        <v>27</v>
      </c>
      <c r="R227" s="12">
        <v>54</v>
      </c>
    </row>
    <row r="228" spans="1:18" ht="10.5" customHeight="1" x14ac:dyDescent="0.15">
      <c r="A228" s="3"/>
      <c r="B228" s="3" t="s">
        <v>1207</v>
      </c>
      <c r="C228" s="12">
        <v>319</v>
      </c>
      <c r="D228" s="12">
        <v>829</v>
      </c>
      <c r="E228" s="12">
        <v>410</v>
      </c>
      <c r="F228" s="12">
        <v>419</v>
      </c>
      <c r="G228" s="12">
        <v>78</v>
      </c>
      <c r="H228" s="12">
        <v>142</v>
      </c>
      <c r="I228" s="12">
        <v>122</v>
      </c>
      <c r="J228" s="12">
        <v>103</v>
      </c>
      <c r="K228" s="12">
        <v>173</v>
      </c>
      <c r="L228" s="12">
        <v>115</v>
      </c>
      <c r="M228" s="12">
        <v>39</v>
      </c>
      <c r="N228" s="12">
        <v>57</v>
      </c>
      <c r="O228" s="12">
        <v>0</v>
      </c>
      <c r="P228" s="12">
        <v>146</v>
      </c>
      <c r="Q228" s="12">
        <v>610</v>
      </c>
      <c r="R228" s="12">
        <v>73</v>
      </c>
    </row>
    <row r="229" spans="1:18" ht="10.5" customHeight="1" x14ac:dyDescent="0.15">
      <c r="A229" s="3"/>
      <c r="B229" s="3" t="s">
        <v>1208</v>
      </c>
      <c r="C229" s="12">
        <v>551</v>
      </c>
      <c r="D229" s="12">
        <v>1316</v>
      </c>
      <c r="E229" s="12">
        <v>652</v>
      </c>
      <c r="F229" s="12">
        <v>664</v>
      </c>
      <c r="G229" s="12">
        <v>142</v>
      </c>
      <c r="H229" s="12">
        <v>188</v>
      </c>
      <c r="I229" s="12">
        <v>159</v>
      </c>
      <c r="J229" s="12">
        <v>172</v>
      </c>
      <c r="K229" s="12">
        <v>279</v>
      </c>
      <c r="L229" s="12">
        <v>164</v>
      </c>
      <c r="M229" s="12">
        <v>95</v>
      </c>
      <c r="N229" s="12">
        <v>117</v>
      </c>
      <c r="O229" s="12">
        <v>0</v>
      </c>
      <c r="P229" s="12">
        <v>239</v>
      </c>
      <c r="Q229" s="12">
        <v>917</v>
      </c>
      <c r="R229" s="12">
        <v>160</v>
      </c>
    </row>
    <row r="230" spans="1:18" ht="10.5" customHeight="1" x14ac:dyDescent="0.15">
      <c r="A230" s="3"/>
      <c r="B230" s="3" t="s">
        <v>1209</v>
      </c>
      <c r="C230" s="12">
        <v>1072</v>
      </c>
      <c r="D230" s="12">
        <v>1961</v>
      </c>
      <c r="E230" s="12">
        <v>850</v>
      </c>
      <c r="F230" s="12">
        <v>1111</v>
      </c>
      <c r="G230" s="12">
        <v>61</v>
      </c>
      <c r="H230" s="12">
        <v>127</v>
      </c>
      <c r="I230" s="12">
        <v>102</v>
      </c>
      <c r="J230" s="12">
        <v>121</v>
      </c>
      <c r="K230" s="12">
        <v>223</v>
      </c>
      <c r="L230" s="12">
        <v>267</v>
      </c>
      <c r="M230" s="12">
        <v>205</v>
      </c>
      <c r="N230" s="12">
        <v>855</v>
      </c>
      <c r="O230" s="12">
        <v>0</v>
      </c>
      <c r="P230" s="12">
        <v>116</v>
      </c>
      <c r="Q230" s="12">
        <v>871</v>
      </c>
      <c r="R230" s="12">
        <v>974</v>
      </c>
    </row>
    <row r="231" spans="1:18" ht="10.5" customHeight="1" x14ac:dyDescent="0.15">
      <c r="A231" s="3"/>
      <c r="B231" s="3" t="s">
        <v>1210</v>
      </c>
      <c r="C231" s="12">
        <v>305</v>
      </c>
      <c r="D231" s="12">
        <v>756</v>
      </c>
      <c r="E231" s="12">
        <v>380</v>
      </c>
      <c r="F231" s="12">
        <v>376</v>
      </c>
      <c r="G231" s="12">
        <v>67</v>
      </c>
      <c r="H231" s="12">
        <v>90</v>
      </c>
      <c r="I231" s="12">
        <v>87</v>
      </c>
      <c r="J231" s="12">
        <v>91</v>
      </c>
      <c r="K231" s="12">
        <v>148</v>
      </c>
      <c r="L231" s="12">
        <v>109</v>
      </c>
      <c r="M231" s="12">
        <v>54</v>
      </c>
      <c r="N231" s="12">
        <v>110</v>
      </c>
      <c r="O231" s="12">
        <v>0</v>
      </c>
      <c r="P231" s="12">
        <v>110</v>
      </c>
      <c r="Q231" s="12">
        <v>513</v>
      </c>
      <c r="R231" s="12">
        <v>133</v>
      </c>
    </row>
    <row r="232" spans="1:18" ht="10.5" customHeight="1" x14ac:dyDescent="0.15">
      <c r="A232" s="3"/>
      <c r="B232" s="3" t="s">
        <v>1211</v>
      </c>
      <c r="C232" s="12">
        <v>298</v>
      </c>
      <c r="D232" s="12">
        <v>755</v>
      </c>
      <c r="E232" s="12">
        <v>385</v>
      </c>
      <c r="F232" s="12">
        <v>370</v>
      </c>
      <c r="G232" s="12">
        <v>51</v>
      </c>
      <c r="H232" s="12">
        <v>85</v>
      </c>
      <c r="I232" s="12">
        <v>87</v>
      </c>
      <c r="J232" s="12">
        <v>88</v>
      </c>
      <c r="K232" s="12">
        <v>128</v>
      </c>
      <c r="L232" s="12">
        <v>156</v>
      </c>
      <c r="M232" s="12">
        <v>88</v>
      </c>
      <c r="N232" s="12">
        <v>72</v>
      </c>
      <c r="O232" s="12">
        <v>0</v>
      </c>
      <c r="P232" s="12">
        <v>84</v>
      </c>
      <c r="Q232" s="12">
        <v>561</v>
      </c>
      <c r="R232" s="12">
        <v>110</v>
      </c>
    </row>
    <row r="233" spans="1:18" ht="10.5" customHeight="1" x14ac:dyDescent="0.15">
      <c r="A233" s="3"/>
      <c r="B233" s="3" t="s">
        <v>1212</v>
      </c>
      <c r="C233" s="12">
        <v>264</v>
      </c>
      <c r="D233" s="12">
        <v>519</v>
      </c>
      <c r="E233" s="12">
        <v>244</v>
      </c>
      <c r="F233" s="12">
        <v>275</v>
      </c>
      <c r="G233" s="12">
        <v>42</v>
      </c>
      <c r="H233" s="12">
        <v>46</v>
      </c>
      <c r="I233" s="12">
        <v>65</v>
      </c>
      <c r="J233" s="12">
        <v>60</v>
      </c>
      <c r="K233" s="12">
        <v>75</v>
      </c>
      <c r="L233" s="12">
        <v>64</v>
      </c>
      <c r="M233" s="12">
        <v>68</v>
      </c>
      <c r="N233" s="12">
        <v>99</v>
      </c>
      <c r="O233" s="12">
        <v>0</v>
      </c>
      <c r="P233" s="12">
        <v>60</v>
      </c>
      <c r="Q233" s="12">
        <v>328</v>
      </c>
      <c r="R233" s="12">
        <v>131</v>
      </c>
    </row>
    <row r="234" spans="1:18" ht="10.5" customHeight="1" x14ac:dyDescent="0.15">
      <c r="A234" s="3"/>
      <c r="B234" s="3" t="s">
        <v>1213</v>
      </c>
      <c r="C234" s="12">
        <v>301</v>
      </c>
      <c r="D234" s="12">
        <v>675</v>
      </c>
      <c r="E234" s="12">
        <v>355</v>
      </c>
      <c r="F234" s="12">
        <v>320</v>
      </c>
      <c r="G234" s="12">
        <v>75</v>
      </c>
      <c r="H234" s="12">
        <v>70</v>
      </c>
      <c r="I234" s="12">
        <v>92</v>
      </c>
      <c r="J234" s="12">
        <v>108</v>
      </c>
      <c r="K234" s="12">
        <v>113</v>
      </c>
      <c r="L234" s="12">
        <v>94</v>
      </c>
      <c r="M234" s="12">
        <v>58</v>
      </c>
      <c r="N234" s="12">
        <v>65</v>
      </c>
      <c r="O234" s="12">
        <v>0</v>
      </c>
      <c r="P234" s="12">
        <v>110</v>
      </c>
      <c r="Q234" s="12">
        <v>479</v>
      </c>
      <c r="R234" s="12">
        <v>86</v>
      </c>
    </row>
    <row r="235" spans="1:18" ht="10.5" customHeight="1" x14ac:dyDescent="0.15">
      <c r="A235" s="3"/>
      <c r="B235" s="3" t="s">
        <v>1214</v>
      </c>
      <c r="C235" s="12">
        <v>430</v>
      </c>
      <c r="D235" s="12">
        <v>865</v>
      </c>
      <c r="E235" s="12">
        <v>390</v>
      </c>
      <c r="F235" s="12">
        <v>475</v>
      </c>
      <c r="G235" s="12">
        <v>54</v>
      </c>
      <c r="H235" s="12">
        <v>72</v>
      </c>
      <c r="I235" s="12">
        <v>102</v>
      </c>
      <c r="J235" s="12">
        <v>93</v>
      </c>
      <c r="K235" s="12">
        <v>101</v>
      </c>
      <c r="L235" s="12">
        <v>143</v>
      </c>
      <c r="M235" s="12">
        <v>146</v>
      </c>
      <c r="N235" s="12">
        <v>154</v>
      </c>
      <c r="O235" s="12">
        <v>0</v>
      </c>
      <c r="P235" s="12">
        <v>87</v>
      </c>
      <c r="Q235" s="12">
        <v>565</v>
      </c>
      <c r="R235" s="12">
        <v>213</v>
      </c>
    </row>
    <row r="236" spans="1:18" ht="10.5" customHeight="1" x14ac:dyDescent="0.15">
      <c r="A236" s="3"/>
      <c r="B236" s="3" t="s">
        <v>1215</v>
      </c>
      <c r="C236" s="12">
        <v>667</v>
      </c>
      <c r="D236" s="12">
        <v>1475</v>
      </c>
      <c r="E236" s="12">
        <v>695</v>
      </c>
      <c r="F236" s="12">
        <v>780</v>
      </c>
      <c r="G236" s="12">
        <v>102</v>
      </c>
      <c r="H236" s="12">
        <v>199</v>
      </c>
      <c r="I236" s="12">
        <v>136</v>
      </c>
      <c r="J236" s="12">
        <v>125</v>
      </c>
      <c r="K236" s="12">
        <v>206</v>
      </c>
      <c r="L236" s="12">
        <v>262</v>
      </c>
      <c r="M236" s="12">
        <v>136</v>
      </c>
      <c r="N236" s="12">
        <v>309</v>
      </c>
      <c r="O236" s="12">
        <v>0</v>
      </c>
      <c r="P236" s="12">
        <v>190</v>
      </c>
      <c r="Q236" s="12">
        <v>904</v>
      </c>
      <c r="R236" s="12">
        <v>381</v>
      </c>
    </row>
    <row r="237" spans="1:18" ht="10.5" customHeight="1" x14ac:dyDescent="0.15">
      <c r="A237" s="3"/>
      <c r="B237" s="3" t="s">
        <v>1216</v>
      </c>
      <c r="C237" s="12">
        <v>224</v>
      </c>
      <c r="D237" s="12">
        <v>594</v>
      </c>
      <c r="E237" s="12">
        <v>290</v>
      </c>
      <c r="F237" s="12">
        <v>304</v>
      </c>
      <c r="G237" s="12">
        <v>30</v>
      </c>
      <c r="H237" s="12">
        <v>102</v>
      </c>
      <c r="I237" s="12">
        <v>76</v>
      </c>
      <c r="J237" s="12">
        <v>53</v>
      </c>
      <c r="K237" s="12">
        <v>129</v>
      </c>
      <c r="L237" s="12">
        <v>118</v>
      </c>
      <c r="M237" s="12">
        <v>46</v>
      </c>
      <c r="N237" s="12">
        <v>40</v>
      </c>
      <c r="O237" s="12">
        <v>0</v>
      </c>
      <c r="P237" s="12">
        <v>63</v>
      </c>
      <c r="Q237" s="12">
        <v>472</v>
      </c>
      <c r="R237" s="12">
        <v>59</v>
      </c>
    </row>
    <row r="238" spans="1:18" ht="10.5" customHeight="1" x14ac:dyDescent="0.15">
      <c r="A238" s="3"/>
      <c r="B238" s="3" t="s">
        <v>1217</v>
      </c>
      <c r="C238" s="12">
        <v>449</v>
      </c>
      <c r="D238" s="12">
        <v>1094</v>
      </c>
      <c r="E238" s="12">
        <v>533</v>
      </c>
      <c r="F238" s="12">
        <v>561</v>
      </c>
      <c r="G238" s="12">
        <v>84</v>
      </c>
      <c r="H238" s="12">
        <v>144</v>
      </c>
      <c r="I238" s="12">
        <v>125</v>
      </c>
      <c r="J238" s="12">
        <v>93</v>
      </c>
      <c r="K238" s="12">
        <v>192</v>
      </c>
      <c r="L238" s="12">
        <v>171</v>
      </c>
      <c r="M238" s="12">
        <v>86</v>
      </c>
      <c r="N238" s="12">
        <v>199</v>
      </c>
      <c r="O238" s="12">
        <v>0</v>
      </c>
      <c r="P238" s="12">
        <v>142</v>
      </c>
      <c r="Q238" s="12">
        <v>705</v>
      </c>
      <c r="R238" s="12">
        <v>247</v>
      </c>
    </row>
    <row r="239" spans="1:18" ht="10.5" customHeight="1" x14ac:dyDescent="0.15">
      <c r="A239" s="3"/>
      <c r="B239" s="3" t="s">
        <v>1115</v>
      </c>
      <c r="C239" s="12">
        <v>196</v>
      </c>
      <c r="D239" s="12">
        <v>416</v>
      </c>
      <c r="E239" s="12">
        <v>209</v>
      </c>
      <c r="F239" s="12">
        <v>207</v>
      </c>
      <c r="G239" s="12">
        <v>50</v>
      </c>
      <c r="H239" s="12">
        <v>30</v>
      </c>
      <c r="I239" s="12">
        <v>49</v>
      </c>
      <c r="J239" s="12">
        <v>63</v>
      </c>
      <c r="K239" s="12">
        <v>69</v>
      </c>
      <c r="L239" s="12">
        <v>47</v>
      </c>
      <c r="M239" s="12">
        <v>33</v>
      </c>
      <c r="N239" s="12">
        <v>75</v>
      </c>
      <c r="O239" s="12">
        <v>0</v>
      </c>
      <c r="P239" s="12">
        <v>62</v>
      </c>
      <c r="Q239" s="12">
        <v>263</v>
      </c>
      <c r="R239" s="12">
        <v>91</v>
      </c>
    </row>
    <row r="240" spans="1:18" ht="10.5" customHeight="1" x14ac:dyDescent="0.15">
      <c r="A240" s="3"/>
      <c r="B240" s="3" t="s">
        <v>1218</v>
      </c>
      <c r="C240" s="12">
        <v>207</v>
      </c>
      <c r="D240" s="12">
        <v>475</v>
      </c>
      <c r="E240" s="12">
        <v>249</v>
      </c>
      <c r="F240" s="12">
        <v>226</v>
      </c>
      <c r="G240" s="12">
        <v>55</v>
      </c>
      <c r="H240" s="12">
        <v>42</v>
      </c>
      <c r="I240" s="12">
        <v>81</v>
      </c>
      <c r="J240" s="12">
        <v>81</v>
      </c>
      <c r="K240" s="12">
        <v>68</v>
      </c>
      <c r="L240" s="12">
        <v>69</v>
      </c>
      <c r="M240" s="12">
        <v>28</v>
      </c>
      <c r="N240" s="12">
        <v>51</v>
      </c>
      <c r="O240" s="12">
        <v>0</v>
      </c>
      <c r="P240" s="12">
        <v>76</v>
      </c>
      <c r="Q240" s="12">
        <v>338</v>
      </c>
      <c r="R240" s="12">
        <v>61</v>
      </c>
    </row>
    <row r="241" spans="1:18" ht="10.5" customHeight="1" x14ac:dyDescent="0.15">
      <c r="A241" s="3"/>
      <c r="B241" s="3" t="s">
        <v>1219</v>
      </c>
      <c r="C241" s="12">
        <v>159</v>
      </c>
      <c r="D241" s="12">
        <v>385</v>
      </c>
      <c r="E241" s="12">
        <v>183</v>
      </c>
      <c r="F241" s="12">
        <v>202</v>
      </c>
      <c r="G241" s="12">
        <v>35</v>
      </c>
      <c r="H241" s="12">
        <v>42</v>
      </c>
      <c r="I241" s="12">
        <v>37</v>
      </c>
      <c r="J241" s="12">
        <v>55</v>
      </c>
      <c r="K241" s="12">
        <v>58</v>
      </c>
      <c r="L241" s="12">
        <v>49</v>
      </c>
      <c r="M241" s="12">
        <v>44</v>
      </c>
      <c r="N241" s="12">
        <v>65</v>
      </c>
      <c r="O241" s="12">
        <v>0</v>
      </c>
      <c r="P241" s="12">
        <v>56</v>
      </c>
      <c r="Q241" s="12">
        <v>239</v>
      </c>
      <c r="R241" s="12">
        <v>90</v>
      </c>
    </row>
    <row r="242" spans="1:18" ht="10.5" customHeight="1" x14ac:dyDescent="0.15">
      <c r="A242" s="3"/>
      <c r="B242" s="3" t="s">
        <v>1220</v>
      </c>
      <c r="C242" s="12">
        <v>344</v>
      </c>
      <c r="D242" s="12">
        <v>965</v>
      </c>
      <c r="E242" s="12">
        <v>474</v>
      </c>
      <c r="F242" s="12">
        <v>491</v>
      </c>
      <c r="G242" s="12">
        <v>121</v>
      </c>
      <c r="H242" s="12">
        <v>146</v>
      </c>
      <c r="I242" s="12">
        <v>97</v>
      </c>
      <c r="J242" s="12">
        <v>127</v>
      </c>
      <c r="K242" s="12">
        <v>183</v>
      </c>
      <c r="L242" s="12">
        <v>122</v>
      </c>
      <c r="M242" s="12">
        <v>73</v>
      </c>
      <c r="N242" s="12">
        <v>96</v>
      </c>
      <c r="O242" s="12">
        <v>0</v>
      </c>
      <c r="P242" s="12">
        <v>219</v>
      </c>
      <c r="Q242" s="12">
        <v>622</v>
      </c>
      <c r="R242" s="12">
        <v>124</v>
      </c>
    </row>
    <row r="243" spans="1:18" ht="10.5" customHeight="1" x14ac:dyDescent="0.15">
      <c r="A243" s="3"/>
      <c r="B243" s="3" t="s">
        <v>1221</v>
      </c>
      <c r="C243" s="12">
        <v>433</v>
      </c>
      <c r="D243" s="12">
        <v>1039</v>
      </c>
      <c r="E243" s="12">
        <v>532</v>
      </c>
      <c r="F243" s="12">
        <v>507</v>
      </c>
      <c r="G243" s="12">
        <v>122</v>
      </c>
      <c r="H243" s="12">
        <v>105</v>
      </c>
      <c r="I243" s="12">
        <v>152</v>
      </c>
      <c r="J243" s="12">
        <v>153</v>
      </c>
      <c r="K243" s="12">
        <v>158</v>
      </c>
      <c r="L243" s="12">
        <v>147</v>
      </c>
      <c r="M243" s="12">
        <v>94</v>
      </c>
      <c r="N243" s="12">
        <v>108</v>
      </c>
      <c r="O243" s="12">
        <v>0</v>
      </c>
      <c r="P243" s="12">
        <v>174</v>
      </c>
      <c r="Q243" s="12">
        <v>712</v>
      </c>
      <c r="R243" s="12">
        <v>153</v>
      </c>
    </row>
    <row r="244" spans="1:18" ht="10.5" customHeight="1" x14ac:dyDescent="0.15">
      <c r="A244" s="3"/>
      <c r="B244" s="3" t="s">
        <v>1222</v>
      </c>
      <c r="C244" s="12">
        <v>269</v>
      </c>
      <c r="D244" s="12">
        <v>647</v>
      </c>
      <c r="E244" s="12">
        <v>333</v>
      </c>
      <c r="F244" s="12">
        <v>314</v>
      </c>
      <c r="G244" s="12">
        <v>78</v>
      </c>
      <c r="H244" s="12">
        <v>69</v>
      </c>
      <c r="I244" s="12">
        <v>81</v>
      </c>
      <c r="J244" s="12">
        <v>91</v>
      </c>
      <c r="K244" s="12">
        <v>85</v>
      </c>
      <c r="L244" s="12">
        <v>103</v>
      </c>
      <c r="M244" s="12">
        <v>50</v>
      </c>
      <c r="N244" s="12">
        <v>90</v>
      </c>
      <c r="O244" s="12">
        <v>0</v>
      </c>
      <c r="P244" s="12">
        <v>108</v>
      </c>
      <c r="Q244" s="12">
        <v>426</v>
      </c>
      <c r="R244" s="12">
        <v>113</v>
      </c>
    </row>
    <row r="245" spans="1:18" ht="10.5" customHeight="1" x14ac:dyDescent="0.15">
      <c r="A245" s="3"/>
      <c r="B245" s="3" t="s">
        <v>1223</v>
      </c>
      <c r="C245" s="12">
        <v>317</v>
      </c>
      <c r="D245" s="12">
        <v>795</v>
      </c>
      <c r="E245" s="12">
        <v>399</v>
      </c>
      <c r="F245" s="12">
        <v>396</v>
      </c>
      <c r="G245" s="12">
        <v>68</v>
      </c>
      <c r="H245" s="12">
        <v>71</v>
      </c>
      <c r="I245" s="12">
        <v>94</v>
      </c>
      <c r="J245" s="12">
        <v>95</v>
      </c>
      <c r="K245" s="12">
        <v>97</v>
      </c>
      <c r="L245" s="12">
        <v>139</v>
      </c>
      <c r="M245" s="12">
        <v>70</v>
      </c>
      <c r="N245" s="12">
        <v>161</v>
      </c>
      <c r="O245" s="12">
        <v>0</v>
      </c>
      <c r="P245" s="12">
        <v>106</v>
      </c>
      <c r="Q245" s="12">
        <v>493</v>
      </c>
      <c r="R245" s="12">
        <v>196</v>
      </c>
    </row>
    <row r="246" spans="1:18" ht="10.5" customHeight="1" x14ac:dyDescent="0.15">
      <c r="A246" s="3"/>
      <c r="B246" s="3" t="s">
        <v>1224</v>
      </c>
      <c r="C246" s="12">
        <v>959</v>
      </c>
      <c r="D246" s="12">
        <v>1992</v>
      </c>
      <c r="E246" s="12">
        <v>906</v>
      </c>
      <c r="F246" s="12">
        <v>1086</v>
      </c>
      <c r="G246" s="12">
        <v>98</v>
      </c>
      <c r="H246" s="12">
        <v>173</v>
      </c>
      <c r="I246" s="12">
        <v>175</v>
      </c>
      <c r="J246" s="12">
        <v>115</v>
      </c>
      <c r="K246" s="12">
        <v>214</v>
      </c>
      <c r="L246" s="12">
        <v>344</v>
      </c>
      <c r="M246" s="12">
        <v>234</v>
      </c>
      <c r="N246" s="12">
        <v>639</v>
      </c>
      <c r="O246" s="12">
        <v>0</v>
      </c>
      <c r="P246" s="12">
        <v>169</v>
      </c>
      <c r="Q246" s="12">
        <v>1052</v>
      </c>
      <c r="R246" s="12">
        <v>771</v>
      </c>
    </row>
    <row r="247" spans="1:18" ht="10.5" customHeight="1" x14ac:dyDescent="0.15">
      <c r="A247" s="3"/>
      <c r="B247" s="3" t="s">
        <v>1225</v>
      </c>
      <c r="C247" s="12">
        <v>313</v>
      </c>
      <c r="D247" s="12">
        <v>651</v>
      </c>
      <c r="E247" s="12">
        <v>339</v>
      </c>
      <c r="F247" s="12">
        <v>312</v>
      </c>
      <c r="G247" s="12">
        <v>43</v>
      </c>
      <c r="H247" s="12">
        <v>37</v>
      </c>
      <c r="I247" s="12">
        <v>115</v>
      </c>
      <c r="J247" s="12">
        <v>85</v>
      </c>
      <c r="K247" s="12">
        <v>78</v>
      </c>
      <c r="L247" s="12">
        <v>132</v>
      </c>
      <c r="M247" s="12">
        <v>52</v>
      </c>
      <c r="N247" s="12">
        <v>109</v>
      </c>
      <c r="O247" s="12">
        <v>0</v>
      </c>
      <c r="P247" s="12">
        <v>59</v>
      </c>
      <c r="Q247" s="12">
        <v>466</v>
      </c>
      <c r="R247" s="12">
        <v>126</v>
      </c>
    </row>
    <row r="248" spans="1:18" ht="10.5" customHeight="1" x14ac:dyDescent="0.15">
      <c r="A248" s="3"/>
      <c r="B248" s="3" t="s">
        <v>1226</v>
      </c>
      <c r="C248" s="12">
        <v>324</v>
      </c>
      <c r="D248" s="12">
        <v>758</v>
      </c>
      <c r="E248" s="12">
        <v>388</v>
      </c>
      <c r="F248" s="12">
        <v>370</v>
      </c>
      <c r="G248" s="12">
        <v>73</v>
      </c>
      <c r="H248" s="12">
        <v>72</v>
      </c>
      <c r="I248" s="12">
        <v>124</v>
      </c>
      <c r="J248" s="12">
        <v>93</v>
      </c>
      <c r="K248" s="12">
        <v>126</v>
      </c>
      <c r="L248" s="12">
        <v>124</v>
      </c>
      <c r="M248" s="12">
        <v>48</v>
      </c>
      <c r="N248" s="12">
        <v>98</v>
      </c>
      <c r="O248" s="12">
        <v>0</v>
      </c>
      <c r="P248" s="12">
        <v>105</v>
      </c>
      <c r="Q248" s="12">
        <v>537</v>
      </c>
      <c r="R248" s="12">
        <v>116</v>
      </c>
    </row>
    <row r="249" spans="1:18" ht="10.5" customHeight="1" x14ac:dyDescent="0.15">
      <c r="A249" s="3"/>
      <c r="B249" s="3" t="s">
        <v>1227</v>
      </c>
      <c r="C249" s="12">
        <v>119</v>
      </c>
      <c r="D249" s="12">
        <v>319</v>
      </c>
      <c r="E249" s="12">
        <v>160</v>
      </c>
      <c r="F249" s="12">
        <v>159</v>
      </c>
      <c r="G249" s="12">
        <v>34</v>
      </c>
      <c r="H249" s="12">
        <v>31</v>
      </c>
      <c r="I249" s="12">
        <v>35</v>
      </c>
      <c r="J249" s="12">
        <v>35</v>
      </c>
      <c r="K249" s="12">
        <v>58</v>
      </c>
      <c r="L249" s="12">
        <v>43</v>
      </c>
      <c r="M249" s="12">
        <v>18</v>
      </c>
      <c r="N249" s="12">
        <v>65</v>
      </c>
      <c r="O249" s="12">
        <v>0</v>
      </c>
      <c r="P249" s="12">
        <v>53</v>
      </c>
      <c r="Q249" s="12">
        <v>192</v>
      </c>
      <c r="R249" s="12">
        <v>74</v>
      </c>
    </row>
    <row r="250" spans="1:18" ht="10.5" customHeight="1" x14ac:dyDescent="0.15">
      <c r="A250" s="3"/>
      <c r="B250" s="3" t="s">
        <v>1228</v>
      </c>
      <c r="C250" s="12">
        <v>86</v>
      </c>
      <c r="D250" s="12">
        <v>225</v>
      </c>
      <c r="E250" s="12">
        <v>119</v>
      </c>
      <c r="F250" s="12">
        <v>106</v>
      </c>
      <c r="G250" s="12">
        <v>34</v>
      </c>
      <c r="H250" s="12">
        <v>20</v>
      </c>
      <c r="I250" s="12">
        <v>34</v>
      </c>
      <c r="J250" s="12">
        <v>42</v>
      </c>
      <c r="K250" s="12">
        <v>31</v>
      </c>
      <c r="L250" s="12">
        <v>30</v>
      </c>
      <c r="M250" s="12">
        <v>20</v>
      </c>
      <c r="N250" s="12">
        <v>14</v>
      </c>
      <c r="O250" s="12">
        <v>0</v>
      </c>
      <c r="P250" s="12">
        <v>46</v>
      </c>
      <c r="Q250" s="12">
        <v>151</v>
      </c>
      <c r="R250" s="12">
        <v>28</v>
      </c>
    </row>
    <row r="251" spans="1:18" ht="10.5" customHeight="1" x14ac:dyDescent="0.15">
      <c r="A251" s="3"/>
      <c r="B251" s="3" t="s">
        <v>1229</v>
      </c>
      <c r="C251" s="12">
        <v>97</v>
      </c>
      <c r="D251" s="12">
        <v>220</v>
      </c>
      <c r="E251" s="12">
        <v>112</v>
      </c>
      <c r="F251" s="12">
        <v>108</v>
      </c>
      <c r="G251" s="12">
        <v>17</v>
      </c>
      <c r="H251" s="12">
        <v>20</v>
      </c>
      <c r="I251" s="12">
        <v>30</v>
      </c>
      <c r="J251" s="12">
        <v>26</v>
      </c>
      <c r="K251" s="12">
        <v>33</v>
      </c>
      <c r="L251" s="12">
        <v>28</v>
      </c>
      <c r="M251" s="12">
        <v>17</v>
      </c>
      <c r="N251" s="12">
        <v>49</v>
      </c>
      <c r="O251" s="12">
        <v>0</v>
      </c>
      <c r="P251" s="12">
        <v>27</v>
      </c>
      <c r="Q251" s="12">
        <v>138</v>
      </c>
      <c r="R251" s="12">
        <v>55</v>
      </c>
    </row>
    <row r="252" spans="1:18" ht="10.5" customHeight="1" x14ac:dyDescent="0.15">
      <c r="A252" s="3"/>
      <c r="B252" s="3" t="s">
        <v>1230</v>
      </c>
      <c r="C252" s="12">
        <v>278</v>
      </c>
      <c r="D252" s="12">
        <v>649</v>
      </c>
      <c r="E252" s="12">
        <v>332</v>
      </c>
      <c r="F252" s="12">
        <v>317</v>
      </c>
      <c r="G252" s="12">
        <v>53</v>
      </c>
      <c r="H252" s="12">
        <v>69</v>
      </c>
      <c r="I252" s="12">
        <v>83</v>
      </c>
      <c r="J252" s="12">
        <v>80</v>
      </c>
      <c r="K252" s="12">
        <v>104</v>
      </c>
      <c r="L252" s="12">
        <v>95</v>
      </c>
      <c r="M252" s="12">
        <v>64</v>
      </c>
      <c r="N252" s="12">
        <v>101</v>
      </c>
      <c r="O252" s="12">
        <v>0</v>
      </c>
      <c r="P252" s="12">
        <v>85</v>
      </c>
      <c r="Q252" s="12">
        <v>428</v>
      </c>
      <c r="R252" s="12">
        <v>136</v>
      </c>
    </row>
    <row r="253" spans="1:18" ht="10.5" customHeight="1" x14ac:dyDescent="0.15">
      <c r="A253" s="3"/>
      <c r="B253" s="3" t="s">
        <v>1231</v>
      </c>
      <c r="C253" s="12">
        <v>375</v>
      </c>
      <c r="D253" s="12">
        <v>929</v>
      </c>
      <c r="E253" s="12">
        <v>454</v>
      </c>
      <c r="F253" s="12">
        <v>475</v>
      </c>
      <c r="G253" s="12">
        <v>104</v>
      </c>
      <c r="H253" s="12">
        <v>88</v>
      </c>
      <c r="I253" s="12">
        <v>119</v>
      </c>
      <c r="J253" s="12">
        <v>137</v>
      </c>
      <c r="K253" s="12">
        <v>130</v>
      </c>
      <c r="L253" s="12">
        <v>144</v>
      </c>
      <c r="M253" s="12">
        <v>94</v>
      </c>
      <c r="N253" s="12">
        <v>113</v>
      </c>
      <c r="O253" s="12">
        <v>0</v>
      </c>
      <c r="P253" s="12">
        <v>159</v>
      </c>
      <c r="Q253" s="12">
        <v>609</v>
      </c>
      <c r="R253" s="12">
        <v>161</v>
      </c>
    </row>
    <row r="254" spans="1:18" ht="10.5" customHeight="1" x14ac:dyDescent="0.15">
      <c r="A254" s="3"/>
      <c r="B254" s="3" t="s">
        <v>1232</v>
      </c>
      <c r="C254" s="12">
        <v>132</v>
      </c>
      <c r="D254" s="12">
        <v>307</v>
      </c>
      <c r="E254" s="12">
        <v>163</v>
      </c>
      <c r="F254" s="12">
        <v>144</v>
      </c>
      <c r="G254" s="12">
        <v>34</v>
      </c>
      <c r="H254" s="12">
        <v>34</v>
      </c>
      <c r="I254" s="12">
        <v>39</v>
      </c>
      <c r="J254" s="12">
        <v>29</v>
      </c>
      <c r="K254" s="12">
        <v>60</v>
      </c>
      <c r="L254" s="12">
        <v>37</v>
      </c>
      <c r="M254" s="12">
        <v>27</v>
      </c>
      <c r="N254" s="12">
        <v>47</v>
      </c>
      <c r="O254" s="12">
        <v>0</v>
      </c>
      <c r="P254" s="12">
        <v>50</v>
      </c>
      <c r="Q254" s="12">
        <v>197</v>
      </c>
      <c r="R254" s="12">
        <v>60</v>
      </c>
    </row>
    <row r="255" spans="1:18" ht="10.5" customHeight="1" x14ac:dyDescent="0.15">
      <c r="A255" s="3"/>
      <c r="B255" s="3" t="s">
        <v>1233</v>
      </c>
      <c r="C255" s="12">
        <v>8</v>
      </c>
      <c r="D255" s="12">
        <v>22</v>
      </c>
      <c r="E255" s="12">
        <v>9</v>
      </c>
      <c r="F255" s="12">
        <v>13</v>
      </c>
      <c r="G255" s="12">
        <v>0</v>
      </c>
      <c r="H255" s="12">
        <v>2</v>
      </c>
      <c r="I255" s="12">
        <v>4</v>
      </c>
      <c r="J255" s="12">
        <v>0</v>
      </c>
      <c r="K255" s="12">
        <v>3</v>
      </c>
      <c r="L255" s="12">
        <v>8</v>
      </c>
      <c r="M255" s="12">
        <v>2</v>
      </c>
      <c r="N255" s="12">
        <v>3</v>
      </c>
      <c r="O255" s="12">
        <v>0</v>
      </c>
      <c r="P255" s="12">
        <v>0</v>
      </c>
      <c r="Q255" s="12">
        <v>18</v>
      </c>
      <c r="R255" s="12">
        <v>4</v>
      </c>
    </row>
    <row r="256" spans="1:18" ht="10.5" customHeight="1" x14ac:dyDescent="0.15">
      <c r="A256" s="3"/>
      <c r="B256" s="3" t="s">
        <v>1234</v>
      </c>
      <c r="C256" s="12">
        <v>4</v>
      </c>
      <c r="D256" s="12">
        <v>10</v>
      </c>
      <c r="E256" s="12">
        <v>5</v>
      </c>
      <c r="F256" s="12">
        <v>5</v>
      </c>
      <c r="G256" s="12" t="s">
        <v>132</v>
      </c>
      <c r="H256" s="12" t="s">
        <v>132</v>
      </c>
      <c r="I256" s="12" t="s">
        <v>132</v>
      </c>
      <c r="J256" s="12" t="s">
        <v>132</v>
      </c>
      <c r="K256" s="12" t="s">
        <v>132</v>
      </c>
      <c r="L256" s="12" t="s">
        <v>132</v>
      </c>
      <c r="M256" s="12" t="s">
        <v>132</v>
      </c>
      <c r="N256" s="12" t="s">
        <v>132</v>
      </c>
      <c r="O256" s="12" t="s">
        <v>132</v>
      </c>
      <c r="P256" s="12" t="s">
        <v>132</v>
      </c>
      <c r="Q256" s="12" t="s">
        <v>132</v>
      </c>
      <c r="R256" s="12" t="s">
        <v>132</v>
      </c>
    </row>
    <row r="257" spans="1:18" ht="10.5" customHeight="1" x14ac:dyDescent="0.15">
      <c r="A257" s="3"/>
      <c r="B257" s="3" t="s">
        <v>1235</v>
      </c>
      <c r="C257" s="12">
        <v>20</v>
      </c>
      <c r="D257" s="12">
        <v>50</v>
      </c>
      <c r="E257" s="12">
        <v>25</v>
      </c>
      <c r="F257" s="12">
        <v>25</v>
      </c>
      <c r="G257" s="12">
        <v>2</v>
      </c>
      <c r="H257" s="12">
        <v>2</v>
      </c>
      <c r="I257" s="12">
        <v>8</v>
      </c>
      <c r="J257" s="12">
        <v>2</v>
      </c>
      <c r="K257" s="12">
        <v>4</v>
      </c>
      <c r="L257" s="12">
        <v>10</v>
      </c>
      <c r="M257" s="12">
        <v>12</v>
      </c>
      <c r="N257" s="12">
        <v>10</v>
      </c>
      <c r="O257" s="12">
        <v>0</v>
      </c>
      <c r="P257" s="12">
        <v>2</v>
      </c>
      <c r="Q257" s="12">
        <v>32</v>
      </c>
      <c r="R257" s="12">
        <v>16</v>
      </c>
    </row>
    <row r="258" spans="1:18" ht="10.5" customHeight="1" x14ac:dyDescent="0.15">
      <c r="A258" s="3"/>
      <c r="B258" s="3" t="s">
        <v>1236</v>
      </c>
      <c r="C258" s="12">
        <v>226</v>
      </c>
      <c r="D258" s="12">
        <v>515</v>
      </c>
      <c r="E258" s="12">
        <v>278</v>
      </c>
      <c r="F258" s="12">
        <v>237</v>
      </c>
      <c r="G258" s="12">
        <v>35</v>
      </c>
      <c r="H258" s="12">
        <v>34</v>
      </c>
      <c r="I258" s="12">
        <v>67</v>
      </c>
      <c r="J258" s="12">
        <v>77</v>
      </c>
      <c r="K258" s="12">
        <v>61</v>
      </c>
      <c r="L258" s="12">
        <v>92</v>
      </c>
      <c r="M258" s="12">
        <v>71</v>
      </c>
      <c r="N258" s="12">
        <v>78</v>
      </c>
      <c r="O258" s="12">
        <v>0</v>
      </c>
      <c r="P258" s="12">
        <v>50</v>
      </c>
      <c r="Q258" s="12">
        <v>352</v>
      </c>
      <c r="R258" s="12">
        <v>113</v>
      </c>
    </row>
    <row r="259" spans="1:18" ht="10.5" customHeight="1" x14ac:dyDescent="0.15">
      <c r="A259" s="3"/>
      <c r="B259" s="3" t="s">
        <v>1237</v>
      </c>
      <c r="C259" s="12">
        <v>365</v>
      </c>
      <c r="D259" s="12">
        <v>701</v>
      </c>
      <c r="E259" s="12">
        <v>352</v>
      </c>
      <c r="F259" s="12">
        <v>349</v>
      </c>
      <c r="G259" s="12">
        <v>71</v>
      </c>
      <c r="H259" s="12">
        <v>36</v>
      </c>
      <c r="I259" s="12">
        <v>96</v>
      </c>
      <c r="J259" s="12">
        <v>131</v>
      </c>
      <c r="K259" s="12">
        <v>106</v>
      </c>
      <c r="L259" s="12">
        <v>89</v>
      </c>
      <c r="M259" s="12">
        <v>74</v>
      </c>
      <c r="N259" s="12">
        <v>98</v>
      </c>
      <c r="O259" s="12">
        <v>0</v>
      </c>
      <c r="P259" s="12">
        <v>86</v>
      </c>
      <c r="Q259" s="12">
        <v>485</v>
      </c>
      <c r="R259" s="12">
        <v>130</v>
      </c>
    </row>
    <row r="260" spans="1:18" ht="10.5" customHeight="1" x14ac:dyDescent="0.15">
      <c r="A260" s="3"/>
      <c r="B260" s="3" t="s">
        <v>1238</v>
      </c>
      <c r="C260" s="12">
        <v>209</v>
      </c>
      <c r="D260" s="12">
        <v>389</v>
      </c>
      <c r="E260" s="12">
        <v>209</v>
      </c>
      <c r="F260" s="12">
        <v>180</v>
      </c>
      <c r="G260" s="12">
        <v>28</v>
      </c>
      <c r="H260" s="12">
        <v>18</v>
      </c>
      <c r="I260" s="12">
        <v>62</v>
      </c>
      <c r="J260" s="12">
        <v>92</v>
      </c>
      <c r="K260" s="12">
        <v>57</v>
      </c>
      <c r="L260" s="12">
        <v>54</v>
      </c>
      <c r="M260" s="12">
        <v>30</v>
      </c>
      <c r="N260" s="12">
        <v>48</v>
      </c>
      <c r="O260" s="12">
        <v>0</v>
      </c>
      <c r="P260" s="12">
        <v>38</v>
      </c>
      <c r="Q260" s="12">
        <v>291</v>
      </c>
      <c r="R260" s="12">
        <v>60</v>
      </c>
    </row>
    <row r="261" spans="1:18" ht="10.5" customHeight="1" x14ac:dyDescent="0.15">
      <c r="A261" s="3"/>
      <c r="B261" s="3" t="s">
        <v>1239</v>
      </c>
      <c r="C261" s="12">
        <v>547</v>
      </c>
      <c r="D261" s="12">
        <v>1178</v>
      </c>
      <c r="E261" s="12">
        <v>551</v>
      </c>
      <c r="F261" s="12">
        <v>627</v>
      </c>
      <c r="G261" s="12">
        <v>89</v>
      </c>
      <c r="H261" s="12">
        <v>107</v>
      </c>
      <c r="I261" s="12">
        <v>152</v>
      </c>
      <c r="J261" s="12">
        <v>139</v>
      </c>
      <c r="K261" s="12">
        <v>193</v>
      </c>
      <c r="L261" s="12">
        <v>177</v>
      </c>
      <c r="M261" s="12">
        <v>111</v>
      </c>
      <c r="N261" s="12">
        <v>210</v>
      </c>
      <c r="O261" s="12">
        <v>0</v>
      </c>
      <c r="P261" s="12">
        <v>142</v>
      </c>
      <c r="Q261" s="12">
        <v>765</v>
      </c>
      <c r="R261" s="12">
        <v>271</v>
      </c>
    </row>
    <row r="262" spans="1:18" ht="10.5" customHeight="1" x14ac:dyDescent="0.15">
      <c r="A262" s="3"/>
      <c r="B262" s="3" t="s">
        <v>1240</v>
      </c>
      <c r="C262" s="12">
        <v>88</v>
      </c>
      <c r="D262" s="12">
        <v>193</v>
      </c>
      <c r="E262" s="12">
        <v>99</v>
      </c>
      <c r="F262" s="12">
        <v>94</v>
      </c>
      <c r="G262" s="12">
        <v>15</v>
      </c>
      <c r="H262" s="12">
        <v>22</v>
      </c>
      <c r="I262" s="12">
        <v>28</v>
      </c>
      <c r="J262" s="12">
        <v>27</v>
      </c>
      <c r="K262" s="12">
        <v>32</v>
      </c>
      <c r="L262" s="12">
        <v>26</v>
      </c>
      <c r="M262" s="12">
        <v>10</v>
      </c>
      <c r="N262" s="12">
        <v>33</v>
      </c>
      <c r="O262" s="12">
        <v>0</v>
      </c>
      <c r="P262" s="12">
        <v>27</v>
      </c>
      <c r="Q262" s="12">
        <v>130</v>
      </c>
      <c r="R262" s="12">
        <v>36</v>
      </c>
    </row>
    <row r="263" spans="1:18" ht="10.5" customHeight="1" x14ac:dyDescent="0.15">
      <c r="A263" s="3"/>
      <c r="B263" s="3" t="s">
        <v>1241</v>
      </c>
      <c r="C263" s="12">
        <v>433</v>
      </c>
      <c r="D263" s="12">
        <v>950</v>
      </c>
      <c r="E263" s="12">
        <v>484</v>
      </c>
      <c r="F263" s="12">
        <v>466</v>
      </c>
      <c r="G263" s="12">
        <v>93</v>
      </c>
      <c r="H263" s="12">
        <v>89</v>
      </c>
      <c r="I263" s="12">
        <v>102</v>
      </c>
      <c r="J263" s="12">
        <v>140</v>
      </c>
      <c r="K263" s="12">
        <v>149</v>
      </c>
      <c r="L263" s="12">
        <v>123</v>
      </c>
      <c r="M263" s="12">
        <v>74</v>
      </c>
      <c r="N263" s="12">
        <v>180</v>
      </c>
      <c r="O263" s="12">
        <v>0</v>
      </c>
      <c r="P263" s="12">
        <v>140</v>
      </c>
      <c r="Q263" s="12">
        <v>585</v>
      </c>
      <c r="R263" s="12">
        <v>225</v>
      </c>
    </row>
    <row r="264" spans="1:18" ht="10.5" customHeight="1" x14ac:dyDescent="0.15">
      <c r="A264" s="3"/>
      <c r="B264" s="3" t="s">
        <v>1242</v>
      </c>
      <c r="C264" s="12">
        <v>165</v>
      </c>
      <c r="D264" s="12">
        <v>357</v>
      </c>
      <c r="E264" s="12">
        <v>199</v>
      </c>
      <c r="F264" s="12">
        <v>158</v>
      </c>
      <c r="G264" s="12">
        <v>28</v>
      </c>
      <c r="H264" s="12">
        <v>31</v>
      </c>
      <c r="I264" s="12">
        <v>69</v>
      </c>
      <c r="J264" s="12">
        <v>51</v>
      </c>
      <c r="K264" s="12">
        <v>49</v>
      </c>
      <c r="L264" s="12">
        <v>63</v>
      </c>
      <c r="M264" s="12">
        <v>37</v>
      </c>
      <c r="N264" s="12">
        <v>29</v>
      </c>
      <c r="O264" s="12">
        <v>0</v>
      </c>
      <c r="P264" s="12">
        <v>43</v>
      </c>
      <c r="Q264" s="12">
        <v>266</v>
      </c>
      <c r="R264" s="12">
        <v>48</v>
      </c>
    </row>
    <row r="265" spans="1:18" ht="10.5" customHeight="1" x14ac:dyDescent="0.15">
      <c r="A265" s="3"/>
      <c r="B265" s="3" t="s">
        <v>1243</v>
      </c>
      <c r="C265" s="12">
        <v>408</v>
      </c>
      <c r="D265" s="12">
        <v>788</v>
      </c>
      <c r="E265" s="12">
        <v>384</v>
      </c>
      <c r="F265" s="12">
        <v>404</v>
      </c>
      <c r="G265" s="12">
        <v>69</v>
      </c>
      <c r="H265" s="12">
        <v>69</v>
      </c>
      <c r="I265" s="12">
        <v>101</v>
      </c>
      <c r="J265" s="12">
        <v>99</v>
      </c>
      <c r="K265" s="12">
        <v>117</v>
      </c>
      <c r="L265" s="12">
        <v>95</v>
      </c>
      <c r="M265" s="12">
        <v>92</v>
      </c>
      <c r="N265" s="12">
        <v>146</v>
      </c>
      <c r="O265" s="12">
        <v>0</v>
      </c>
      <c r="P265" s="12">
        <v>102</v>
      </c>
      <c r="Q265" s="12">
        <v>478</v>
      </c>
      <c r="R265" s="12">
        <v>208</v>
      </c>
    </row>
    <row r="266" spans="1:18" ht="10.5" customHeight="1" x14ac:dyDescent="0.15">
      <c r="A266" s="3"/>
      <c r="B266" s="3" t="s">
        <v>1244</v>
      </c>
      <c r="C266" s="12">
        <v>279</v>
      </c>
      <c r="D266" s="12">
        <v>651</v>
      </c>
      <c r="E266" s="12">
        <v>320</v>
      </c>
      <c r="F266" s="12">
        <v>331</v>
      </c>
      <c r="G266" s="12">
        <v>61</v>
      </c>
      <c r="H266" s="12">
        <v>67</v>
      </c>
      <c r="I266" s="12">
        <v>87</v>
      </c>
      <c r="J266" s="12">
        <v>82</v>
      </c>
      <c r="K266" s="12">
        <v>98</v>
      </c>
      <c r="L266" s="12">
        <v>97</v>
      </c>
      <c r="M266" s="12">
        <v>63</v>
      </c>
      <c r="N266" s="12">
        <v>96</v>
      </c>
      <c r="O266" s="12">
        <v>0</v>
      </c>
      <c r="P266" s="12">
        <v>92</v>
      </c>
      <c r="Q266" s="12">
        <v>430</v>
      </c>
      <c r="R266" s="12">
        <v>129</v>
      </c>
    </row>
    <row r="267" spans="1:18" ht="10.5" customHeight="1" x14ac:dyDescent="0.15">
      <c r="A267" s="3"/>
      <c r="B267" s="3" t="s">
        <v>1245</v>
      </c>
      <c r="C267" s="12">
        <v>501</v>
      </c>
      <c r="D267" s="12">
        <v>1060</v>
      </c>
      <c r="E267" s="12">
        <v>519</v>
      </c>
      <c r="F267" s="12">
        <v>541</v>
      </c>
      <c r="G267" s="12">
        <v>97</v>
      </c>
      <c r="H267" s="12">
        <v>72</v>
      </c>
      <c r="I267" s="12">
        <v>127</v>
      </c>
      <c r="J267" s="12">
        <v>110</v>
      </c>
      <c r="K267" s="12">
        <v>161</v>
      </c>
      <c r="L267" s="12">
        <v>158</v>
      </c>
      <c r="M267" s="12">
        <v>152</v>
      </c>
      <c r="N267" s="12">
        <v>183</v>
      </c>
      <c r="O267" s="12">
        <v>0</v>
      </c>
      <c r="P267" s="12">
        <v>129</v>
      </c>
      <c r="Q267" s="12">
        <v>681</v>
      </c>
      <c r="R267" s="12">
        <v>250</v>
      </c>
    </row>
    <row r="268" spans="1:18" ht="10.5" customHeight="1" x14ac:dyDescent="0.15">
      <c r="A268" s="3"/>
      <c r="B268" s="3" t="s">
        <v>1246</v>
      </c>
      <c r="C268" s="12">
        <v>209</v>
      </c>
      <c r="D268" s="12">
        <v>448</v>
      </c>
      <c r="E268" s="12">
        <v>221</v>
      </c>
      <c r="F268" s="12">
        <v>227</v>
      </c>
      <c r="G268" s="12">
        <v>51</v>
      </c>
      <c r="H268" s="12">
        <v>48</v>
      </c>
      <c r="I268" s="12">
        <v>41</v>
      </c>
      <c r="J268" s="12">
        <v>51</v>
      </c>
      <c r="K268" s="12">
        <v>73</v>
      </c>
      <c r="L268" s="12">
        <v>58</v>
      </c>
      <c r="M268" s="12">
        <v>56</v>
      </c>
      <c r="N268" s="12">
        <v>70</v>
      </c>
      <c r="O268" s="12">
        <v>0</v>
      </c>
      <c r="P268" s="12">
        <v>76</v>
      </c>
      <c r="Q268" s="12">
        <v>278</v>
      </c>
      <c r="R268" s="12">
        <v>94</v>
      </c>
    </row>
    <row r="269" spans="1:18" ht="10.5" customHeight="1" x14ac:dyDescent="0.15">
      <c r="A269" s="3"/>
      <c r="B269" s="3" t="s">
        <v>1247</v>
      </c>
      <c r="C269" s="12">
        <v>428</v>
      </c>
      <c r="D269" s="12">
        <v>909</v>
      </c>
      <c r="E269" s="12">
        <v>469</v>
      </c>
      <c r="F269" s="12">
        <v>440</v>
      </c>
      <c r="G269" s="12">
        <v>58</v>
      </c>
      <c r="H269" s="12">
        <v>82</v>
      </c>
      <c r="I269" s="12">
        <v>95</v>
      </c>
      <c r="J269" s="12">
        <v>89</v>
      </c>
      <c r="K269" s="12">
        <v>103</v>
      </c>
      <c r="L269" s="12">
        <v>147</v>
      </c>
      <c r="M269" s="12">
        <v>155</v>
      </c>
      <c r="N269" s="12">
        <v>180</v>
      </c>
      <c r="O269" s="12">
        <v>0</v>
      </c>
      <c r="P269" s="12">
        <v>100</v>
      </c>
      <c r="Q269" s="12">
        <v>547</v>
      </c>
      <c r="R269" s="12">
        <v>262</v>
      </c>
    </row>
    <row r="270" spans="1:18" ht="10.5" customHeight="1" x14ac:dyDescent="0.15">
      <c r="A270" s="3"/>
      <c r="B270" s="3" t="s">
        <v>1248</v>
      </c>
      <c r="C270" s="12">
        <v>317</v>
      </c>
      <c r="D270" s="12">
        <v>682</v>
      </c>
      <c r="E270" s="12">
        <v>339</v>
      </c>
      <c r="F270" s="12">
        <v>343</v>
      </c>
      <c r="G270" s="12">
        <v>61</v>
      </c>
      <c r="H270" s="12">
        <v>61</v>
      </c>
      <c r="I270" s="12">
        <v>111</v>
      </c>
      <c r="J270" s="12">
        <v>111</v>
      </c>
      <c r="K270" s="12">
        <v>102</v>
      </c>
      <c r="L270" s="12">
        <v>114</v>
      </c>
      <c r="M270" s="12">
        <v>58</v>
      </c>
      <c r="N270" s="12">
        <v>64</v>
      </c>
      <c r="O270" s="12">
        <v>0</v>
      </c>
      <c r="P270" s="12">
        <v>99</v>
      </c>
      <c r="Q270" s="12">
        <v>488</v>
      </c>
      <c r="R270" s="12">
        <v>95</v>
      </c>
    </row>
    <row r="271" spans="1:18" ht="10.5" customHeight="1" x14ac:dyDescent="0.15">
      <c r="A271" s="3"/>
      <c r="B271" s="3" t="s">
        <v>1249</v>
      </c>
      <c r="C271" s="12">
        <v>450</v>
      </c>
      <c r="D271" s="12">
        <v>1000</v>
      </c>
      <c r="E271" s="12">
        <v>527</v>
      </c>
      <c r="F271" s="12">
        <v>473</v>
      </c>
      <c r="G271" s="12">
        <v>98</v>
      </c>
      <c r="H271" s="12">
        <v>100</v>
      </c>
      <c r="I271" s="12">
        <v>124</v>
      </c>
      <c r="J271" s="12">
        <v>121</v>
      </c>
      <c r="K271" s="12">
        <v>156</v>
      </c>
      <c r="L271" s="12">
        <v>176</v>
      </c>
      <c r="M271" s="12">
        <v>98</v>
      </c>
      <c r="N271" s="12">
        <v>127</v>
      </c>
      <c r="O271" s="12">
        <v>0</v>
      </c>
      <c r="P271" s="12">
        <v>146</v>
      </c>
      <c r="Q271" s="12">
        <v>683</v>
      </c>
      <c r="R271" s="12">
        <v>171</v>
      </c>
    </row>
    <row r="272" spans="1:18" ht="10.5" customHeight="1" x14ac:dyDescent="0.15">
      <c r="A272" s="3"/>
      <c r="B272" s="3" t="s">
        <v>1250</v>
      </c>
      <c r="C272" s="12">
        <v>9</v>
      </c>
      <c r="D272" s="12">
        <v>21</v>
      </c>
      <c r="E272" s="12">
        <v>10</v>
      </c>
      <c r="F272" s="12">
        <v>11</v>
      </c>
      <c r="G272" s="12">
        <v>1</v>
      </c>
      <c r="H272" s="12">
        <v>0</v>
      </c>
      <c r="I272" s="12">
        <v>3</v>
      </c>
      <c r="J272" s="12">
        <v>2</v>
      </c>
      <c r="K272" s="12">
        <v>1</v>
      </c>
      <c r="L272" s="12">
        <v>4</v>
      </c>
      <c r="M272" s="12">
        <v>4</v>
      </c>
      <c r="N272" s="12">
        <v>6</v>
      </c>
      <c r="O272" s="12">
        <v>0</v>
      </c>
      <c r="P272" s="12">
        <v>1</v>
      </c>
      <c r="Q272" s="12">
        <v>12</v>
      </c>
      <c r="R272" s="12">
        <v>8</v>
      </c>
    </row>
    <row r="273" spans="1:18" ht="10.5" customHeight="1" x14ac:dyDescent="0.15">
      <c r="A273" s="3"/>
      <c r="B273" s="3" t="s">
        <v>1251</v>
      </c>
      <c r="C273" s="12">
        <v>78</v>
      </c>
      <c r="D273" s="12">
        <v>187</v>
      </c>
      <c r="E273" s="12">
        <v>89</v>
      </c>
      <c r="F273" s="12">
        <v>98</v>
      </c>
      <c r="G273" s="12">
        <v>5</v>
      </c>
      <c r="H273" s="12">
        <v>18</v>
      </c>
      <c r="I273" s="12">
        <v>11</v>
      </c>
      <c r="J273" s="12">
        <v>14</v>
      </c>
      <c r="K273" s="12">
        <v>29</v>
      </c>
      <c r="L273" s="12">
        <v>28</v>
      </c>
      <c r="M273" s="12">
        <v>27</v>
      </c>
      <c r="N273" s="12">
        <v>55</v>
      </c>
      <c r="O273" s="12">
        <v>0</v>
      </c>
      <c r="P273" s="12">
        <v>17</v>
      </c>
      <c r="Q273" s="12">
        <v>95</v>
      </c>
      <c r="R273" s="12">
        <v>75</v>
      </c>
    </row>
    <row r="274" spans="1:18" ht="10.5" customHeight="1" x14ac:dyDescent="0.15">
      <c r="A274" s="3"/>
      <c r="B274" s="3" t="s">
        <v>1252</v>
      </c>
      <c r="C274" s="12">
        <v>108</v>
      </c>
      <c r="D274" s="12">
        <v>229</v>
      </c>
      <c r="E274" s="12">
        <v>107</v>
      </c>
      <c r="F274" s="12">
        <v>122</v>
      </c>
      <c r="G274" s="12">
        <v>8</v>
      </c>
      <c r="H274" s="12">
        <v>23</v>
      </c>
      <c r="I274" s="12">
        <v>20</v>
      </c>
      <c r="J274" s="12">
        <v>19</v>
      </c>
      <c r="K274" s="12">
        <v>26</v>
      </c>
      <c r="L274" s="12">
        <v>36</v>
      </c>
      <c r="M274" s="12">
        <v>24</v>
      </c>
      <c r="N274" s="12">
        <v>73</v>
      </c>
      <c r="O274" s="12">
        <v>0</v>
      </c>
      <c r="P274" s="12">
        <v>22</v>
      </c>
      <c r="Q274" s="12">
        <v>120</v>
      </c>
      <c r="R274" s="12">
        <v>87</v>
      </c>
    </row>
    <row r="275" spans="1:18" ht="10.5" customHeight="1" x14ac:dyDescent="0.15">
      <c r="A275" s="3"/>
      <c r="B275" s="3" t="s">
        <v>1253</v>
      </c>
      <c r="C275" s="12">
        <v>5</v>
      </c>
      <c r="D275" s="12">
        <v>11</v>
      </c>
      <c r="E275" s="12">
        <v>5</v>
      </c>
      <c r="F275" s="12">
        <v>6</v>
      </c>
      <c r="G275" s="12" t="s">
        <v>132</v>
      </c>
      <c r="H275" s="12" t="s">
        <v>132</v>
      </c>
      <c r="I275" s="12" t="s">
        <v>132</v>
      </c>
      <c r="J275" s="12" t="s">
        <v>132</v>
      </c>
      <c r="K275" s="12" t="s">
        <v>132</v>
      </c>
      <c r="L275" s="12" t="s">
        <v>132</v>
      </c>
      <c r="M275" s="12" t="s">
        <v>132</v>
      </c>
      <c r="N275" s="12" t="s">
        <v>132</v>
      </c>
      <c r="O275" s="12" t="s">
        <v>132</v>
      </c>
      <c r="P275" s="12" t="s">
        <v>132</v>
      </c>
      <c r="Q275" s="12" t="s">
        <v>132</v>
      </c>
      <c r="R275" s="12" t="s">
        <v>132</v>
      </c>
    </row>
    <row r="276" spans="1:18" ht="10.5" customHeight="1" x14ac:dyDescent="0.15">
      <c r="A276" s="3"/>
      <c r="B276" s="3" t="s">
        <v>1254</v>
      </c>
      <c r="C276" s="12">
        <v>338</v>
      </c>
      <c r="D276" s="12">
        <v>783</v>
      </c>
      <c r="E276" s="12">
        <v>373</v>
      </c>
      <c r="F276" s="12">
        <v>410</v>
      </c>
      <c r="G276" s="12">
        <v>96</v>
      </c>
      <c r="H276" s="12">
        <v>59</v>
      </c>
      <c r="I276" s="12">
        <v>38</v>
      </c>
      <c r="J276" s="12">
        <v>94</v>
      </c>
      <c r="K276" s="12">
        <v>104</v>
      </c>
      <c r="L276" s="12">
        <v>95</v>
      </c>
      <c r="M276" s="12">
        <v>77</v>
      </c>
      <c r="N276" s="12">
        <v>220</v>
      </c>
      <c r="O276" s="12">
        <v>0</v>
      </c>
      <c r="P276" s="12">
        <v>122</v>
      </c>
      <c r="Q276" s="12">
        <v>400</v>
      </c>
      <c r="R276" s="12">
        <v>261</v>
      </c>
    </row>
    <row r="277" spans="1:18" ht="10.5" customHeight="1" x14ac:dyDescent="0.15">
      <c r="A277" s="3"/>
      <c r="B277" s="3" t="s">
        <v>650</v>
      </c>
      <c r="C277" s="12">
        <v>3</v>
      </c>
      <c r="D277" s="12">
        <v>4</v>
      </c>
      <c r="E277" s="12">
        <v>1</v>
      </c>
      <c r="F277" s="12">
        <v>3</v>
      </c>
      <c r="G277" s="12" t="s">
        <v>132</v>
      </c>
      <c r="H277" s="12" t="s">
        <v>132</v>
      </c>
      <c r="I277" s="12" t="s">
        <v>132</v>
      </c>
      <c r="J277" s="12" t="s">
        <v>132</v>
      </c>
      <c r="K277" s="12" t="s">
        <v>132</v>
      </c>
      <c r="L277" s="12" t="s">
        <v>132</v>
      </c>
      <c r="M277" s="12" t="s">
        <v>132</v>
      </c>
      <c r="N277" s="12" t="s">
        <v>132</v>
      </c>
      <c r="O277" s="12" t="s">
        <v>132</v>
      </c>
      <c r="P277" s="12" t="s">
        <v>132</v>
      </c>
      <c r="Q277" s="12" t="s">
        <v>132</v>
      </c>
      <c r="R277" s="12" t="s">
        <v>132</v>
      </c>
    </row>
    <row r="278" spans="1:18" ht="10.5" customHeight="1" x14ac:dyDescent="0.15">
      <c r="A278" s="3"/>
      <c r="B278" s="3" t="s">
        <v>651</v>
      </c>
      <c r="C278" s="12">
        <v>218</v>
      </c>
      <c r="D278" s="12">
        <v>399</v>
      </c>
      <c r="E278" s="12">
        <v>209</v>
      </c>
      <c r="F278" s="12">
        <v>190</v>
      </c>
      <c r="G278" s="12">
        <v>43</v>
      </c>
      <c r="H278" s="12">
        <v>18</v>
      </c>
      <c r="I278" s="12">
        <v>88</v>
      </c>
      <c r="J278" s="12">
        <v>85</v>
      </c>
      <c r="K278" s="12">
        <v>49</v>
      </c>
      <c r="L278" s="12">
        <v>36</v>
      </c>
      <c r="M278" s="12">
        <v>40</v>
      </c>
      <c r="N278" s="12">
        <v>40</v>
      </c>
      <c r="O278" s="12">
        <v>0</v>
      </c>
      <c r="P278" s="12">
        <v>49</v>
      </c>
      <c r="Q278" s="12">
        <v>292</v>
      </c>
      <c r="R278" s="12">
        <v>58</v>
      </c>
    </row>
    <row r="279" spans="1:18" ht="10.5" customHeight="1" x14ac:dyDescent="0.15">
      <c r="A279" s="3"/>
      <c r="B279" s="3" t="s">
        <v>652</v>
      </c>
      <c r="C279" s="12">
        <v>117</v>
      </c>
      <c r="D279" s="12">
        <v>220</v>
      </c>
      <c r="E279" s="12">
        <v>125</v>
      </c>
      <c r="F279" s="12">
        <v>95</v>
      </c>
      <c r="G279" s="12">
        <v>25</v>
      </c>
      <c r="H279" s="12">
        <v>16</v>
      </c>
      <c r="I279" s="12">
        <v>32</v>
      </c>
      <c r="J279" s="12">
        <v>43</v>
      </c>
      <c r="K279" s="12">
        <v>33</v>
      </c>
      <c r="L279" s="12">
        <v>20</v>
      </c>
      <c r="M279" s="12">
        <v>19</v>
      </c>
      <c r="N279" s="12">
        <v>32</v>
      </c>
      <c r="O279" s="12">
        <v>0</v>
      </c>
      <c r="P279" s="12">
        <v>32</v>
      </c>
      <c r="Q279" s="12">
        <v>145</v>
      </c>
      <c r="R279" s="12">
        <v>43</v>
      </c>
    </row>
    <row r="280" spans="1:18" ht="10.5" customHeight="1" x14ac:dyDescent="0.15">
      <c r="A280" s="3"/>
      <c r="B280" s="3" t="s">
        <v>1255</v>
      </c>
      <c r="C280" s="12">
        <v>323</v>
      </c>
      <c r="D280" s="12">
        <v>764</v>
      </c>
      <c r="E280" s="12">
        <v>385</v>
      </c>
      <c r="F280" s="12">
        <v>379</v>
      </c>
      <c r="G280" s="12">
        <v>70</v>
      </c>
      <c r="H280" s="12">
        <v>91</v>
      </c>
      <c r="I280" s="12">
        <v>112</v>
      </c>
      <c r="J280" s="12">
        <v>93</v>
      </c>
      <c r="K280" s="12">
        <v>136</v>
      </c>
      <c r="L280" s="12">
        <v>105</v>
      </c>
      <c r="M280" s="12">
        <v>61</v>
      </c>
      <c r="N280" s="12">
        <v>96</v>
      </c>
      <c r="O280" s="12">
        <v>0</v>
      </c>
      <c r="P280" s="12">
        <v>115</v>
      </c>
      <c r="Q280" s="12">
        <v>525</v>
      </c>
      <c r="R280" s="12">
        <v>124</v>
      </c>
    </row>
    <row r="281" spans="1:18" ht="10.5" customHeight="1" x14ac:dyDescent="0.15">
      <c r="A281" s="3"/>
      <c r="B281" s="3" t="s">
        <v>1256</v>
      </c>
      <c r="C281" s="12">
        <v>535</v>
      </c>
      <c r="D281" s="12">
        <v>1182</v>
      </c>
      <c r="E281" s="12">
        <v>615</v>
      </c>
      <c r="F281" s="12">
        <v>567</v>
      </c>
      <c r="G281" s="12">
        <v>98</v>
      </c>
      <c r="H281" s="12">
        <v>122</v>
      </c>
      <c r="I281" s="12">
        <v>172</v>
      </c>
      <c r="J281" s="12">
        <v>132</v>
      </c>
      <c r="K281" s="12">
        <v>205</v>
      </c>
      <c r="L281" s="12">
        <v>174</v>
      </c>
      <c r="M281" s="12">
        <v>111</v>
      </c>
      <c r="N281" s="12">
        <v>168</v>
      </c>
      <c r="O281" s="12">
        <v>0</v>
      </c>
      <c r="P281" s="12">
        <v>152</v>
      </c>
      <c r="Q281" s="12">
        <v>810</v>
      </c>
      <c r="R281" s="12">
        <v>220</v>
      </c>
    </row>
    <row r="282" spans="1:18" ht="10.5" customHeight="1" x14ac:dyDescent="0.15">
      <c r="A282" s="3"/>
      <c r="B282" s="3" t="s">
        <v>1257</v>
      </c>
      <c r="C282" s="12">
        <v>892</v>
      </c>
      <c r="D282" s="12">
        <v>1886</v>
      </c>
      <c r="E282" s="12">
        <v>857</v>
      </c>
      <c r="F282" s="12">
        <v>1029</v>
      </c>
      <c r="G282" s="12">
        <v>128</v>
      </c>
      <c r="H282" s="12">
        <v>197</v>
      </c>
      <c r="I282" s="12">
        <v>200</v>
      </c>
      <c r="J282" s="12">
        <v>168</v>
      </c>
      <c r="K282" s="12">
        <v>224</v>
      </c>
      <c r="L282" s="12">
        <v>286</v>
      </c>
      <c r="M282" s="12">
        <v>230</v>
      </c>
      <c r="N282" s="12">
        <v>453</v>
      </c>
      <c r="O282" s="12">
        <v>0</v>
      </c>
      <c r="P282" s="12">
        <v>226</v>
      </c>
      <c r="Q282" s="12">
        <v>1090</v>
      </c>
      <c r="R282" s="12">
        <v>570</v>
      </c>
    </row>
    <row r="283" spans="1:18" ht="10.5" customHeight="1" x14ac:dyDescent="0.15">
      <c r="A283" s="3"/>
      <c r="B283" s="3" t="s">
        <v>1258</v>
      </c>
      <c r="C283" s="12">
        <v>530</v>
      </c>
      <c r="D283" s="12">
        <v>1080</v>
      </c>
      <c r="E283" s="12">
        <v>547</v>
      </c>
      <c r="F283" s="12">
        <v>533</v>
      </c>
      <c r="G283" s="12">
        <v>83</v>
      </c>
      <c r="H283" s="12">
        <v>100</v>
      </c>
      <c r="I283" s="12">
        <v>203</v>
      </c>
      <c r="J283" s="12">
        <v>163</v>
      </c>
      <c r="K283" s="12">
        <v>150</v>
      </c>
      <c r="L283" s="12">
        <v>146</v>
      </c>
      <c r="M283" s="12">
        <v>94</v>
      </c>
      <c r="N283" s="12">
        <v>141</v>
      </c>
      <c r="O283" s="12">
        <v>0</v>
      </c>
      <c r="P283" s="12">
        <v>133</v>
      </c>
      <c r="Q283" s="12">
        <v>765</v>
      </c>
      <c r="R283" s="12">
        <v>182</v>
      </c>
    </row>
    <row r="284" spans="1:18" ht="10.5" customHeight="1" x14ac:dyDescent="0.15">
      <c r="A284" s="3"/>
      <c r="B284" s="3" t="s">
        <v>1259</v>
      </c>
      <c r="C284" s="12">
        <v>372</v>
      </c>
      <c r="D284" s="12">
        <v>725</v>
      </c>
      <c r="E284" s="12">
        <v>336</v>
      </c>
      <c r="F284" s="12">
        <v>389</v>
      </c>
      <c r="G284" s="12">
        <v>42</v>
      </c>
      <c r="H284" s="12">
        <v>77</v>
      </c>
      <c r="I284" s="12">
        <v>77</v>
      </c>
      <c r="J284" s="12">
        <v>51</v>
      </c>
      <c r="K284" s="12">
        <v>91</v>
      </c>
      <c r="L284" s="12">
        <v>98</v>
      </c>
      <c r="M284" s="12">
        <v>95</v>
      </c>
      <c r="N284" s="12">
        <v>194</v>
      </c>
      <c r="O284" s="12">
        <v>0</v>
      </c>
      <c r="P284" s="12">
        <v>68</v>
      </c>
      <c r="Q284" s="12">
        <v>406</v>
      </c>
      <c r="R284" s="12">
        <v>251</v>
      </c>
    </row>
    <row r="285" spans="1:18" ht="10.5" customHeight="1" x14ac:dyDescent="0.15">
      <c r="A285" s="3"/>
      <c r="B285" s="3"/>
      <c r="C285" s="12"/>
      <c r="D285" s="12"/>
      <c r="E285" s="12"/>
      <c r="F285" s="12"/>
      <c r="G285" s="12"/>
      <c r="H285" s="12"/>
      <c r="I285" s="12"/>
      <c r="J285" s="12"/>
      <c r="K285" s="12"/>
      <c r="L285" s="12"/>
      <c r="M285" s="12"/>
      <c r="N285" s="12"/>
      <c r="O285" s="12"/>
      <c r="P285" s="12"/>
      <c r="Q285" s="12"/>
      <c r="R285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6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1260</v>
      </c>
      <c r="B6" s="3"/>
      <c r="C6" s="12">
        <v>69728</v>
      </c>
      <c r="D6" s="12">
        <v>144363</v>
      </c>
      <c r="E6" s="12">
        <v>73020</v>
      </c>
      <c r="F6" s="12">
        <v>71343</v>
      </c>
      <c r="G6" s="12">
        <v>10028</v>
      </c>
      <c r="H6" s="12">
        <v>13021</v>
      </c>
      <c r="I6" s="12">
        <v>16210</v>
      </c>
      <c r="J6" s="12">
        <v>16092</v>
      </c>
      <c r="K6" s="12">
        <v>20729</v>
      </c>
      <c r="L6" s="12">
        <v>20237</v>
      </c>
      <c r="M6" s="12">
        <v>17033</v>
      </c>
      <c r="N6" s="12">
        <v>31013</v>
      </c>
      <c r="O6" s="12">
        <v>0</v>
      </c>
      <c r="P6" s="12">
        <v>16413</v>
      </c>
      <c r="Q6" s="12">
        <v>88262</v>
      </c>
      <c r="R6" s="12">
        <v>39688</v>
      </c>
    </row>
    <row r="7" spans="1:18" s="4" customFormat="1" x14ac:dyDescent="0.15">
      <c r="A7" s="3"/>
      <c r="B7" s="3" t="s">
        <v>1261</v>
      </c>
      <c r="C7" s="12">
        <v>630</v>
      </c>
      <c r="D7" s="12">
        <v>1331</v>
      </c>
      <c r="E7" s="12">
        <v>692</v>
      </c>
      <c r="F7" s="12">
        <v>639</v>
      </c>
      <c r="G7" s="12">
        <v>131</v>
      </c>
      <c r="H7" s="12">
        <v>138</v>
      </c>
      <c r="I7" s="12">
        <v>227</v>
      </c>
      <c r="J7" s="12">
        <v>188</v>
      </c>
      <c r="K7" s="12">
        <v>223</v>
      </c>
      <c r="L7" s="12">
        <v>199</v>
      </c>
      <c r="M7" s="12">
        <v>94</v>
      </c>
      <c r="N7" s="12">
        <v>131</v>
      </c>
      <c r="O7" s="12">
        <v>0</v>
      </c>
      <c r="P7" s="12">
        <v>197</v>
      </c>
      <c r="Q7" s="12">
        <v>956</v>
      </c>
      <c r="R7" s="12">
        <v>178</v>
      </c>
    </row>
    <row r="8" spans="1:18" s="4" customFormat="1" x14ac:dyDescent="0.15">
      <c r="A8" s="3"/>
      <c r="B8" s="3" t="s">
        <v>1262</v>
      </c>
      <c r="C8" s="12">
        <v>1222</v>
      </c>
      <c r="D8" s="12">
        <v>2646</v>
      </c>
      <c r="E8" s="12">
        <v>1320</v>
      </c>
      <c r="F8" s="12">
        <v>1326</v>
      </c>
      <c r="G8" s="12">
        <v>152</v>
      </c>
      <c r="H8" s="12">
        <v>221</v>
      </c>
      <c r="I8" s="12">
        <v>267</v>
      </c>
      <c r="J8" s="12">
        <v>255</v>
      </c>
      <c r="K8" s="12">
        <v>339</v>
      </c>
      <c r="L8" s="12">
        <v>427</v>
      </c>
      <c r="M8" s="12">
        <v>355</v>
      </c>
      <c r="N8" s="12">
        <v>630</v>
      </c>
      <c r="O8" s="12">
        <v>0</v>
      </c>
      <c r="P8" s="12">
        <v>266</v>
      </c>
      <c r="Q8" s="12">
        <v>1566</v>
      </c>
      <c r="R8" s="12">
        <v>814</v>
      </c>
    </row>
    <row r="9" spans="1:18" s="4" customFormat="1" x14ac:dyDescent="0.15">
      <c r="A9" s="3"/>
      <c r="B9" s="3" t="s">
        <v>1263</v>
      </c>
      <c r="C9" s="12">
        <v>384</v>
      </c>
      <c r="D9" s="12">
        <v>705</v>
      </c>
      <c r="E9" s="12">
        <v>388</v>
      </c>
      <c r="F9" s="12">
        <v>317</v>
      </c>
      <c r="G9" s="12">
        <v>30</v>
      </c>
      <c r="H9" s="12">
        <v>68</v>
      </c>
      <c r="I9" s="12">
        <v>99</v>
      </c>
      <c r="J9" s="12">
        <v>94</v>
      </c>
      <c r="K9" s="12">
        <v>124</v>
      </c>
      <c r="L9" s="12">
        <v>108</v>
      </c>
      <c r="M9" s="12">
        <v>57</v>
      </c>
      <c r="N9" s="12">
        <v>125</v>
      </c>
      <c r="O9" s="12">
        <v>0</v>
      </c>
      <c r="P9" s="12">
        <v>58</v>
      </c>
      <c r="Q9" s="12">
        <v>494</v>
      </c>
      <c r="R9" s="12">
        <v>153</v>
      </c>
    </row>
    <row r="10" spans="1:18" s="4" customFormat="1" x14ac:dyDescent="0.15">
      <c r="A10" s="3"/>
      <c r="B10" s="3" t="s">
        <v>1264</v>
      </c>
      <c r="C10" s="12">
        <v>744</v>
      </c>
      <c r="D10" s="12">
        <v>1537</v>
      </c>
      <c r="E10" s="12">
        <v>759</v>
      </c>
      <c r="F10" s="12">
        <v>778</v>
      </c>
      <c r="G10" s="12">
        <v>68</v>
      </c>
      <c r="H10" s="12">
        <v>154</v>
      </c>
      <c r="I10" s="12">
        <v>180</v>
      </c>
      <c r="J10" s="12">
        <v>116</v>
      </c>
      <c r="K10" s="12">
        <v>220</v>
      </c>
      <c r="L10" s="12">
        <v>228</v>
      </c>
      <c r="M10" s="12">
        <v>197</v>
      </c>
      <c r="N10" s="12">
        <v>374</v>
      </c>
      <c r="O10" s="12">
        <v>0</v>
      </c>
      <c r="P10" s="12">
        <v>134</v>
      </c>
      <c r="Q10" s="12">
        <v>922</v>
      </c>
      <c r="R10" s="12">
        <v>481</v>
      </c>
    </row>
    <row r="11" spans="1:18" s="4" customFormat="1" x14ac:dyDescent="0.15">
      <c r="A11" s="3"/>
      <c r="B11" s="3" t="s">
        <v>1265</v>
      </c>
      <c r="C11" s="12">
        <v>231</v>
      </c>
      <c r="D11" s="12">
        <v>496</v>
      </c>
      <c r="E11" s="12">
        <v>243</v>
      </c>
      <c r="F11" s="12">
        <v>253</v>
      </c>
      <c r="G11" s="12">
        <v>32</v>
      </c>
      <c r="H11" s="12">
        <v>46</v>
      </c>
      <c r="I11" s="12">
        <v>47</v>
      </c>
      <c r="J11" s="12">
        <v>50</v>
      </c>
      <c r="K11" s="12">
        <v>41</v>
      </c>
      <c r="L11" s="12">
        <v>63</v>
      </c>
      <c r="M11" s="12">
        <v>84</v>
      </c>
      <c r="N11" s="12">
        <v>133</v>
      </c>
      <c r="O11" s="12">
        <v>0</v>
      </c>
      <c r="P11" s="12">
        <v>58</v>
      </c>
      <c r="Q11" s="12">
        <v>262</v>
      </c>
      <c r="R11" s="12">
        <v>176</v>
      </c>
    </row>
    <row r="12" spans="1:18" s="4" customFormat="1" x14ac:dyDescent="0.15">
      <c r="A12" s="3"/>
      <c r="B12" s="3" t="s">
        <v>1266</v>
      </c>
      <c r="C12" s="12">
        <v>1057</v>
      </c>
      <c r="D12" s="12">
        <v>2058</v>
      </c>
      <c r="E12" s="12">
        <v>920</v>
      </c>
      <c r="F12" s="12">
        <v>1138</v>
      </c>
      <c r="G12" s="12">
        <v>152</v>
      </c>
      <c r="H12" s="12">
        <v>209</v>
      </c>
      <c r="I12" s="12">
        <v>149</v>
      </c>
      <c r="J12" s="12">
        <v>147</v>
      </c>
      <c r="K12" s="12">
        <v>262</v>
      </c>
      <c r="L12" s="12">
        <v>223</v>
      </c>
      <c r="M12" s="12">
        <v>263</v>
      </c>
      <c r="N12" s="12">
        <v>653</v>
      </c>
      <c r="O12" s="12">
        <v>0</v>
      </c>
      <c r="P12" s="12">
        <v>248</v>
      </c>
      <c r="Q12" s="12">
        <v>996</v>
      </c>
      <c r="R12" s="12">
        <v>814</v>
      </c>
    </row>
    <row r="13" spans="1:18" s="4" customFormat="1" x14ac:dyDescent="0.15">
      <c r="A13" s="3"/>
      <c r="B13" s="3" t="s">
        <v>1267</v>
      </c>
      <c r="C13" s="12">
        <v>708</v>
      </c>
      <c r="D13" s="12">
        <v>1239</v>
      </c>
      <c r="E13" s="12">
        <v>596</v>
      </c>
      <c r="F13" s="12">
        <v>643</v>
      </c>
      <c r="G13" s="12">
        <v>48</v>
      </c>
      <c r="H13" s="12">
        <v>81</v>
      </c>
      <c r="I13" s="12">
        <v>70</v>
      </c>
      <c r="J13" s="12">
        <v>100</v>
      </c>
      <c r="K13" s="12">
        <v>150</v>
      </c>
      <c r="L13" s="12">
        <v>148</v>
      </c>
      <c r="M13" s="12">
        <v>180</v>
      </c>
      <c r="N13" s="12">
        <v>462</v>
      </c>
      <c r="O13" s="12">
        <v>0</v>
      </c>
      <c r="P13" s="12">
        <v>86</v>
      </c>
      <c r="Q13" s="12">
        <v>584</v>
      </c>
      <c r="R13" s="12">
        <v>569</v>
      </c>
    </row>
    <row r="14" spans="1:18" s="4" customFormat="1" x14ac:dyDescent="0.15">
      <c r="A14" s="3"/>
      <c r="B14" s="3" t="s">
        <v>1268</v>
      </c>
      <c r="C14" s="12">
        <v>15</v>
      </c>
      <c r="D14" s="12">
        <v>30</v>
      </c>
      <c r="E14" s="12">
        <v>15</v>
      </c>
      <c r="F14" s="12">
        <v>15</v>
      </c>
      <c r="G14" s="12">
        <v>4</v>
      </c>
      <c r="H14" s="12">
        <v>1</v>
      </c>
      <c r="I14" s="12">
        <v>3</v>
      </c>
      <c r="J14" s="12">
        <v>5</v>
      </c>
      <c r="K14" s="12">
        <v>7</v>
      </c>
      <c r="L14" s="12">
        <v>3</v>
      </c>
      <c r="M14" s="12">
        <v>3</v>
      </c>
      <c r="N14" s="12">
        <v>4</v>
      </c>
      <c r="O14" s="12">
        <v>0</v>
      </c>
      <c r="P14" s="12">
        <v>4</v>
      </c>
      <c r="Q14" s="12">
        <v>19</v>
      </c>
      <c r="R14" s="12">
        <v>7</v>
      </c>
    </row>
    <row r="15" spans="1:18" s="4" customFormat="1" x14ac:dyDescent="0.15">
      <c r="A15" s="3"/>
      <c r="B15" s="3" t="s">
        <v>1269</v>
      </c>
      <c r="C15" s="12">
        <v>719</v>
      </c>
      <c r="D15" s="12">
        <v>1625</v>
      </c>
      <c r="E15" s="12">
        <v>817</v>
      </c>
      <c r="F15" s="12">
        <v>808</v>
      </c>
      <c r="G15" s="12">
        <v>109</v>
      </c>
      <c r="H15" s="12">
        <v>159</v>
      </c>
      <c r="I15" s="12">
        <v>172</v>
      </c>
      <c r="J15" s="12">
        <v>230</v>
      </c>
      <c r="K15" s="12">
        <v>247</v>
      </c>
      <c r="L15" s="12">
        <v>245</v>
      </c>
      <c r="M15" s="12">
        <v>227</v>
      </c>
      <c r="N15" s="12">
        <v>236</v>
      </c>
      <c r="O15" s="12">
        <v>0</v>
      </c>
      <c r="P15" s="12">
        <v>188</v>
      </c>
      <c r="Q15" s="12">
        <v>1089</v>
      </c>
      <c r="R15" s="12">
        <v>348</v>
      </c>
    </row>
    <row r="16" spans="1:18" s="4" customFormat="1" x14ac:dyDescent="0.15">
      <c r="A16" s="3"/>
      <c r="B16" s="3" t="s">
        <v>1270</v>
      </c>
      <c r="C16" s="12">
        <v>644</v>
      </c>
      <c r="D16" s="12">
        <v>1312</v>
      </c>
      <c r="E16" s="12">
        <v>675</v>
      </c>
      <c r="F16" s="12">
        <v>637</v>
      </c>
      <c r="G16" s="12">
        <v>93</v>
      </c>
      <c r="H16" s="12">
        <v>130</v>
      </c>
      <c r="I16" s="12">
        <v>131</v>
      </c>
      <c r="J16" s="12">
        <v>142</v>
      </c>
      <c r="K16" s="12">
        <v>222</v>
      </c>
      <c r="L16" s="12">
        <v>182</v>
      </c>
      <c r="M16" s="12">
        <v>163</v>
      </c>
      <c r="N16" s="12">
        <v>249</v>
      </c>
      <c r="O16" s="12">
        <v>0</v>
      </c>
      <c r="P16" s="12">
        <v>166</v>
      </c>
      <c r="Q16" s="12">
        <v>806</v>
      </c>
      <c r="R16" s="12">
        <v>340</v>
      </c>
    </row>
    <row r="17" spans="1:18" s="4" customFormat="1" x14ac:dyDescent="0.15">
      <c r="A17" s="3"/>
      <c r="B17" s="3" t="s">
        <v>1271</v>
      </c>
      <c r="C17" s="12">
        <v>278</v>
      </c>
      <c r="D17" s="12">
        <v>507</v>
      </c>
      <c r="E17" s="12">
        <v>249</v>
      </c>
      <c r="F17" s="12">
        <v>258</v>
      </c>
      <c r="G17" s="12">
        <v>20</v>
      </c>
      <c r="H17" s="12">
        <v>20</v>
      </c>
      <c r="I17" s="12">
        <v>45</v>
      </c>
      <c r="J17" s="12">
        <v>48</v>
      </c>
      <c r="K17" s="12">
        <v>58</v>
      </c>
      <c r="L17" s="12">
        <v>99</v>
      </c>
      <c r="M17" s="12">
        <v>69</v>
      </c>
      <c r="N17" s="12">
        <v>148</v>
      </c>
      <c r="O17" s="12">
        <v>0</v>
      </c>
      <c r="P17" s="12">
        <v>26</v>
      </c>
      <c r="Q17" s="12">
        <v>290</v>
      </c>
      <c r="R17" s="12">
        <v>191</v>
      </c>
    </row>
    <row r="18" spans="1:18" s="4" customFormat="1" x14ac:dyDescent="0.15">
      <c r="A18" s="3"/>
      <c r="B18" s="3" t="s">
        <v>1272</v>
      </c>
      <c r="C18" s="12">
        <v>259</v>
      </c>
      <c r="D18" s="12">
        <v>522</v>
      </c>
      <c r="E18" s="12">
        <v>268</v>
      </c>
      <c r="F18" s="12">
        <v>254</v>
      </c>
      <c r="G18" s="12">
        <v>58</v>
      </c>
      <c r="H18" s="12">
        <v>46</v>
      </c>
      <c r="I18" s="12">
        <v>29</v>
      </c>
      <c r="J18" s="12">
        <v>100</v>
      </c>
      <c r="K18" s="12">
        <v>100</v>
      </c>
      <c r="L18" s="12">
        <v>57</v>
      </c>
      <c r="M18" s="12">
        <v>58</v>
      </c>
      <c r="N18" s="12">
        <v>74</v>
      </c>
      <c r="O18" s="12">
        <v>0</v>
      </c>
      <c r="P18" s="12">
        <v>90</v>
      </c>
      <c r="Q18" s="12">
        <v>327</v>
      </c>
      <c r="R18" s="12">
        <v>105</v>
      </c>
    </row>
    <row r="19" spans="1:18" s="4" customFormat="1" x14ac:dyDescent="0.15">
      <c r="A19" s="3"/>
      <c r="B19" s="3" t="s">
        <v>1273</v>
      </c>
      <c r="C19" s="12">
        <v>775</v>
      </c>
      <c r="D19" s="12">
        <v>1656</v>
      </c>
      <c r="E19" s="12">
        <v>842</v>
      </c>
      <c r="F19" s="12">
        <v>814</v>
      </c>
      <c r="G19" s="12">
        <v>102</v>
      </c>
      <c r="H19" s="12">
        <v>171</v>
      </c>
      <c r="I19" s="12">
        <v>173</v>
      </c>
      <c r="J19" s="12">
        <v>156</v>
      </c>
      <c r="K19" s="12">
        <v>317</v>
      </c>
      <c r="L19" s="12">
        <v>235</v>
      </c>
      <c r="M19" s="12">
        <v>164</v>
      </c>
      <c r="N19" s="12">
        <v>338</v>
      </c>
      <c r="O19" s="12">
        <v>0</v>
      </c>
      <c r="P19" s="12">
        <v>170</v>
      </c>
      <c r="Q19" s="12">
        <v>1056</v>
      </c>
      <c r="R19" s="12">
        <v>430</v>
      </c>
    </row>
    <row r="20" spans="1:18" s="4" customFormat="1" x14ac:dyDescent="0.15">
      <c r="A20" s="3"/>
      <c r="B20" s="3" t="s">
        <v>1274</v>
      </c>
      <c r="C20" s="12">
        <v>531</v>
      </c>
      <c r="D20" s="12">
        <v>1142</v>
      </c>
      <c r="E20" s="12">
        <v>602</v>
      </c>
      <c r="F20" s="12">
        <v>540</v>
      </c>
      <c r="G20" s="12">
        <v>60</v>
      </c>
      <c r="H20" s="12">
        <v>100</v>
      </c>
      <c r="I20" s="12">
        <v>108</v>
      </c>
      <c r="J20" s="12">
        <v>126</v>
      </c>
      <c r="K20" s="12">
        <v>138</v>
      </c>
      <c r="L20" s="12">
        <v>152</v>
      </c>
      <c r="M20" s="12">
        <v>152</v>
      </c>
      <c r="N20" s="12">
        <v>306</v>
      </c>
      <c r="O20" s="12">
        <v>0</v>
      </c>
      <c r="P20" s="12">
        <v>104</v>
      </c>
      <c r="Q20" s="12">
        <v>656</v>
      </c>
      <c r="R20" s="12">
        <v>382</v>
      </c>
    </row>
    <row r="21" spans="1:18" s="4" customFormat="1" x14ac:dyDescent="0.15">
      <c r="A21" s="3"/>
      <c r="B21" s="3" t="s">
        <v>1275</v>
      </c>
      <c r="C21" s="12">
        <v>661</v>
      </c>
      <c r="D21" s="12">
        <v>1407</v>
      </c>
      <c r="E21" s="12">
        <v>732</v>
      </c>
      <c r="F21" s="12">
        <v>675</v>
      </c>
      <c r="G21" s="12">
        <v>122</v>
      </c>
      <c r="H21" s="12">
        <v>115</v>
      </c>
      <c r="I21" s="12">
        <v>178</v>
      </c>
      <c r="J21" s="12">
        <v>195</v>
      </c>
      <c r="K21" s="12">
        <v>212</v>
      </c>
      <c r="L21" s="12">
        <v>194</v>
      </c>
      <c r="M21" s="12">
        <v>134</v>
      </c>
      <c r="N21" s="12">
        <v>257</v>
      </c>
      <c r="O21" s="12">
        <v>0</v>
      </c>
      <c r="P21" s="12">
        <v>189</v>
      </c>
      <c r="Q21" s="12">
        <v>894</v>
      </c>
      <c r="R21" s="12">
        <v>324</v>
      </c>
    </row>
    <row r="22" spans="1:18" s="4" customFormat="1" x14ac:dyDescent="0.15">
      <c r="A22" s="3"/>
      <c r="B22" s="3" t="s">
        <v>1276</v>
      </c>
      <c r="C22" s="12">
        <v>509</v>
      </c>
      <c r="D22" s="12">
        <v>988</v>
      </c>
      <c r="E22" s="12">
        <v>537</v>
      </c>
      <c r="F22" s="12">
        <v>451</v>
      </c>
      <c r="G22" s="12">
        <v>57</v>
      </c>
      <c r="H22" s="12">
        <v>107</v>
      </c>
      <c r="I22" s="12">
        <v>168</v>
      </c>
      <c r="J22" s="12">
        <v>121</v>
      </c>
      <c r="K22" s="12">
        <v>170</v>
      </c>
      <c r="L22" s="12">
        <v>139</v>
      </c>
      <c r="M22" s="12">
        <v>99</v>
      </c>
      <c r="N22" s="12">
        <v>127</v>
      </c>
      <c r="O22" s="12">
        <v>0</v>
      </c>
      <c r="P22" s="12">
        <v>108</v>
      </c>
      <c r="Q22" s="12">
        <v>700</v>
      </c>
      <c r="R22" s="12">
        <v>180</v>
      </c>
    </row>
    <row r="23" spans="1:18" s="4" customFormat="1" x14ac:dyDescent="0.15">
      <c r="A23" s="3"/>
      <c r="B23" s="3" t="s">
        <v>1277</v>
      </c>
      <c r="C23" s="12">
        <v>437</v>
      </c>
      <c r="D23" s="12">
        <v>872</v>
      </c>
      <c r="E23" s="12">
        <v>478</v>
      </c>
      <c r="F23" s="12">
        <v>394</v>
      </c>
      <c r="G23" s="12">
        <v>69</v>
      </c>
      <c r="H23" s="12">
        <v>79</v>
      </c>
      <c r="I23" s="12">
        <v>115</v>
      </c>
      <c r="J23" s="12">
        <v>121</v>
      </c>
      <c r="K23" s="12">
        <v>132</v>
      </c>
      <c r="L23" s="12">
        <v>132</v>
      </c>
      <c r="M23" s="12">
        <v>78</v>
      </c>
      <c r="N23" s="12">
        <v>146</v>
      </c>
      <c r="O23" s="12">
        <v>0</v>
      </c>
      <c r="P23" s="12">
        <v>105</v>
      </c>
      <c r="Q23" s="12">
        <v>589</v>
      </c>
      <c r="R23" s="12">
        <v>178</v>
      </c>
    </row>
    <row r="24" spans="1:18" s="4" customFormat="1" x14ac:dyDescent="0.15">
      <c r="A24" s="3"/>
      <c r="B24" s="3" t="s">
        <v>1278</v>
      </c>
      <c r="C24" s="12">
        <v>857</v>
      </c>
      <c r="D24" s="12">
        <v>1947</v>
      </c>
      <c r="E24" s="12">
        <v>971</v>
      </c>
      <c r="F24" s="12">
        <v>976</v>
      </c>
      <c r="G24" s="12">
        <v>150</v>
      </c>
      <c r="H24" s="12">
        <v>203</v>
      </c>
      <c r="I24" s="12">
        <v>260</v>
      </c>
      <c r="J24" s="12">
        <v>222</v>
      </c>
      <c r="K24" s="12">
        <v>295</v>
      </c>
      <c r="L24" s="12">
        <v>311</v>
      </c>
      <c r="M24" s="12">
        <v>177</v>
      </c>
      <c r="N24" s="12">
        <v>329</v>
      </c>
      <c r="O24" s="12">
        <v>0</v>
      </c>
      <c r="P24" s="12">
        <v>241</v>
      </c>
      <c r="Q24" s="12">
        <v>1281</v>
      </c>
      <c r="R24" s="12">
        <v>425</v>
      </c>
    </row>
    <row r="25" spans="1:18" s="4" customFormat="1" x14ac:dyDescent="0.15">
      <c r="A25" s="3"/>
      <c r="B25" s="3" t="s">
        <v>1279</v>
      </c>
      <c r="C25" s="12">
        <v>3</v>
      </c>
      <c r="D25" s="12">
        <v>5</v>
      </c>
      <c r="E25" s="12">
        <v>1</v>
      </c>
      <c r="F25" s="12">
        <v>4</v>
      </c>
      <c r="G25" s="12" t="s">
        <v>132</v>
      </c>
      <c r="H25" s="12" t="s">
        <v>132</v>
      </c>
      <c r="I25" s="12" t="s">
        <v>132</v>
      </c>
      <c r="J25" s="12" t="s">
        <v>132</v>
      </c>
      <c r="K25" s="12" t="s">
        <v>132</v>
      </c>
      <c r="L25" s="12" t="s">
        <v>132</v>
      </c>
      <c r="M25" s="12" t="s">
        <v>132</v>
      </c>
      <c r="N25" s="12" t="s">
        <v>132</v>
      </c>
      <c r="O25" s="12" t="s">
        <v>132</v>
      </c>
      <c r="P25" s="12" t="s">
        <v>132</v>
      </c>
      <c r="Q25" s="12" t="s">
        <v>132</v>
      </c>
      <c r="R25" s="12" t="s">
        <v>132</v>
      </c>
    </row>
    <row r="26" spans="1:18" s="4" customFormat="1" x14ac:dyDescent="0.15">
      <c r="A26" s="3"/>
      <c r="B26" s="3" t="s">
        <v>1280</v>
      </c>
      <c r="C26" s="12">
        <v>56</v>
      </c>
      <c r="D26" s="12">
        <v>57</v>
      </c>
      <c r="E26" s="12">
        <v>54</v>
      </c>
      <c r="F26" s="12">
        <v>3</v>
      </c>
      <c r="G26" s="12">
        <v>0</v>
      </c>
      <c r="H26" s="12">
        <v>3</v>
      </c>
      <c r="I26" s="12">
        <v>48</v>
      </c>
      <c r="J26" s="12">
        <v>2</v>
      </c>
      <c r="K26" s="12">
        <v>0</v>
      </c>
      <c r="L26" s="12">
        <v>1</v>
      </c>
      <c r="M26" s="12">
        <v>0</v>
      </c>
      <c r="N26" s="12">
        <v>3</v>
      </c>
      <c r="O26" s="12">
        <v>0</v>
      </c>
      <c r="P26" s="12">
        <v>0</v>
      </c>
      <c r="Q26" s="12">
        <v>54</v>
      </c>
      <c r="R26" s="12">
        <v>3</v>
      </c>
    </row>
    <row r="27" spans="1:18" s="4" customFormat="1" x14ac:dyDescent="0.15">
      <c r="A27" s="3"/>
      <c r="B27" s="3" t="s">
        <v>1281</v>
      </c>
      <c r="C27" s="12">
        <v>433</v>
      </c>
      <c r="D27" s="12">
        <v>922</v>
      </c>
      <c r="E27" s="12">
        <v>476</v>
      </c>
      <c r="F27" s="12">
        <v>446</v>
      </c>
      <c r="G27" s="12">
        <v>49</v>
      </c>
      <c r="H27" s="12">
        <v>73</v>
      </c>
      <c r="I27" s="12">
        <v>85</v>
      </c>
      <c r="J27" s="12">
        <v>93</v>
      </c>
      <c r="K27" s="12">
        <v>118</v>
      </c>
      <c r="L27" s="12">
        <v>114</v>
      </c>
      <c r="M27" s="12">
        <v>106</v>
      </c>
      <c r="N27" s="12">
        <v>284</v>
      </c>
      <c r="O27" s="12">
        <v>0</v>
      </c>
      <c r="P27" s="12">
        <v>86</v>
      </c>
      <c r="Q27" s="12">
        <v>497</v>
      </c>
      <c r="R27" s="12">
        <v>339</v>
      </c>
    </row>
    <row r="28" spans="1:18" s="4" customFormat="1" x14ac:dyDescent="0.15">
      <c r="A28" s="3"/>
      <c r="B28" s="3" t="s">
        <v>1282</v>
      </c>
      <c r="C28" s="12">
        <v>2</v>
      </c>
      <c r="D28" s="12">
        <v>2</v>
      </c>
      <c r="E28" s="12">
        <v>2</v>
      </c>
      <c r="F28" s="12">
        <v>0</v>
      </c>
      <c r="G28" s="12" t="s">
        <v>132</v>
      </c>
      <c r="H28" s="12" t="s">
        <v>132</v>
      </c>
      <c r="I28" s="12" t="s">
        <v>132</v>
      </c>
      <c r="J28" s="12" t="s">
        <v>132</v>
      </c>
      <c r="K28" s="12" t="s">
        <v>132</v>
      </c>
      <c r="L28" s="12" t="s">
        <v>132</v>
      </c>
      <c r="M28" s="12" t="s">
        <v>132</v>
      </c>
      <c r="N28" s="12" t="s">
        <v>132</v>
      </c>
      <c r="O28" s="12" t="s">
        <v>132</v>
      </c>
      <c r="P28" s="12" t="s">
        <v>132</v>
      </c>
      <c r="Q28" s="12" t="s">
        <v>132</v>
      </c>
      <c r="R28" s="12" t="s">
        <v>132</v>
      </c>
    </row>
    <row r="29" spans="1:18" s="4" customFormat="1" x14ac:dyDescent="0.15">
      <c r="A29" s="3"/>
      <c r="B29" s="3" t="s">
        <v>1283</v>
      </c>
      <c r="C29" s="12">
        <v>152</v>
      </c>
      <c r="D29" s="12">
        <v>283</v>
      </c>
      <c r="E29" s="12">
        <v>165</v>
      </c>
      <c r="F29" s="12">
        <v>118</v>
      </c>
      <c r="G29" s="12">
        <v>6</v>
      </c>
      <c r="H29" s="12">
        <v>21</v>
      </c>
      <c r="I29" s="12">
        <v>33</v>
      </c>
      <c r="J29" s="12">
        <v>22</v>
      </c>
      <c r="K29" s="12">
        <v>39</v>
      </c>
      <c r="L29" s="12">
        <v>44</v>
      </c>
      <c r="M29" s="12">
        <v>43</v>
      </c>
      <c r="N29" s="12">
        <v>75</v>
      </c>
      <c r="O29" s="12">
        <v>0</v>
      </c>
      <c r="P29" s="12">
        <v>16</v>
      </c>
      <c r="Q29" s="12">
        <v>172</v>
      </c>
      <c r="R29" s="12">
        <v>95</v>
      </c>
    </row>
    <row r="30" spans="1:18" s="4" customFormat="1" x14ac:dyDescent="0.15">
      <c r="A30" s="3"/>
      <c r="B30" s="3" t="s">
        <v>1284</v>
      </c>
      <c r="C30" s="12">
        <v>1</v>
      </c>
      <c r="D30" s="12">
        <v>3</v>
      </c>
      <c r="E30" s="12">
        <v>1</v>
      </c>
      <c r="F30" s="12">
        <v>2</v>
      </c>
      <c r="G30" s="12" t="s">
        <v>132</v>
      </c>
      <c r="H30" s="12" t="s">
        <v>132</v>
      </c>
      <c r="I30" s="12" t="s">
        <v>132</v>
      </c>
      <c r="J30" s="12" t="s">
        <v>132</v>
      </c>
      <c r="K30" s="12" t="s">
        <v>132</v>
      </c>
      <c r="L30" s="12" t="s">
        <v>132</v>
      </c>
      <c r="M30" s="12" t="s">
        <v>132</v>
      </c>
      <c r="N30" s="12" t="s">
        <v>132</v>
      </c>
      <c r="O30" s="12" t="s">
        <v>132</v>
      </c>
      <c r="P30" s="12" t="s">
        <v>132</v>
      </c>
      <c r="Q30" s="12" t="s">
        <v>132</v>
      </c>
      <c r="R30" s="12" t="s">
        <v>132</v>
      </c>
    </row>
    <row r="31" spans="1:18" s="4" customFormat="1" x14ac:dyDescent="0.15">
      <c r="A31" s="3"/>
      <c r="B31" s="3" t="s">
        <v>1285</v>
      </c>
      <c r="C31" s="12">
        <v>229</v>
      </c>
      <c r="D31" s="12">
        <v>470</v>
      </c>
      <c r="E31" s="12">
        <v>224</v>
      </c>
      <c r="F31" s="12">
        <v>246</v>
      </c>
      <c r="G31" s="12">
        <v>28</v>
      </c>
      <c r="H31" s="12">
        <v>43</v>
      </c>
      <c r="I31" s="12">
        <v>69</v>
      </c>
      <c r="J31" s="12">
        <v>60</v>
      </c>
      <c r="K31" s="12">
        <v>75</v>
      </c>
      <c r="L31" s="12">
        <v>84</v>
      </c>
      <c r="M31" s="12">
        <v>42</v>
      </c>
      <c r="N31" s="12">
        <v>69</v>
      </c>
      <c r="O31" s="12">
        <v>0</v>
      </c>
      <c r="P31" s="12">
        <v>51</v>
      </c>
      <c r="Q31" s="12">
        <v>326</v>
      </c>
      <c r="R31" s="12">
        <v>93</v>
      </c>
    </row>
    <row r="32" spans="1:18" s="4" customFormat="1" x14ac:dyDescent="0.15">
      <c r="A32" s="3"/>
      <c r="B32" s="3" t="s">
        <v>1286</v>
      </c>
      <c r="C32" s="12">
        <v>950</v>
      </c>
      <c r="D32" s="12">
        <v>2105</v>
      </c>
      <c r="E32" s="12">
        <v>1029</v>
      </c>
      <c r="F32" s="12">
        <v>1076</v>
      </c>
      <c r="G32" s="12">
        <v>147</v>
      </c>
      <c r="H32" s="12">
        <v>171</v>
      </c>
      <c r="I32" s="12">
        <v>252</v>
      </c>
      <c r="J32" s="12">
        <v>237</v>
      </c>
      <c r="K32" s="12">
        <v>303</v>
      </c>
      <c r="L32" s="12">
        <v>327</v>
      </c>
      <c r="M32" s="12">
        <v>217</v>
      </c>
      <c r="N32" s="12">
        <v>451</v>
      </c>
      <c r="O32" s="12">
        <v>0</v>
      </c>
      <c r="P32" s="12">
        <v>227</v>
      </c>
      <c r="Q32" s="12">
        <v>1315</v>
      </c>
      <c r="R32" s="12">
        <v>563</v>
      </c>
    </row>
    <row r="33" spans="1:18" s="4" customFormat="1" x14ac:dyDescent="0.15">
      <c r="A33" s="3"/>
      <c r="B33" s="3" t="s">
        <v>1287</v>
      </c>
      <c r="C33" s="12">
        <v>547</v>
      </c>
      <c r="D33" s="12">
        <v>1193</v>
      </c>
      <c r="E33" s="12">
        <v>619</v>
      </c>
      <c r="F33" s="12">
        <v>574</v>
      </c>
      <c r="G33" s="12">
        <v>100</v>
      </c>
      <c r="H33" s="12">
        <v>121</v>
      </c>
      <c r="I33" s="12">
        <v>119</v>
      </c>
      <c r="J33" s="12">
        <v>178</v>
      </c>
      <c r="K33" s="12">
        <v>208</v>
      </c>
      <c r="L33" s="12">
        <v>132</v>
      </c>
      <c r="M33" s="12">
        <v>116</v>
      </c>
      <c r="N33" s="12">
        <v>219</v>
      </c>
      <c r="O33" s="12">
        <v>0</v>
      </c>
      <c r="P33" s="12">
        <v>162</v>
      </c>
      <c r="Q33" s="12">
        <v>761</v>
      </c>
      <c r="R33" s="12">
        <v>270</v>
      </c>
    </row>
    <row r="34" spans="1:18" s="4" customFormat="1" x14ac:dyDescent="0.15">
      <c r="A34" s="3"/>
      <c r="B34" s="3" t="s">
        <v>1288</v>
      </c>
      <c r="C34" s="12">
        <v>4034</v>
      </c>
      <c r="D34" s="12">
        <v>8807</v>
      </c>
      <c r="E34" s="12">
        <v>4332</v>
      </c>
      <c r="F34" s="12">
        <v>4475</v>
      </c>
      <c r="G34" s="12">
        <v>454</v>
      </c>
      <c r="H34" s="12">
        <v>862</v>
      </c>
      <c r="I34" s="12">
        <v>837</v>
      </c>
      <c r="J34" s="12">
        <v>717</v>
      </c>
      <c r="K34" s="12">
        <v>1239</v>
      </c>
      <c r="L34" s="12">
        <v>1593</v>
      </c>
      <c r="M34" s="12">
        <v>1337</v>
      </c>
      <c r="N34" s="12">
        <v>1768</v>
      </c>
      <c r="O34" s="12">
        <v>0</v>
      </c>
      <c r="P34" s="12">
        <v>850</v>
      </c>
      <c r="Q34" s="12">
        <v>5559</v>
      </c>
      <c r="R34" s="12">
        <v>2398</v>
      </c>
    </row>
    <row r="35" spans="1:18" s="4" customFormat="1" x14ac:dyDescent="0.15">
      <c r="A35" s="3"/>
      <c r="B35" s="3" t="s">
        <v>1289</v>
      </c>
      <c r="C35" s="12">
        <v>1355</v>
      </c>
      <c r="D35" s="12">
        <v>2177</v>
      </c>
      <c r="E35" s="12">
        <v>1178</v>
      </c>
      <c r="F35" s="12">
        <v>999</v>
      </c>
      <c r="G35" s="12">
        <v>96</v>
      </c>
      <c r="H35" s="12">
        <v>111</v>
      </c>
      <c r="I35" s="12">
        <v>288</v>
      </c>
      <c r="J35" s="12">
        <v>255</v>
      </c>
      <c r="K35" s="12">
        <v>266</v>
      </c>
      <c r="L35" s="12">
        <v>339</v>
      </c>
      <c r="M35" s="12">
        <v>341</v>
      </c>
      <c r="N35" s="12">
        <v>481</v>
      </c>
      <c r="O35" s="12">
        <v>0</v>
      </c>
      <c r="P35" s="12">
        <v>141</v>
      </c>
      <c r="Q35" s="12">
        <v>1363</v>
      </c>
      <c r="R35" s="12">
        <v>673</v>
      </c>
    </row>
    <row r="36" spans="1:18" s="4" customFormat="1" x14ac:dyDescent="0.15">
      <c r="A36" s="3"/>
      <c r="B36" s="3" t="s">
        <v>1290</v>
      </c>
      <c r="C36" s="12">
        <v>302</v>
      </c>
      <c r="D36" s="12">
        <v>599</v>
      </c>
      <c r="E36" s="12">
        <v>290</v>
      </c>
      <c r="F36" s="12">
        <v>309</v>
      </c>
      <c r="G36" s="12">
        <v>25</v>
      </c>
      <c r="H36" s="12">
        <v>48</v>
      </c>
      <c r="I36" s="12">
        <v>31</v>
      </c>
      <c r="J36" s="12">
        <v>37</v>
      </c>
      <c r="K36" s="12">
        <v>71</v>
      </c>
      <c r="L36" s="12">
        <v>76</v>
      </c>
      <c r="M36" s="12">
        <v>92</v>
      </c>
      <c r="N36" s="12">
        <v>219</v>
      </c>
      <c r="O36" s="12">
        <v>0</v>
      </c>
      <c r="P36" s="12">
        <v>55</v>
      </c>
      <c r="Q36" s="12">
        <v>261</v>
      </c>
      <c r="R36" s="12">
        <v>283</v>
      </c>
    </row>
    <row r="37" spans="1:18" s="4" customFormat="1" x14ac:dyDescent="0.15">
      <c r="A37" s="3"/>
      <c r="B37" s="3" t="s">
        <v>1291</v>
      </c>
      <c r="C37" s="12">
        <v>328</v>
      </c>
      <c r="D37" s="12">
        <v>677</v>
      </c>
      <c r="E37" s="12">
        <v>343</v>
      </c>
      <c r="F37" s="12">
        <v>334</v>
      </c>
      <c r="G37" s="12">
        <v>24</v>
      </c>
      <c r="H37" s="12">
        <v>52</v>
      </c>
      <c r="I37" s="12">
        <v>78</v>
      </c>
      <c r="J37" s="12">
        <v>56</v>
      </c>
      <c r="K37" s="12">
        <v>92</v>
      </c>
      <c r="L37" s="12">
        <v>84</v>
      </c>
      <c r="M37" s="12">
        <v>105</v>
      </c>
      <c r="N37" s="12">
        <v>186</v>
      </c>
      <c r="O37" s="12">
        <v>0</v>
      </c>
      <c r="P37" s="12">
        <v>49</v>
      </c>
      <c r="Q37" s="12">
        <v>389</v>
      </c>
      <c r="R37" s="12">
        <v>239</v>
      </c>
    </row>
    <row r="38" spans="1:18" s="4" customFormat="1" x14ac:dyDescent="0.15">
      <c r="A38" s="3"/>
      <c r="B38" s="3" t="s">
        <v>1292</v>
      </c>
      <c r="C38" s="12">
        <v>554</v>
      </c>
      <c r="D38" s="12">
        <v>1076</v>
      </c>
      <c r="E38" s="12">
        <v>544</v>
      </c>
      <c r="F38" s="12">
        <v>532</v>
      </c>
      <c r="G38" s="12">
        <v>49</v>
      </c>
      <c r="H38" s="12">
        <v>79</v>
      </c>
      <c r="I38" s="12">
        <v>138</v>
      </c>
      <c r="J38" s="12">
        <v>122</v>
      </c>
      <c r="K38" s="12">
        <v>118</v>
      </c>
      <c r="L38" s="12">
        <v>143</v>
      </c>
      <c r="M38" s="12">
        <v>162</v>
      </c>
      <c r="N38" s="12">
        <v>265</v>
      </c>
      <c r="O38" s="12">
        <v>0</v>
      </c>
      <c r="P38" s="12">
        <v>88</v>
      </c>
      <c r="Q38" s="12">
        <v>645</v>
      </c>
      <c r="R38" s="12">
        <v>343</v>
      </c>
    </row>
    <row r="39" spans="1:18" s="4" customFormat="1" x14ac:dyDescent="0.15">
      <c r="A39" s="3"/>
      <c r="B39" s="3" t="s">
        <v>1293</v>
      </c>
      <c r="C39" s="12">
        <v>476</v>
      </c>
      <c r="D39" s="12">
        <v>902</v>
      </c>
      <c r="E39" s="12">
        <v>461</v>
      </c>
      <c r="F39" s="12">
        <v>441</v>
      </c>
      <c r="G39" s="12">
        <v>44</v>
      </c>
      <c r="H39" s="12">
        <v>56</v>
      </c>
      <c r="I39" s="12">
        <v>112</v>
      </c>
      <c r="J39" s="12">
        <v>92</v>
      </c>
      <c r="K39" s="12">
        <v>115</v>
      </c>
      <c r="L39" s="12">
        <v>114</v>
      </c>
      <c r="M39" s="12">
        <v>116</v>
      </c>
      <c r="N39" s="12">
        <v>253</v>
      </c>
      <c r="O39" s="12">
        <v>0</v>
      </c>
      <c r="P39" s="12">
        <v>72</v>
      </c>
      <c r="Q39" s="12">
        <v>517</v>
      </c>
      <c r="R39" s="12">
        <v>313</v>
      </c>
    </row>
    <row r="40" spans="1:18" s="4" customFormat="1" x14ac:dyDescent="0.15">
      <c r="A40" s="3"/>
      <c r="B40" s="3" t="s">
        <v>1294</v>
      </c>
      <c r="C40" s="12">
        <v>867</v>
      </c>
      <c r="D40" s="12">
        <v>1793</v>
      </c>
      <c r="E40" s="12">
        <v>871</v>
      </c>
      <c r="F40" s="12">
        <v>922</v>
      </c>
      <c r="G40" s="12">
        <v>124</v>
      </c>
      <c r="H40" s="12">
        <v>171</v>
      </c>
      <c r="I40" s="12">
        <v>154</v>
      </c>
      <c r="J40" s="12">
        <v>219</v>
      </c>
      <c r="K40" s="12">
        <v>236</v>
      </c>
      <c r="L40" s="12">
        <v>263</v>
      </c>
      <c r="M40" s="12">
        <v>227</v>
      </c>
      <c r="N40" s="12">
        <v>399</v>
      </c>
      <c r="O40" s="12">
        <v>0</v>
      </c>
      <c r="P40" s="12">
        <v>201</v>
      </c>
      <c r="Q40" s="12">
        <v>1083</v>
      </c>
      <c r="R40" s="12">
        <v>509</v>
      </c>
    </row>
    <row r="41" spans="1:18" s="4" customFormat="1" x14ac:dyDescent="0.15">
      <c r="A41" s="3"/>
      <c r="B41" s="3" t="s">
        <v>1295</v>
      </c>
      <c r="C41" s="12">
        <v>454</v>
      </c>
      <c r="D41" s="12">
        <v>674</v>
      </c>
      <c r="E41" s="12">
        <v>392</v>
      </c>
      <c r="F41" s="12">
        <v>282</v>
      </c>
      <c r="G41" s="12">
        <v>50</v>
      </c>
      <c r="H41" s="12">
        <v>51</v>
      </c>
      <c r="I41" s="12">
        <v>230</v>
      </c>
      <c r="J41" s="12">
        <v>100</v>
      </c>
      <c r="K41" s="12">
        <v>68</v>
      </c>
      <c r="L41" s="12">
        <v>53</v>
      </c>
      <c r="M41" s="12">
        <v>41</v>
      </c>
      <c r="N41" s="12">
        <v>81</v>
      </c>
      <c r="O41" s="12">
        <v>0</v>
      </c>
      <c r="P41" s="12">
        <v>64</v>
      </c>
      <c r="Q41" s="12">
        <v>510</v>
      </c>
      <c r="R41" s="12">
        <v>100</v>
      </c>
    </row>
    <row r="42" spans="1:18" s="4" customFormat="1" x14ac:dyDescent="0.15">
      <c r="A42" s="3"/>
      <c r="B42" s="3" t="s">
        <v>1296</v>
      </c>
      <c r="C42" s="12">
        <v>351</v>
      </c>
      <c r="D42" s="12">
        <v>830</v>
      </c>
      <c r="E42" s="12">
        <v>422</v>
      </c>
      <c r="F42" s="12">
        <v>408</v>
      </c>
      <c r="G42" s="12">
        <v>159</v>
      </c>
      <c r="H42" s="12">
        <v>53</v>
      </c>
      <c r="I42" s="12">
        <v>75</v>
      </c>
      <c r="J42" s="12">
        <v>220</v>
      </c>
      <c r="K42" s="12">
        <v>144</v>
      </c>
      <c r="L42" s="12">
        <v>82</v>
      </c>
      <c r="M42" s="12">
        <v>47</v>
      </c>
      <c r="N42" s="12">
        <v>50</v>
      </c>
      <c r="O42" s="12">
        <v>0</v>
      </c>
      <c r="P42" s="12">
        <v>189</v>
      </c>
      <c r="Q42" s="12">
        <v>568</v>
      </c>
      <c r="R42" s="12">
        <v>73</v>
      </c>
    </row>
    <row r="43" spans="1:18" s="4" customFormat="1" x14ac:dyDescent="0.15">
      <c r="A43" s="3"/>
      <c r="B43" s="3" t="s">
        <v>1297</v>
      </c>
      <c r="C43" s="12">
        <v>560</v>
      </c>
      <c r="D43" s="12">
        <v>1069</v>
      </c>
      <c r="E43" s="12">
        <v>564</v>
      </c>
      <c r="F43" s="12">
        <v>505</v>
      </c>
      <c r="G43" s="12">
        <v>67</v>
      </c>
      <c r="H43" s="12">
        <v>136</v>
      </c>
      <c r="I43" s="12">
        <v>158</v>
      </c>
      <c r="J43" s="12">
        <v>104</v>
      </c>
      <c r="K43" s="12">
        <v>154</v>
      </c>
      <c r="L43" s="12">
        <v>144</v>
      </c>
      <c r="M43" s="12">
        <v>109</v>
      </c>
      <c r="N43" s="12">
        <v>197</v>
      </c>
      <c r="O43" s="12">
        <v>0</v>
      </c>
      <c r="P43" s="12">
        <v>140</v>
      </c>
      <c r="Q43" s="12">
        <v>676</v>
      </c>
      <c r="R43" s="12">
        <v>253</v>
      </c>
    </row>
    <row r="44" spans="1:18" s="4" customFormat="1" x14ac:dyDescent="0.15">
      <c r="A44" s="3"/>
      <c r="B44" s="3" t="s">
        <v>1298</v>
      </c>
      <c r="C44" s="12">
        <v>144</v>
      </c>
      <c r="D44" s="12">
        <v>267</v>
      </c>
      <c r="E44" s="12">
        <v>145</v>
      </c>
      <c r="F44" s="12">
        <v>122</v>
      </c>
      <c r="G44" s="12">
        <v>13</v>
      </c>
      <c r="H44" s="12">
        <v>23</v>
      </c>
      <c r="I44" s="12">
        <v>36</v>
      </c>
      <c r="J44" s="12">
        <v>28</v>
      </c>
      <c r="K44" s="12">
        <v>30</v>
      </c>
      <c r="L44" s="12">
        <v>33</v>
      </c>
      <c r="M44" s="12">
        <v>47</v>
      </c>
      <c r="N44" s="12">
        <v>57</v>
      </c>
      <c r="O44" s="12">
        <v>0</v>
      </c>
      <c r="P44" s="12">
        <v>21</v>
      </c>
      <c r="Q44" s="12">
        <v>165</v>
      </c>
      <c r="R44" s="12">
        <v>81</v>
      </c>
    </row>
    <row r="45" spans="1:18" s="4" customFormat="1" x14ac:dyDescent="0.15">
      <c r="A45" s="3"/>
      <c r="B45" s="3" t="s">
        <v>1299</v>
      </c>
      <c r="C45" s="12">
        <v>686</v>
      </c>
      <c r="D45" s="12">
        <v>1217</v>
      </c>
      <c r="E45" s="12">
        <v>662</v>
      </c>
      <c r="F45" s="12">
        <v>555</v>
      </c>
      <c r="G45" s="12">
        <v>46</v>
      </c>
      <c r="H45" s="12">
        <v>62</v>
      </c>
      <c r="I45" s="12">
        <v>179</v>
      </c>
      <c r="J45" s="12">
        <v>136</v>
      </c>
      <c r="K45" s="12">
        <v>154</v>
      </c>
      <c r="L45" s="12">
        <v>219</v>
      </c>
      <c r="M45" s="12">
        <v>195</v>
      </c>
      <c r="N45" s="12">
        <v>226</v>
      </c>
      <c r="O45" s="12">
        <v>0</v>
      </c>
      <c r="P45" s="12">
        <v>79</v>
      </c>
      <c r="Q45" s="12">
        <v>817</v>
      </c>
      <c r="R45" s="12">
        <v>321</v>
      </c>
    </row>
    <row r="46" spans="1:18" s="4" customFormat="1" x14ac:dyDescent="0.15">
      <c r="A46" s="3"/>
      <c r="B46" s="3" t="s">
        <v>1300</v>
      </c>
      <c r="C46" s="12">
        <v>543</v>
      </c>
      <c r="D46" s="12">
        <v>1008</v>
      </c>
      <c r="E46" s="12">
        <v>490</v>
      </c>
      <c r="F46" s="12">
        <v>518</v>
      </c>
      <c r="G46" s="12">
        <v>40</v>
      </c>
      <c r="H46" s="12">
        <v>70</v>
      </c>
      <c r="I46" s="12">
        <v>80</v>
      </c>
      <c r="J46" s="12">
        <v>91</v>
      </c>
      <c r="K46" s="12">
        <v>124</v>
      </c>
      <c r="L46" s="12">
        <v>127</v>
      </c>
      <c r="M46" s="12">
        <v>145</v>
      </c>
      <c r="N46" s="12">
        <v>331</v>
      </c>
      <c r="O46" s="12">
        <v>0</v>
      </c>
      <c r="P46" s="12">
        <v>73</v>
      </c>
      <c r="Q46" s="12">
        <v>520</v>
      </c>
      <c r="R46" s="12">
        <v>415</v>
      </c>
    </row>
    <row r="47" spans="1:18" s="4" customFormat="1" x14ac:dyDescent="0.15">
      <c r="A47" s="3"/>
      <c r="B47" s="3" t="s">
        <v>1301</v>
      </c>
      <c r="C47" s="12">
        <v>274</v>
      </c>
      <c r="D47" s="12">
        <v>500</v>
      </c>
      <c r="E47" s="12">
        <v>266</v>
      </c>
      <c r="F47" s="12">
        <v>234</v>
      </c>
      <c r="G47" s="12">
        <v>19</v>
      </c>
      <c r="H47" s="12">
        <v>36</v>
      </c>
      <c r="I47" s="12">
        <v>80</v>
      </c>
      <c r="J47" s="12">
        <v>61</v>
      </c>
      <c r="K47" s="12">
        <v>63</v>
      </c>
      <c r="L47" s="12">
        <v>76</v>
      </c>
      <c r="M47" s="12">
        <v>60</v>
      </c>
      <c r="N47" s="12">
        <v>105</v>
      </c>
      <c r="O47" s="12">
        <v>0</v>
      </c>
      <c r="P47" s="12">
        <v>38</v>
      </c>
      <c r="Q47" s="12">
        <v>326</v>
      </c>
      <c r="R47" s="12">
        <v>136</v>
      </c>
    </row>
    <row r="48" spans="1:18" s="4" customFormat="1" x14ac:dyDescent="0.15">
      <c r="A48" s="3"/>
      <c r="B48" s="3" t="s">
        <v>1302</v>
      </c>
      <c r="C48" s="12">
        <v>225</v>
      </c>
      <c r="D48" s="12">
        <v>455</v>
      </c>
      <c r="E48" s="12">
        <v>218</v>
      </c>
      <c r="F48" s="12">
        <v>237</v>
      </c>
      <c r="G48" s="12">
        <v>28</v>
      </c>
      <c r="H48" s="12">
        <v>26</v>
      </c>
      <c r="I48" s="12">
        <v>64</v>
      </c>
      <c r="J48" s="12">
        <v>50</v>
      </c>
      <c r="K48" s="12">
        <v>56</v>
      </c>
      <c r="L48" s="12">
        <v>46</v>
      </c>
      <c r="M48" s="12">
        <v>59</v>
      </c>
      <c r="N48" s="12">
        <v>126</v>
      </c>
      <c r="O48" s="12">
        <v>0</v>
      </c>
      <c r="P48" s="12">
        <v>39</v>
      </c>
      <c r="Q48" s="12">
        <v>270</v>
      </c>
      <c r="R48" s="12">
        <v>146</v>
      </c>
    </row>
    <row r="49" spans="1:18" s="4" customFormat="1" x14ac:dyDescent="0.15">
      <c r="A49" s="3"/>
      <c r="B49" s="3" t="s">
        <v>1303</v>
      </c>
      <c r="C49" s="12">
        <v>99</v>
      </c>
      <c r="D49" s="12">
        <v>180</v>
      </c>
      <c r="E49" s="12">
        <v>96</v>
      </c>
      <c r="F49" s="12">
        <v>84</v>
      </c>
      <c r="G49" s="12">
        <v>6</v>
      </c>
      <c r="H49" s="12">
        <v>21</v>
      </c>
      <c r="I49" s="12">
        <v>32</v>
      </c>
      <c r="J49" s="12">
        <v>20</v>
      </c>
      <c r="K49" s="12">
        <v>27</v>
      </c>
      <c r="L49" s="12">
        <v>43</v>
      </c>
      <c r="M49" s="12">
        <v>15</v>
      </c>
      <c r="N49" s="12">
        <v>16</v>
      </c>
      <c r="O49" s="12">
        <v>0</v>
      </c>
      <c r="P49" s="12">
        <v>15</v>
      </c>
      <c r="Q49" s="12">
        <v>137</v>
      </c>
      <c r="R49" s="12">
        <v>28</v>
      </c>
    </row>
    <row r="50" spans="1:18" s="4" customFormat="1" x14ac:dyDescent="0.15">
      <c r="A50" s="3"/>
      <c r="B50" s="3" t="s">
        <v>1304</v>
      </c>
      <c r="C50" s="12">
        <v>167</v>
      </c>
      <c r="D50" s="12">
        <v>380</v>
      </c>
      <c r="E50" s="12">
        <v>190</v>
      </c>
      <c r="F50" s="12">
        <v>190</v>
      </c>
      <c r="G50" s="12">
        <v>23</v>
      </c>
      <c r="H50" s="12">
        <v>35</v>
      </c>
      <c r="I50" s="12">
        <v>20</v>
      </c>
      <c r="J50" s="12">
        <v>37</v>
      </c>
      <c r="K50" s="12">
        <v>53</v>
      </c>
      <c r="L50" s="12">
        <v>52</v>
      </c>
      <c r="M50" s="12">
        <v>52</v>
      </c>
      <c r="N50" s="12">
        <v>108</v>
      </c>
      <c r="O50" s="12">
        <v>0</v>
      </c>
      <c r="P50" s="12">
        <v>41</v>
      </c>
      <c r="Q50" s="12">
        <v>201</v>
      </c>
      <c r="R50" s="12">
        <v>138</v>
      </c>
    </row>
    <row r="51" spans="1:18" s="4" customFormat="1" x14ac:dyDescent="0.15">
      <c r="A51" s="3"/>
      <c r="B51" s="3" t="s">
        <v>1305</v>
      </c>
      <c r="C51" s="12">
        <v>189</v>
      </c>
      <c r="D51" s="12">
        <v>393</v>
      </c>
      <c r="E51" s="12">
        <v>197</v>
      </c>
      <c r="F51" s="12">
        <v>196</v>
      </c>
      <c r="G51" s="12">
        <v>20</v>
      </c>
      <c r="H51" s="12">
        <v>29</v>
      </c>
      <c r="I51" s="12">
        <v>25</v>
      </c>
      <c r="J51" s="12">
        <v>32</v>
      </c>
      <c r="K51" s="12">
        <v>50</v>
      </c>
      <c r="L51" s="12">
        <v>47</v>
      </c>
      <c r="M51" s="12">
        <v>65</v>
      </c>
      <c r="N51" s="12">
        <v>125</v>
      </c>
      <c r="O51" s="12">
        <v>0</v>
      </c>
      <c r="P51" s="12">
        <v>34</v>
      </c>
      <c r="Q51" s="12">
        <v>196</v>
      </c>
      <c r="R51" s="12">
        <v>163</v>
      </c>
    </row>
    <row r="52" spans="1:18" s="4" customFormat="1" x14ac:dyDescent="0.15">
      <c r="A52" s="3"/>
      <c r="B52" s="3" t="s">
        <v>1306</v>
      </c>
      <c r="C52" s="12">
        <v>171</v>
      </c>
      <c r="D52" s="12">
        <v>360</v>
      </c>
      <c r="E52" s="12">
        <v>172</v>
      </c>
      <c r="F52" s="12">
        <v>188</v>
      </c>
      <c r="G52" s="12">
        <v>16</v>
      </c>
      <c r="H52" s="12">
        <v>25</v>
      </c>
      <c r="I52" s="12">
        <v>19</v>
      </c>
      <c r="J52" s="12">
        <v>36</v>
      </c>
      <c r="K52" s="12">
        <v>44</v>
      </c>
      <c r="L52" s="12">
        <v>43</v>
      </c>
      <c r="M52" s="12">
        <v>77</v>
      </c>
      <c r="N52" s="12">
        <v>100</v>
      </c>
      <c r="O52" s="12">
        <v>0</v>
      </c>
      <c r="P52" s="12">
        <v>30</v>
      </c>
      <c r="Q52" s="12">
        <v>184</v>
      </c>
      <c r="R52" s="12">
        <v>146</v>
      </c>
    </row>
    <row r="53" spans="1:18" s="4" customFormat="1" x14ac:dyDescent="0.15">
      <c r="A53" s="3"/>
      <c r="B53" s="3" t="s">
        <v>1307</v>
      </c>
      <c r="C53" s="12">
        <v>252</v>
      </c>
      <c r="D53" s="12">
        <v>532</v>
      </c>
      <c r="E53" s="12">
        <v>265</v>
      </c>
      <c r="F53" s="12">
        <v>267</v>
      </c>
      <c r="G53" s="12">
        <v>26</v>
      </c>
      <c r="H53" s="12">
        <v>40</v>
      </c>
      <c r="I53" s="12">
        <v>30</v>
      </c>
      <c r="J53" s="12">
        <v>64</v>
      </c>
      <c r="K53" s="12">
        <v>74</v>
      </c>
      <c r="L53" s="12">
        <v>68</v>
      </c>
      <c r="M53" s="12">
        <v>85</v>
      </c>
      <c r="N53" s="12">
        <v>145</v>
      </c>
      <c r="O53" s="12">
        <v>0</v>
      </c>
      <c r="P53" s="12">
        <v>46</v>
      </c>
      <c r="Q53" s="12">
        <v>296</v>
      </c>
      <c r="R53" s="12">
        <v>190</v>
      </c>
    </row>
    <row r="54" spans="1:18" s="4" customFormat="1" x14ac:dyDescent="0.15">
      <c r="A54" s="3"/>
      <c r="B54" s="3" t="s">
        <v>1308</v>
      </c>
      <c r="C54" s="12">
        <v>31</v>
      </c>
      <c r="D54" s="12">
        <v>53</v>
      </c>
      <c r="E54" s="12">
        <v>40</v>
      </c>
      <c r="F54" s="12">
        <v>13</v>
      </c>
      <c r="G54" s="12">
        <v>3</v>
      </c>
      <c r="H54" s="12">
        <v>4</v>
      </c>
      <c r="I54" s="12">
        <v>10</v>
      </c>
      <c r="J54" s="12">
        <v>11</v>
      </c>
      <c r="K54" s="12">
        <v>13</v>
      </c>
      <c r="L54" s="12">
        <v>10</v>
      </c>
      <c r="M54" s="12">
        <v>1</v>
      </c>
      <c r="N54" s="12">
        <v>1</v>
      </c>
      <c r="O54" s="12">
        <v>0</v>
      </c>
      <c r="P54" s="12">
        <v>4</v>
      </c>
      <c r="Q54" s="12">
        <v>48</v>
      </c>
      <c r="R54" s="12">
        <v>1</v>
      </c>
    </row>
    <row r="55" spans="1:18" s="4" customFormat="1" x14ac:dyDescent="0.15">
      <c r="A55" s="3"/>
      <c r="B55" s="3" t="s">
        <v>1309</v>
      </c>
      <c r="C55" s="12">
        <v>3</v>
      </c>
      <c r="D55" s="12">
        <v>4</v>
      </c>
      <c r="E55" s="12">
        <v>3</v>
      </c>
      <c r="F55" s="12">
        <v>1</v>
      </c>
      <c r="G55" s="12" t="s">
        <v>132</v>
      </c>
      <c r="H55" s="12" t="s">
        <v>132</v>
      </c>
      <c r="I55" s="12" t="s">
        <v>132</v>
      </c>
      <c r="J55" s="12" t="s">
        <v>132</v>
      </c>
      <c r="K55" s="12" t="s">
        <v>132</v>
      </c>
      <c r="L55" s="12" t="s">
        <v>132</v>
      </c>
      <c r="M55" s="12" t="s">
        <v>132</v>
      </c>
      <c r="N55" s="12" t="s">
        <v>132</v>
      </c>
      <c r="O55" s="12" t="s">
        <v>132</v>
      </c>
      <c r="P55" s="12" t="s">
        <v>132</v>
      </c>
      <c r="Q55" s="12" t="s">
        <v>132</v>
      </c>
      <c r="R55" s="12" t="s">
        <v>132</v>
      </c>
    </row>
    <row r="56" spans="1:18" s="4" customFormat="1" x14ac:dyDescent="0.15">
      <c r="A56" s="3"/>
      <c r="B56" s="3" t="s">
        <v>1310</v>
      </c>
      <c r="C56" s="12">
        <v>1112</v>
      </c>
      <c r="D56" s="12">
        <v>2036</v>
      </c>
      <c r="E56" s="12">
        <v>1024</v>
      </c>
      <c r="F56" s="12">
        <v>1012</v>
      </c>
      <c r="G56" s="12">
        <v>132</v>
      </c>
      <c r="H56" s="12">
        <v>142</v>
      </c>
      <c r="I56" s="12">
        <v>307</v>
      </c>
      <c r="J56" s="12">
        <v>259</v>
      </c>
      <c r="K56" s="12">
        <v>278</v>
      </c>
      <c r="L56" s="12">
        <v>278</v>
      </c>
      <c r="M56" s="12">
        <v>233</v>
      </c>
      <c r="N56" s="12">
        <v>407</v>
      </c>
      <c r="O56" s="12">
        <v>0</v>
      </c>
      <c r="P56" s="12">
        <v>193</v>
      </c>
      <c r="Q56" s="12">
        <v>1323</v>
      </c>
      <c r="R56" s="12">
        <v>520</v>
      </c>
    </row>
    <row r="57" spans="1:18" s="4" customFormat="1" x14ac:dyDescent="0.15">
      <c r="A57" s="3"/>
      <c r="B57" s="3" t="s">
        <v>1311</v>
      </c>
      <c r="C57" s="12">
        <v>624</v>
      </c>
      <c r="D57" s="12">
        <v>1286</v>
      </c>
      <c r="E57" s="12">
        <v>647</v>
      </c>
      <c r="F57" s="12">
        <v>639</v>
      </c>
      <c r="G57" s="12">
        <v>64</v>
      </c>
      <c r="H57" s="12">
        <v>106</v>
      </c>
      <c r="I57" s="12">
        <v>137</v>
      </c>
      <c r="J57" s="12">
        <v>108</v>
      </c>
      <c r="K57" s="12">
        <v>193</v>
      </c>
      <c r="L57" s="12">
        <v>217</v>
      </c>
      <c r="M57" s="12">
        <v>160</v>
      </c>
      <c r="N57" s="12">
        <v>301</v>
      </c>
      <c r="O57" s="12">
        <v>0</v>
      </c>
      <c r="P57" s="12">
        <v>109</v>
      </c>
      <c r="Q57" s="12">
        <v>803</v>
      </c>
      <c r="R57" s="12">
        <v>374</v>
      </c>
    </row>
    <row r="58" spans="1:18" s="4" customFormat="1" x14ac:dyDescent="0.15">
      <c r="A58" s="3"/>
      <c r="B58" s="3" t="s">
        <v>1062</v>
      </c>
      <c r="C58" s="12">
        <v>1245</v>
      </c>
      <c r="D58" s="12">
        <v>2562</v>
      </c>
      <c r="E58" s="12">
        <v>1296</v>
      </c>
      <c r="F58" s="12">
        <v>1266</v>
      </c>
      <c r="G58" s="12">
        <v>122</v>
      </c>
      <c r="H58" s="12">
        <v>201</v>
      </c>
      <c r="I58" s="12">
        <v>253</v>
      </c>
      <c r="J58" s="12">
        <v>231</v>
      </c>
      <c r="K58" s="12">
        <v>394</v>
      </c>
      <c r="L58" s="12">
        <v>394</v>
      </c>
      <c r="M58" s="12">
        <v>329</v>
      </c>
      <c r="N58" s="12">
        <v>638</v>
      </c>
      <c r="O58" s="12">
        <v>0</v>
      </c>
      <c r="P58" s="12">
        <v>226</v>
      </c>
      <c r="Q58" s="12">
        <v>1530</v>
      </c>
      <c r="R58" s="12">
        <v>806</v>
      </c>
    </row>
    <row r="59" spans="1:18" s="4" customFormat="1" x14ac:dyDescent="0.15">
      <c r="A59" s="3"/>
      <c r="B59" s="3" t="s">
        <v>1312</v>
      </c>
      <c r="C59" s="12">
        <v>1004</v>
      </c>
      <c r="D59" s="12">
        <v>1997</v>
      </c>
      <c r="E59" s="12">
        <v>992</v>
      </c>
      <c r="F59" s="12">
        <v>1005</v>
      </c>
      <c r="G59" s="12">
        <v>102</v>
      </c>
      <c r="H59" s="12">
        <v>176</v>
      </c>
      <c r="I59" s="12">
        <v>201</v>
      </c>
      <c r="J59" s="12">
        <v>203</v>
      </c>
      <c r="K59" s="12">
        <v>296</v>
      </c>
      <c r="L59" s="12">
        <v>308</v>
      </c>
      <c r="M59" s="12">
        <v>229</v>
      </c>
      <c r="N59" s="12">
        <v>482</v>
      </c>
      <c r="O59" s="12">
        <v>0</v>
      </c>
      <c r="P59" s="12">
        <v>186</v>
      </c>
      <c r="Q59" s="12">
        <v>1217</v>
      </c>
      <c r="R59" s="12">
        <v>594</v>
      </c>
    </row>
    <row r="60" spans="1:18" s="4" customFormat="1" x14ac:dyDescent="0.15">
      <c r="A60" s="3"/>
      <c r="B60" s="3" t="s">
        <v>1313</v>
      </c>
      <c r="C60" s="12">
        <v>13</v>
      </c>
      <c r="D60" s="12">
        <v>17</v>
      </c>
      <c r="E60" s="12">
        <v>9</v>
      </c>
      <c r="F60" s="12">
        <v>8</v>
      </c>
      <c r="G60" s="12">
        <v>0</v>
      </c>
      <c r="H60" s="12">
        <v>0</v>
      </c>
      <c r="I60" s="12">
        <v>0</v>
      </c>
      <c r="J60" s="12">
        <v>1</v>
      </c>
      <c r="K60" s="12">
        <v>0</v>
      </c>
      <c r="L60" s="12">
        <v>0</v>
      </c>
      <c r="M60" s="12">
        <v>3</v>
      </c>
      <c r="N60" s="12">
        <v>13</v>
      </c>
      <c r="O60" s="12">
        <v>0</v>
      </c>
      <c r="P60" s="12">
        <v>0</v>
      </c>
      <c r="Q60" s="12">
        <v>3</v>
      </c>
      <c r="R60" s="12">
        <v>14</v>
      </c>
    </row>
    <row r="61" spans="1:18" s="4" customFormat="1" x14ac:dyDescent="0.15">
      <c r="A61" s="3"/>
      <c r="B61" s="3" t="s">
        <v>1314</v>
      </c>
      <c r="C61" s="12">
        <v>295</v>
      </c>
      <c r="D61" s="12">
        <v>563</v>
      </c>
      <c r="E61" s="12">
        <v>280</v>
      </c>
      <c r="F61" s="12">
        <v>283</v>
      </c>
      <c r="G61" s="12">
        <v>23</v>
      </c>
      <c r="H61" s="12">
        <v>31</v>
      </c>
      <c r="I61" s="12">
        <v>60</v>
      </c>
      <c r="J61" s="12">
        <v>60</v>
      </c>
      <c r="K61" s="12">
        <v>70</v>
      </c>
      <c r="L61" s="12">
        <v>57</v>
      </c>
      <c r="M61" s="12">
        <v>117</v>
      </c>
      <c r="N61" s="12">
        <v>145</v>
      </c>
      <c r="O61" s="12">
        <v>0</v>
      </c>
      <c r="P61" s="12">
        <v>36</v>
      </c>
      <c r="Q61" s="12">
        <v>314</v>
      </c>
      <c r="R61" s="12">
        <v>213</v>
      </c>
    </row>
    <row r="62" spans="1:18" s="4" customFormat="1" x14ac:dyDescent="0.15">
      <c r="A62" s="3"/>
      <c r="B62" s="3" t="s">
        <v>1315</v>
      </c>
      <c r="C62" s="12">
        <v>248</v>
      </c>
      <c r="D62" s="12">
        <v>520</v>
      </c>
      <c r="E62" s="12">
        <v>260</v>
      </c>
      <c r="F62" s="12">
        <v>260</v>
      </c>
      <c r="G62" s="12">
        <v>19</v>
      </c>
      <c r="H62" s="12">
        <v>48</v>
      </c>
      <c r="I62" s="12">
        <v>57</v>
      </c>
      <c r="J62" s="12">
        <v>37</v>
      </c>
      <c r="K62" s="12">
        <v>94</v>
      </c>
      <c r="L62" s="12">
        <v>72</v>
      </c>
      <c r="M62" s="12">
        <v>84</v>
      </c>
      <c r="N62" s="12">
        <v>109</v>
      </c>
      <c r="O62" s="12">
        <v>0</v>
      </c>
      <c r="P62" s="12">
        <v>48</v>
      </c>
      <c r="Q62" s="12">
        <v>319</v>
      </c>
      <c r="R62" s="12">
        <v>153</v>
      </c>
    </row>
    <row r="63" spans="1:18" s="4" customFormat="1" x14ac:dyDescent="0.15">
      <c r="A63" s="3"/>
      <c r="B63" s="3" t="s">
        <v>1316</v>
      </c>
      <c r="C63" s="12">
        <v>161</v>
      </c>
      <c r="D63" s="12">
        <v>234</v>
      </c>
      <c r="E63" s="12">
        <v>133</v>
      </c>
      <c r="F63" s="12">
        <v>101</v>
      </c>
      <c r="G63" s="12">
        <v>13</v>
      </c>
      <c r="H63" s="12">
        <v>9</v>
      </c>
      <c r="I63" s="12">
        <v>34</v>
      </c>
      <c r="J63" s="12">
        <v>32</v>
      </c>
      <c r="K63" s="12">
        <v>43</v>
      </c>
      <c r="L63" s="12">
        <v>38</v>
      </c>
      <c r="M63" s="12">
        <v>29</v>
      </c>
      <c r="N63" s="12">
        <v>36</v>
      </c>
      <c r="O63" s="12">
        <v>0</v>
      </c>
      <c r="P63" s="12">
        <v>19</v>
      </c>
      <c r="Q63" s="12">
        <v>169</v>
      </c>
      <c r="R63" s="12">
        <v>46</v>
      </c>
    </row>
    <row r="64" spans="1:18" s="4" customFormat="1" x14ac:dyDescent="0.15">
      <c r="A64" s="3"/>
      <c r="B64" s="3" t="s">
        <v>1317</v>
      </c>
      <c r="C64" s="12">
        <v>934</v>
      </c>
      <c r="D64" s="12">
        <v>1866</v>
      </c>
      <c r="E64" s="12">
        <v>1011</v>
      </c>
      <c r="F64" s="12">
        <v>855</v>
      </c>
      <c r="G64" s="12">
        <v>161</v>
      </c>
      <c r="H64" s="12">
        <v>207</v>
      </c>
      <c r="I64" s="12">
        <v>240</v>
      </c>
      <c r="J64" s="12">
        <v>286</v>
      </c>
      <c r="K64" s="12">
        <v>378</v>
      </c>
      <c r="L64" s="12">
        <v>235</v>
      </c>
      <c r="M64" s="12">
        <v>141</v>
      </c>
      <c r="N64" s="12">
        <v>218</v>
      </c>
      <c r="O64" s="12">
        <v>0</v>
      </c>
      <c r="P64" s="12">
        <v>268</v>
      </c>
      <c r="Q64" s="12">
        <v>1304</v>
      </c>
      <c r="R64" s="12">
        <v>294</v>
      </c>
    </row>
    <row r="65" spans="1:18" s="4" customFormat="1" x14ac:dyDescent="0.15">
      <c r="A65" s="3"/>
      <c r="B65" s="3" t="s">
        <v>1318</v>
      </c>
      <c r="C65" s="12">
        <v>366</v>
      </c>
      <c r="D65" s="12">
        <v>784</v>
      </c>
      <c r="E65" s="12">
        <v>433</v>
      </c>
      <c r="F65" s="12">
        <v>351</v>
      </c>
      <c r="G65" s="12">
        <v>80</v>
      </c>
      <c r="H65" s="12">
        <v>96</v>
      </c>
      <c r="I65" s="12">
        <v>84</v>
      </c>
      <c r="J65" s="12">
        <v>120</v>
      </c>
      <c r="K65" s="12">
        <v>147</v>
      </c>
      <c r="L65" s="12">
        <v>79</v>
      </c>
      <c r="M65" s="12">
        <v>66</v>
      </c>
      <c r="N65" s="12">
        <v>112</v>
      </c>
      <c r="O65" s="12">
        <v>0</v>
      </c>
      <c r="P65" s="12">
        <v>137</v>
      </c>
      <c r="Q65" s="12">
        <v>510</v>
      </c>
      <c r="R65" s="12">
        <v>137</v>
      </c>
    </row>
    <row r="66" spans="1:18" s="4" customFormat="1" x14ac:dyDescent="0.15">
      <c r="A66" s="3"/>
      <c r="B66" s="3" t="s">
        <v>1319</v>
      </c>
      <c r="C66" s="12">
        <v>19</v>
      </c>
      <c r="D66" s="12">
        <v>55</v>
      </c>
      <c r="E66" s="12">
        <v>26</v>
      </c>
      <c r="F66" s="12">
        <v>29</v>
      </c>
      <c r="G66" s="12">
        <v>5</v>
      </c>
      <c r="H66" s="12">
        <v>6</v>
      </c>
      <c r="I66" s="12">
        <v>10</v>
      </c>
      <c r="J66" s="12">
        <v>10</v>
      </c>
      <c r="K66" s="12">
        <v>6</v>
      </c>
      <c r="L66" s="12">
        <v>13</v>
      </c>
      <c r="M66" s="12">
        <v>2</v>
      </c>
      <c r="N66" s="12">
        <v>3</v>
      </c>
      <c r="O66" s="12">
        <v>0</v>
      </c>
      <c r="P66" s="12">
        <v>7</v>
      </c>
      <c r="Q66" s="12">
        <v>43</v>
      </c>
      <c r="R66" s="12">
        <v>5</v>
      </c>
    </row>
    <row r="67" spans="1:18" s="4" customFormat="1" x14ac:dyDescent="0.15">
      <c r="A67" s="3"/>
      <c r="B67" s="3" t="s">
        <v>1320</v>
      </c>
      <c r="C67" s="12">
        <v>156</v>
      </c>
      <c r="D67" s="12">
        <v>320</v>
      </c>
      <c r="E67" s="12">
        <v>171</v>
      </c>
      <c r="F67" s="12">
        <v>149</v>
      </c>
      <c r="G67" s="12">
        <v>33</v>
      </c>
      <c r="H67" s="12">
        <v>39</v>
      </c>
      <c r="I67" s="12">
        <v>39</v>
      </c>
      <c r="J67" s="12">
        <v>37</v>
      </c>
      <c r="K67" s="12">
        <v>50</v>
      </c>
      <c r="L67" s="12">
        <v>42</v>
      </c>
      <c r="M67" s="12">
        <v>31</v>
      </c>
      <c r="N67" s="12">
        <v>49</v>
      </c>
      <c r="O67" s="12">
        <v>0</v>
      </c>
      <c r="P67" s="12">
        <v>52</v>
      </c>
      <c r="Q67" s="12">
        <v>205</v>
      </c>
      <c r="R67" s="12">
        <v>63</v>
      </c>
    </row>
    <row r="68" spans="1:18" s="4" customFormat="1" x14ac:dyDescent="0.15">
      <c r="A68" s="3"/>
      <c r="B68" s="3" t="s">
        <v>1321</v>
      </c>
      <c r="C68" s="12">
        <v>254</v>
      </c>
      <c r="D68" s="12">
        <v>521</v>
      </c>
      <c r="E68" s="12">
        <v>278</v>
      </c>
      <c r="F68" s="12">
        <v>243</v>
      </c>
      <c r="G68" s="12">
        <v>43</v>
      </c>
      <c r="H68" s="12">
        <v>45</v>
      </c>
      <c r="I68" s="12">
        <v>46</v>
      </c>
      <c r="J68" s="12">
        <v>61</v>
      </c>
      <c r="K68" s="12">
        <v>70</v>
      </c>
      <c r="L68" s="12">
        <v>77</v>
      </c>
      <c r="M68" s="12">
        <v>58</v>
      </c>
      <c r="N68" s="12">
        <v>121</v>
      </c>
      <c r="O68" s="12">
        <v>0</v>
      </c>
      <c r="P68" s="12">
        <v>63</v>
      </c>
      <c r="Q68" s="12">
        <v>304</v>
      </c>
      <c r="R68" s="12">
        <v>154</v>
      </c>
    </row>
    <row r="69" spans="1:18" s="4" customFormat="1" x14ac:dyDescent="0.15">
      <c r="A69" s="3"/>
      <c r="B69" s="3" t="s">
        <v>1322</v>
      </c>
      <c r="C69" s="12">
        <v>590</v>
      </c>
      <c r="D69" s="12">
        <v>1190</v>
      </c>
      <c r="E69" s="12">
        <v>667</v>
      </c>
      <c r="F69" s="12">
        <v>523</v>
      </c>
      <c r="G69" s="12">
        <v>77</v>
      </c>
      <c r="H69" s="12">
        <v>123</v>
      </c>
      <c r="I69" s="12">
        <v>139</v>
      </c>
      <c r="J69" s="12">
        <v>122</v>
      </c>
      <c r="K69" s="12">
        <v>188</v>
      </c>
      <c r="L69" s="12">
        <v>163</v>
      </c>
      <c r="M69" s="12">
        <v>127</v>
      </c>
      <c r="N69" s="12">
        <v>251</v>
      </c>
      <c r="O69" s="12">
        <v>0</v>
      </c>
      <c r="P69" s="12">
        <v>132</v>
      </c>
      <c r="Q69" s="12">
        <v>741</v>
      </c>
      <c r="R69" s="12">
        <v>317</v>
      </c>
    </row>
    <row r="70" spans="1:18" s="4" customFormat="1" x14ac:dyDescent="0.15">
      <c r="A70" s="3"/>
      <c r="B70" s="3" t="s">
        <v>1323</v>
      </c>
      <c r="C70" s="12">
        <v>150</v>
      </c>
      <c r="D70" s="12">
        <v>184</v>
      </c>
      <c r="E70" s="12">
        <v>99</v>
      </c>
      <c r="F70" s="12">
        <v>85</v>
      </c>
      <c r="G70" s="12">
        <v>2</v>
      </c>
      <c r="H70" s="12">
        <v>9</v>
      </c>
      <c r="I70" s="12">
        <v>78</v>
      </c>
      <c r="J70" s="12">
        <v>23</v>
      </c>
      <c r="K70" s="12">
        <v>27</v>
      </c>
      <c r="L70" s="12">
        <v>14</v>
      </c>
      <c r="M70" s="12">
        <v>16</v>
      </c>
      <c r="N70" s="12">
        <v>15</v>
      </c>
      <c r="O70" s="12">
        <v>0</v>
      </c>
      <c r="P70" s="12">
        <v>8</v>
      </c>
      <c r="Q70" s="12">
        <v>151</v>
      </c>
      <c r="R70" s="12">
        <v>25</v>
      </c>
    </row>
    <row r="71" spans="1:18" s="4" customFormat="1" x14ac:dyDescent="0.15">
      <c r="A71" s="3"/>
      <c r="B71" s="3" t="s">
        <v>1324</v>
      </c>
      <c r="C71" s="12">
        <v>469</v>
      </c>
      <c r="D71" s="12">
        <v>1019</v>
      </c>
      <c r="E71" s="12">
        <v>490</v>
      </c>
      <c r="F71" s="12">
        <v>529</v>
      </c>
      <c r="G71" s="12">
        <v>61</v>
      </c>
      <c r="H71" s="12">
        <v>80</v>
      </c>
      <c r="I71" s="12">
        <v>108</v>
      </c>
      <c r="J71" s="12">
        <v>108</v>
      </c>
      <c r="K71" s="12">
        <v>137</v>
      </c>
      <c r="L71" s="12">
        <v>151</v>
      </c>
      <c r="M71" s="12">
        <v>121</v>
      </c>
      <c r="N71" s="12">
        <v>253</v>
      </c>
      <c r="O71" s="12">
        <v>0</v>
      </c>
      <c r="P71" s="12">
        <v>99</v>
      </c>
      <c r="Q71" s="12">
        <v>603</v>
      </c>
      <c r="R71" s="12">
        <v>317</v>
      </c>
    </row>
    <row r="72" spans="1:18" s="4" customFormat="1" x14ac:dyDescent="0.15">
      <c r="A72" s="3"/>
      <c r="B72" s="3" t="s">
        <v>1325</v>
      </c>
      <c r="C72" s="12">
        <v>345</v>
      </c>
      <c r="D72" s="12">
        <v>822</v>
      </c>
      <c r="E72" s="12">
        <v>422</v>
      </c>
      <c r="F72" s="12">
        <v>400</v>
      </c>
      <c r="G72" s="12">
        <v>88</v>
      </c>
      <c r="H72" s="12">
        <v>71</v>
      </c>
      <c r="I72" s="12">
        <v>85</v>
      </c>
      <c r="J72" s="12">
        <v>116</v>
      </c>
      <c r="K72" s="12">
        <v>124</v>
      </c>
      <c r="L72" s="12">
        <v>101</v>
      </c>
      <c r="M72" s="12">
        <v>82</v>
      </c>
      <c r="N72" s="12">
        <v>155</v>
      </c>
      <c r="O72" s="12">
        <v>0</v>
      </c>
      <c r="P72" s="12">
        <v>125</v>
      </c>
      <c r="Q72" s="12">
        <v>500</v>
      </c>
      <c r="R72" s="12">
        <v>197</v>
      </c>
    </row>
    <row r="73" spans="1:18" s="4" customFormat="1" x14ac:dyDescent="0.15">
      <c r="A73" s="3"/>
      <c r="B73" s="3" t="s">
        <v>1326</v>
      </c>
      <c r="C73" s="12">
        <v>753</v>
      </c>
      <c r="D73" s="12">
        <v>1487</v>
      </c>
      <c r="E73" s="12">
        <v>790</v>
      </c>
      <c r="F73" s="12">
        <v>697</v>
      </c>
      <c r="G73" s="12">
        <v>118</v>
      </c>
      <c r="H73" s="12">
        <v>135</v>
      </c>
      <c r="I73" s="12">
        <v>246</v>
      </c>
      <c r="J73" s="12">
        <v>249</v>
      </c>
      <c r="K73" s="12">
        <v>222</v>
      </c>
      <c r="L73" s="12">
        <v>231</v>
      </c>
      <c r="M73" s="12">
        <v>117</v>
      </c>
      <c r="N73" s="12">
        <v>169</v>
      </c>
      <c r="O73" s="12">
        <v>0</v>
      </c>
      <c r="P73" s="12">
        <v>194</v>
      </c>
      <c r="Q73" s="12">
        <v>1072</v>
      </c>
      <c r="R73" s="12">
        <v>221</v>
      </c>
    </row>
    <row r="74" spans="1:18" s="4" customFormat="1" x14ac:dyDescent="0.15">
      <c r="A74" s="3"/>
      <c r="B74" s="3" t="s">
        <v>1327</v>
      </c>
      <c r="C74" s="12">
        <v>214</v>
      </c>
      <c r="D74" s="12">
        <v>467</v>
      </c>
      <c r="E74" s="12">
        <v>258</v>
      </c>
      <c r="F74" s="12">
        <v>209</v>
      </c>
      <c r="G74" s="12">
        <v>30</v>
      </c>
      <c r="H74" s="12">
        <v>32</v>
      </c>
      <c r="I74" s="12">
        <v>79</v>
      </c>
      <c r="J74" s="12">
        <v>45</v>
      </c>
      <c r="K74" s="12">
        <v>67</v>
      </c>
      <c r="L74" s="12">
        <v>95</v>
      </c>
      <c r="M74" s="12">
        <v>56</v>
      </c>
      <c r="N74" s="12">
        <v>63</v>
      </c>
      <c r="O74" s="12">
        <v>0</v>
      </c>
      <c r="P74" s="12">
        <v>48</v>
      </c>
      <c r="Q74" s="12">
        <v>329</v>
      </c>
      <c r="R74" s="12">
        <v>90</v>
      </c>
    </row>
    <row r="75" spans="1:18" s="4" customFormat="1" x14ac:dyDescent="0.15">
      <c r="A75" s="3"/>
      <c r="B75" s="3" t="s">
        <v>1328</v>
      </c>
      <c r="C75" s="12">
        <v>73</v>
      </c>
      <c r="D75" s="12">
        <v>140</v>
      </c>
      <c r="E75" s="12">
        <v>78</v>
      </c>
      <c r="F75" s="12">
        <v>62</v>
      </c>
      <c r="G75" s="12">
        <v>7</v>
      </c>
      <c r="H75" s="12">
        <v>13</v>
      </c>
      <c r="I75" s="12">
        <v>29</v>
      </c>
      <c r="J75" s="12">
        <v>24</v>
      </c>
      <c r="K75" s="12">
        <v>15</v>
      </c>
      <c r="L75" s="12">
        <v>21</v>
      </c>
      <c r="M75" s="12">
        <v>10</v>
      </c>
      <c r="N75" s="12">
        <v>21</v>
      </c>
      <c r="O75" s="12">
        <v>0</v>
      </c>
      <c r="P75" s="12">
        <v>11</v>
      </c>
      <c r="Q75" s="12">
        <v>105</v>
      </c>
      <c r="R75" s="12">
        <v>24</v>
      </c>
    </row>
    <row r="76" spans="1:18" s="4" customFormat="1" x14ac:dyDescent="0.15">
      <c r="A76" s="3"/>
      <c r="B76" s="3" t="s">
        <v>1329</v>
      </c>
      <c r="C76" s="12">
        <v>3</v>
      </c>
      <c r="D76" s="12">
        <v>3</v>
      </c>
      <c r="E76" s="12">
        <v>3</v>
      </c>
      <c r="F76" s="12">
        <v>0</v>
      </c>
      <c r="G76" s="12" t="s">
        <v>132</v>
      </c>
      <c r="H76" s="12" t="s">
        <v>132</v>
      </c>
      <c r="I76" s="12" t="s">
        <v>132</v>
      </c>
      <c r="J76" s="12" t="s">
        <v>132</v>
      </c>
      <c r="K76" s="12" t="s">
        <v>132</v>
      </c>
      <c r="L76" s="12" t="s">
        <v>132</v>
      </c>
      <c r="M76" s="12" t="s">
        <v>132</v>
      </c>
      <c r="N76" s="12" t="s">
        <v>132</v>
      </c>
      <c r="O76" s="12" t="s">
        <v>132</v>
      </c>
      <c r="P76" s="12" t="s">
        <v>132</v>
      </c>
      <c r="Q76" s="12" t="s">
        <v>132</v>
      </c>
      <c r="R76" s="12" t="s">
        <v>132</v>
      </c>
    </row>
    <row r="77" spans="1:18" s="4" customFormat="1" x14ac:dyDescent="0.15">
      <c r="A77" s="3"/>
      <c r="B77" s="3" t="s">
        <v>1330</v>
      </c>
      <c r="C77" s="12">
        <v>1253</v>
      </c>
      <c r="D77" s="12">
        <v>2216</v>
      </c>
      <c r="E77" s="12">
        <v>1023</v>
      </c>
      <c r="F77" s="12">
        <v>1193</v>
      </c>
      <c r="G77" s="12">
        <v>130</v>
      </c>
      <c r="H77" s="12">
        <v>173</v>
      </c>
      <c r="I77" s="12">
        <v>130</v>
      </c>
      <c r="J77" s="12">
        <v>144</v>
      </c>
      <c r="K77" s="12">
        <v>233</v>
      </c>
      <c r="L77" s="12">
        <v>286</v>
      </c>
      <c r="M77" s="12">
        <v>271</v>
      </c>
      <c r="N77" s="12">
        <v>849</v>
      </c>
      <c r="O77" s="12">
        <v>0</v>
      </c>
      <c r="P77" s="12">
        <v>223</v>
      </c>
      <c r="Q77" s="12">
        <v>992</v>
      </c>
      <c r="R77" s="12">
        <v>1001</v>
      </c>
    </row>
    <row r="78" spans="1:18" s="4" customFormat="1" x14ac:dyDescent="0.15">
      <c r="A78" s="3"/>
      <c r="B78" s="3" t="s">
        <v>1331</v>
      </c>
      <c r="C78" s="12">
        <v>1171</v>
      </c>
      <c r="D78" s="12">
        <v>2580</v>
      </c>
      <c r="E78" s="12">
        <v>1328</v>
      </c>
      <c r="F78" s="12">
        <v>1252</v>
      </c>
      <c r="G78" s="12">
        <v>220</v>
      </c>
      <c r="H78" s="12">
        <v>251</v>
      </c>
      <c r="I78" s="12">
        <v>299</v>
      </c>
      <c r="J78" s="12">
        <v>340</v>
      </c>
      <c r="K78" s="12">
        <v>383</v>
      </c>
      <c r="L78" s="12">
        <v>357</v>
      </c>
      <c r="M78" s="12">
        <v>239</v>
      </c>
      <c r="N78" s="12">
        <v>491</v>
      </c>
      <c r="O78" s="12">
        <v>0</v>
      </c>
      <c r="P78" s="12">
        <v>343</v>
      </c>
      <c r="Q78" s="12">
        <v>1631</v>
      </c>
      <c r="R78" s="12">
        <v>606</v>
      </c>
    </row>
    <row r="79" spans="1:18" s="4" customFormat="1" x14ac:dyDescent="0.15">
      <c r="A79" s="3"/>
      <c r="B79" s="3" t="s">
        <v>1332</v>
      </c>
      <c r="C79" s="12">
        <v>363</v>
      </c>
      <c r="D79" s="12">
        <v>767</v>
      </c>
      <c r="E79" s="12">
        <v>393</v>
      </c>
      <c r="F79" s="12">
        <v>374</v>
      </c>
      <c r="G79" s="12">
        <v>34</v>
      </c>
      <c r="H79" s="12">
        <v>43</v>
      </c>
      <c r="I79" s="12">
        <v>51</v>
      </c>
      <c r="J79" s="12">
        <v>58</v>
      </c>
      <c r="K79" s="12">
        <v>87</v>
      </c>
      <c r="L79" s="12">
        <v>130</v>
      </c>
      <c r="M79" s="12">
        <v>103</v>
      </c>
      <c r="N79" s="12">
        <v>261</v>
      </c>
      <c r="O79" s="12">
        <v>0</v>
      </c>
      <c r="P79" s="12">
        <v>52</v>
      </c>
      <c r="Q79" s="12">
        <v>400</v>
      </c>
      <c r="R79" s="12">
        <v>315</v>
      </c>
    </row>
    <row r="80" spans="1:18" s="4" customFormat="1" x14ac:dyDescent="0.15">
      <c r="A80" s="3"/>
      <c r="B80" s="3" t="s">
        <v>1333</v>
      </c>
      <c r="C80" s="12">
        <v>980</v>
      </c>
      <c r="D80" s="12">
        <v>1924</v>
      </c>
      <c r="E80" s="12">
        <v>946</v>
      </c>
      <c r="F80" s="12">
        <v>978</v>
      </c>
      <c r="G80" s="12">
        <v>152</v>
      </c>
      <c r="H80" s="12">
        <v>122</v>
      </c>
      <c r="I80" s="12">
        <v>248</v>
      </c>
      <c r="J80" s="12">
        <v>220</v>
      </c>
      <c r="K80" s="12">
        <v>262</v>
      </c>
      <c r="L80" s="12">
        <v>217</v>
      </c>
      <c r="M80" s="12">
        <v>238</v>
      </c>
      <c r="N80" s="12">
        <v>465</v>
      </c>
      <c r="O80" s="12">
        <v>0</v>
      </c>
      <c r="P80" s="12">
        <v>210</v>
      </c>
      <c r="Q80" s="12">
        <v>1129</v>
      </c>
      <c r="R80" s="12">
        <v>585</v>
      </c>
    </row>
    <row r="81" spans="1:18" s="4" customFormat="1" x14ac:dyDescent="0.15">
      <c r="A81" s="3"/>
      <c r="B81" s="3" t="s">
        <v>1334</v>
      </c>
      <c r="C81" s="12">
        <v>187</v>
      </c>
      <c r="D81" s="12">
        <v>345</v>
      </c>
      <c r="E81" s="12">
        <v>174</v>
      </c>
      <c r="F81" s="12">
        <v>171</v>
      </c>
      <c r="G81" s="12">
        <v>9</v>
      </c>
      <c r="H81" s="12">
        <v>27</v>
      </c>
      <c r="I81" s="12">
        <v>40</v>
      </c>
      <c r="J81" s="12">
        <v>37</v>
      </c>
      <c r="K81" s="12">
        <v>48</v>
      </c>
      <c r="L81" s="12">
        <v>50</v>
      </c>
      <c r="M81" s="12">
        <v>40</v>
      </c>
      <c r="N81" s="12">
        <v>94</v>
      </c>
      <c r="O81" s="12">
        <v>0</v>
      </c>
      <c r="P81" s="12">
        <v>22</v>
      </c>
      <c r="Q81" s="12">
        <v>208</v>
      </c>
      <c r="R81" s="12">
        <v>115</v>
      </c>
    </row>
    <row r="82" spans="1:18" s="4" customFormat="1" x14ac:dyDescent="0.15">
      <c r="A82" s="3"/>
      <c r="B82" s="3" t="s">
        <v>1335</v>
      </c>
      <c r="C82" s="12">
        <v>269</v>
      </c>
      <c r="D82" s="12">
        <v>641</v>
      </c>
      <c r="E82" s="12">
        <v>325</v>
      </c>
      <c r="F82" s="12">
        <v>316</v>
      </c>
      <c r="G82" s="12">
        <v>59</v>
      </c>
      <c r="H82" s="12">
        <v>114</v>
      </c>
      <c r="I82" s="12">
        <v>39</v>
      </c>
      <c r="J82" s="12">
        <v>88</v>
      </c>
      <c r="K82" s="12">
        <v>136</v>
      </c>
      <c r="L82" s="12">
        <v>84</v>
      </c>
      <c r="M82" s="12">
        <v>46</v>
      </c>
      <c r="N82" s="12">
        <v>75</v>
      </c>
      <c r="O82" s="12">
        <v>0</v>
      </c>
      <c r="P82" s="12">
        <v>107</v>
      </c>
      <c r="Q82" s="12">
        <v>433</v>
      </c>
      <c r="R82" s="12">
        <v>101</v>
      </c>
    </row>
    <row r="83" spans="1:18" s="4" customFormat="1" x14ac:dyDescent="0.15">
      <c r="A83" s="3"/>
      <c r="B83" s="3" t="s">
        <v>960</v>
      </c>
      <c r="C83" s="12">
        <v>17</v>
      </c>
      <c r="D83" s="12">
        <v>37</v>
      </c>
      <c r="E83" s="12">
        <v>21</v>
      </c>
      <c r="F83" s="12">
        <v>16</v>
      </c>
      <c r="G83" s="12">
        <v>4</v>
      </c>
      <c r="H83" s="12">
        <v>2</v>
      </c>
      <c r="I83" s="12">
        <v>2</v>
      </c>
      <c r="J83" s="12">
        <v>6</v>
      </c>
      <c r="K83" s="12">
        <v>2</v>
      </c>
      <c r="L83" s="12">
        <v>7</v>
      </c>
      <c r="M83" s="12">
        <v>4</v>
      </c>
      <c r="N83" s="12">
        <v>10</v>
      </c>
      <c r="O83" s="12">
        <v>0</v>
      </c>
      <c r="P83" s="12">
        <v>5</v>
      </c>
      <c r="Q83" s="12">
        <v>20</v>
      </c>
      <c r="R83" s="12">
        <v>12</v>
      </c>
    </row>
    <row r="84" spans="1:18" s="4" customFormat="1" x14ac:dyDescent="0.15">
      <c r="A84" s="3"/>
      <c r="B84" s="3" t="s">
        <v>1336</v>
      </c>
      <c r="C84" s="12">
        <v>1</v>
      </c>
      <c r="D84" s="12">
        <v>1</v>
      </c>
      <c r="E84" s="12">
        <v>1</v>
      </c>
      <c r="F84" s="12">
        <v>0</v>
      </c>
      <c r="G84" s="12" t="s">
        <v>132</v>
      </c>
      <c r="H84" s="12" t="s">
        <v>132</v>
      </c>
      <c r="I84" s="12" t="s">
        <v>132</v>
      </c>
      <c r="J84" s="12" t="s">
        <v>132</v>
      </c>
      <c r="K84" s="12" t="s">
        <v>132</v>
      </c>
      <c r="L84" s="12" t="s">
        <v>132</v>
      </c>
      <c r="M84" s="12" t="s">
        <v>132</v>
      </c>
      <c r="N84" s="12" t="s">
        <v>132</v>
      </c>
      <c r="O84" s="12" t="s">
        <v>132</v>
      </c>
      <c r="P84" s="12" t="s">
        <v>132</v>
      </c>
      <c r="Q84" s="12" t="s">
        <v>132</v>
      </c>
      <c r="R84" s="12" t="s">
        <v>132</v>
      </c>
    </row>
    <row r="85" spans="1:18" s="4" customFormat="1" x14ac:dyDescent="0.15">
      <c r="A85" s="3"/>
      <c r="B85" s="3" t="s">
        <v>1337</v>
      </c>
      <c r="C85" s="12">
        <v>280</v>
      </c>
      <c r="D85" s="12">
        <v>507</v>
      </c>
      <c r="E85" s="12">
        <v>250</v>
      </c>
      <c r="F85" s="12">
        <v>257</v>
      </c>
      <c r="G85" s="12">
        <v>23</v>
      </c>
      <c r="H85" s="12">
        <v>34</v>
      </c>
      <c r="I85" s="12">
        <v>58</v>
      </c>
      <c r="J85" s="12">
        <v>40</v>
      </c>
      <c r="K85" s="12">
        <v>59</v>
      </c>
      <c r="L85" s="12">
        <v>76</v>
      </c>
      <c r="M85" s="12">
        <v>68</v>
      </c>
      <c r="N85" s="12">
        <v>149</v>
      </c>
      <c r="O85" s="12">
        <v>0</v>
      </c>
      <c r="P85" s="12">
        <v>39</v>
      </c>
      <c r="Q85" s="12">
        <v>281</v>
      </c>
      <c r="R85" s="12">
        <v>187</v>
      </c>
    </row>
    <row r="86" spans="1:18" s="4" customFormat="1" x14ac:dyDescent="0.15">
      <c r="A86" s="3"/>
      <c r="B86" s="3" t="s">
        <v>1338</v>
      </c>
      <c r="C86" s="12">
        <v>254</v>
      </c>
      <c r="D86" s="12">
        <v>541</v>
      </c>
      <c r="E86" s="12">
        <v>274</v>
      </c>
      <c r="F86" s="12">
        <v>267</v>
      </c>
      <c r="G86" s="12">
        <v>55</v>
      </c>
      <c r="H86" s="12">
        <v>65</v>
      </c>
      <c r="I86" s="12">
        <v>82</v>
      </c>
      <c r="J86" s="12">
        <v>55</v>
      </c>
      <c r="K86" s="12">
        <v>90</v>
      </c>
      <c r="L86" s="12">
        <v>63</v>
      </c>
      <c r="M86" s="12">
        <v>57</v>
      </c>
      <c r="N86" s="12">
        <v>74</v>
      </c>
      <c r="O86" s="12">
        <v>0</v>
      </c>
      <c r="P86" s="12">
        <v>95</v>
      </c>
      <c r="Q86" s="12">
        <v>344</v>
      </c>
      <c r="R86" s="12">
        <v>102</v>
      </c>
    </row>
    <row r="87" spans="1:18" s="4" customFormat="1" x14ac:dyDescent="0.15">
      <c r="A87" s="3"/>
      <c r="B87" s="3" t="s">
        <v>1339</v>
      </c>
      <c r="C87" s="12">
        <v>508</v>
      </c>
      <c r="D87" s="12">
        <v>901</v>
      </c>
      <c r="E87" s="12">
        <v>473</v>
      </c>
      <c r="F87" s="12">
        <v>428</v>
      </c>
      <c r="G87" s="12">
        <v>32</v>
      </c>
      <c r="H87" s="12">
        <v>61</v>
      </c>
      <c r="I87" s="12">
        <v>141</v>
      </c>
      <c r="J87" s="12">
        <v>119</v>
      </c>
      <c r="K87" s="12">
        <v>123</v>
      </c>
      <c r="L87" s="12">
        <v>140</v>
      </c>
      <c r="M87" s="12">
        <v>123</v>
      </c>
      <c r="N87" s="12">
        <v>162</v>
      </c>
      <c r="O87" s="12">
        <v>0</v>
      </c>
      <c r="P87" s="12">
        <v>63</v>
      </c>
      <c r="Q87" s="12">
        <v>627</v>
      </c>
      <c r="R87" s="12">
        <v>211</v>
      </c>
    </row>
    <row r="88" spans="1:18" s="4" customFormat="1" x14ac:dyDescent="0.15">
      <c r="A88" s="3"/>
      <c r="B88" s="3" t="s">
        <v>1340</v>
      </c>
      <c r="C88" s="12">
        <v>363</v>
      </c>
      <c r="D88" s="12">
        <v>694</v>
      </c>
      <c r="E88" s="12">
        <v>362</v>
      </c>
      <c r="F88" s="12">
        <v>332</v>
      </c>
      <c r="G88" s="12">
        <v>39</v>
      </c>
      <c r="H88" s="12">
        <v>48</v>
      </c>
      <c r="I88" s="12">
        <v>65</v>
      </c>
      <c r="J88" s="12">
        <v>67</v>
      </c>
      <c r="K88" s="12">
        <v>86</v>
      </c>
      <c r="L88" s="12">
        <v>93</v>
      </c>
      <c r="M88" s="12">
        <v>98</v>
      </c>
      <c r="N88" s="12">
        <v>198</v>
      </c>
      <c r="O88" s="12">
        <v>0</v>
      </c>
      <c r="P88" s="12">
        <v>54</v>
      </c>
      <c r="Q88" s="12">
        <v>387</v>
      </c>
      <c r="R88" s="12">
        <v>253</v>
      </c>
    </row>
    <row r="89" spans="1:18" s="4" customFormat="1" x14ac:dyDescent="0.15">
      <c r="A89" s="3"/>
      <c r="B89" s="3" t="s">
        <v>1341</v>
      </c>
      <c r="C89" s="12">
        <v>275</v>
      </c>
      <c r="D89" s="12">
        <v>430</v>
      </c>
      <c r="E89" s="12">
        <v>233</v>
      </c>
      <c r="F89" s="12">
        <v>197</v>
      </c>
      <c r="G89" s="12">
        <v>14</v>
      </c>
      <c r="H89" s="12">
        <v>14</v>
      </c>
      <c r="I89" s="12">
        <v>74</v>
      </c>
      <c r="J89" s="12">
        <v>68</v>
      </c>
      <c r="K89" s="12">
        <v>63</v>
      </c>
      <c r="L89" s="12">
        <v>61</v>
      </c>
      <c r="M89" s="12">
        <v>50</v>
      </c>
      <c r="N89" s="12">
        <v>86</v>
      </c>
      <c r="O89" s="12">
        <v>0</v>
      </c>
      <c r="P89" s="12">
        <v>17</v>
      </c>
      <c r="Q89" s="12">
        <v>302</v>
      </c>
      <c r="R89" s="12">
        <v>111</v>
      </c>
    </row>
    <row r="90" spans="1:18" s="4" customFormat="1" x14ac:dyDescent="0.15">
      <c r="A90" s="3"/>
      <c r="B90" s="3" t="s">
        <v>1342</v>
      </c>
      <c r="C90" s="12">
        <v>253</v>
      </c>
      <c r="D90" s="12">
        <v>597</v>
      </c>
      <c r="E90" s="12">
        <v>301</v>
      </c>
      <c r="F90" s="12">
        <v>296</v>
      </c>
      <c r="G90" s="12">
        <v>38</v>
      </c>
      <c r="H90" s="12">
        <v>60</v>
      </c>
      <c r="I90" s="12">
        <v>69</v>
      </c>
      <c r="J90" s="12">
        <v>42</v>
      </c>
      <c r="K90" s="12">
        <v>87</v>
      </c>
      <c r="L90" s="12">
        <v>90</v>
      </c>
      <c r="M90" s="12">
        <v>65</v>
      </c>
      <c r="N90" s="12">
        <v>146</v>
      </c>
      <c r="O90" s="12">
        <v>0</v>
      </c>
      <c r="P90" s="12">
        <v>63</v>
      </c>
      <c r="Q90" s="12">
        <v>355</v>
      </c>
      <c r="R90" s="12">
        <v>179</v>
      </c>
    </row>
    <row r="91" spans="1:18" s="4" customFormat="1" x14ac:dyDescent="0.15">
      <c r="A91" s="3"/>
      <c r="B91" s="3" t="s">
        <v>1343</v>
      </c>
      <c r="C91" s="12">
        <v>311</v>
      </c>
      <c r="D91" s="12">
        <v>633</v>
      </c>
      <c r="E91" s="12">
        <v>344</v>
      </c>
      <c r="F91" s="12">
        <v>289</v>
      </c>
      <c r="G91" s="12">
        <v>54</v>
      </c>
      <c r="H91" s="12">
        <v>61</v>
      </c>
      <c r="I91" s="12">
        <v>74</v>
      </c>
      <c r="J91" s="12">
        <v>91</v>
      </c>
      <c r="K91" s="12">
        <v>109</v>
      </c>
      <c r="L91" s="12">
        <v>87</v>
      </c>
      <c r="M91" s="12">
        <v>55</v>
      </c>
      <c r="N91" s="12">
        <v>102</v>
      </c>
      <c r="O91" s="12">
        <v>0</v>
      </c>
      <c r="P91" s="12">
        <v>88</v>
      </c>
      <c r="Q91" s="12">
        <v>415</v>
      </c>
      <c r="R91" s="12">
        <v>130</v>
      </c>
    </row>
    <row r="92" spans="1:18" s="4" customFormat="1" x14ac:dyDescent="0.15">
      <c r="A92" s="3"/>
      <c r="B92" s="3" t="s">
        <v>1344</v>
      </c>
      <c r="C92" s="12">
        <v>357</v>
      </c>
      <c r="D92" s="12">
        <v>740</v>
      </c>
      <c r="E92" s="12">
        <v>390</v>
      </c>
      <c r="F92" s="12">
        <v>350</v>
      </c>
      <c r="G92" s="12">
        <v>60</v>
      </c>
      <c r="H92" s="12">
        <v>64</v>
      </c>
      <c r="I92" s="12">
        <v>104</v>
      </c>
      <c r="J92" s="12">
        <v>85</v>
      </c>
      <c r="K92" s="12">
        <v>117</v>
      </c>
      <c r="L92" s="12">
        <v>117</v>
      </c>
      <c r="M92" s="12">
        <v>63</v>
      </c>
      <c r="N92" s="12">
        <v>130</v>
      </c>
      <c r="O92" s="12">
        <v>0</v>
      </c>
      <c r="P92" s="12">
        <v>90</v>
      </c>
      <c r="Q92" s="12">
        <v>491</v>
      </c>
      <c r="R92" s="12">
        <v>159</v>
      </c>
    </row>
    <row r="93" spans="1:18" s="4" customFormat="1" x14ac:dyDescent="0.15">
      <c r="A93" s="3"/>
      <c r="B93" s="3" t="s">
        <v>1345</v>
      </c>
      <c r="C93" s="12">
        <v>1361</v>
      </c>
      <c r="D93" s="12">
        <v>2647</v>
      </c>
      <c r="E93" s="12">
        <v>1307</v>
      </c>
      <c r="F93" s="12">
        <v>1340</v>
      </c>
      <c r="G93" s="12">
        <v>159</v>
      </c>
      <c r="H93" s="12">
        <v>198</v>
      </c>
      <c r="I93" s="12">
        <v>295</v>
      </c>
      <c r="J93" s="12">
        <v>312</v>
      </c>
      <c r="K93" s="12">
        <v>352</v>
      </c>
      <c r="L93" s="12">
        <v>382</v>
      </c>
      <c r="M93" s="12">
        <v>344</v>
      </c>
      <c r="N93" s="12">
        <v>605</v>
      </c>
      <c r="O93" s="12">
        <v>0</v>
      </c>
      <c r="P93" s="12">
        <v>264</v>
      </c>
      <c r="Q93" s="12">
        <v>1592</v>
      </c>
      <c r="R93" s="12">
        <v>791</v>
      </c>
    </row>
    <row r="94" spans="1:18" s="4" customFormat="1" x14ac:dyDescent="0.15">
      <c r="A94" s="3"/>
      <c r="B94" s="3" t="s">
        <v>1346</v>
      </c>
      <c r="C94" s="12">
        <v>762</v>
      </c>
      <c r="D94" s="12">
        <v>1573</v>
      </c>
      <c r="E94" s="12">
        <v>732</v>
      </c>
      <c r="F94" s="12">
        <v>841</v>
      </c>
      <c r="G94" s="12">
        <v>97</v>
      </c>
      <c r="H94" s="12">
        <v>135</v>
      </c>
      <c r="I94" s="12">
        <v>145</v>
      </c>
      <c r="J94" s="12">
        <v>154</v>
      </c>
      <c r="K94" s="12">
        <v>196</v>
      </c>
      <c r="L94" s="12">
        <v>182</v>
      </c>
      <c r="M94" s="12">
        <v>233</v>
      </c>
      <c r="N94" s="12">
        <v>431</v>
      </c>
      <c r="O94" s="12">
        <v>0</v>
      </c>
      <c r="P94" s="12">
        <v>162</v>
      </c>
      <c r="Q94" s="12">
        <v>867</v>
      </c>
      <c r="R94" s="12">
        <v>544</v>
      </c>
    </row>
    <row r="95" spans="1:18" s="4" customFormat="1" x14ac:dyDescent="0.15">
      <c r="A95" s="3"/>
      <c r="B95" s="3" t="s">
        <v>1347</v>
      </c>
      <c r="C95" s="12">
        <v>1059</v>
      </c>
      <c r="D95" s="12">
        <v>2285</v>
      </c>
      <c r="E95" s="12">
        <v>1067</v>
      </c>
      <c r="F95" s="12">
        <v>1218</v>
      </c>
      <c r="G95" s="12">
        <v>174</v>
      </c>
      <c r="H95" s="12">
        <v>217</v>
      </c>
      <c r="I95" s="12">
        <v>189</v>
      </c>
      <c r="J95" s="12">
        <v>248</v>
      </c>
      <c r="K95" s="12">
        <v>281</v>
      </c>
      <c r="L95" s="12">
        <v>309</v>
      </c>
      <c r="M95" s="12">
        <v>262</v>
      </c>
      <c r="N95" s="12">
        <v>605</v>
      </c>
      <c r="O95" s="12">
        <v>0</v>
      </c>
      <c r="P95" s="12">
        <v>287</v>
      </c>
      <c r="Q95" s="12">
        <v>1263</v>
      </c>
      <c r="R95" s="12">
        <v>735</v>
      </c>
    </row>
    <row r="96" spans="1:18" s="4" customFormat="1" x14ac:dyDescent="0.15">
      <c r="A96" s="3"/>
      <c r="B96" s="3" t="s">
        <v>1348</v>
      </c>
      <c r="C96" s="12">
        <v>473</v>
      </c>
      <c r="D96" s="12">
        <v>1101</v>
      </c>
      <c r="E96" s="12">
        <v>575</v>
      </c>
      <c r="F96" s="12">
        <v>526</v>
      </c>
      <c r="G96" s="12">
        <v>61</v>
      </c>
      <c r="H96" s="12">
        <v>103</v>
      </c>
      <c r="I96" s="12">
        <v>101</v>
      </c>
      <c r="J96" s="12">
        <v>86</v>
      </c>
      <c r="K96" s="12">
        <v>203</v>
      </c>
      <c r="L96" s="12">
        <v>183</v>
      </c>
      <c r="M96" s="12">
        <v>123</v>
      </c>
      <c r="N96" s="12">
        <v>241</v>
      </c>
      <c r="O96" s="12">
        <v>0</v>
      </c>
      <c r="P96" s="12">
        <v>119</v>
      </c>
      <c r="Q96" s="12">
        <v>680</v>
      </c>
      <c r="R96" s="12">
        <v>302</v>
      </c>
    </row>
    <row r="97" spans="1:18" s="4" customFormat="1" x14ac:dyDescent="0.15">
      <c r="A97" s="3"/>
      <c r="B97" s="3" t="s">
        <v>1349</v>
      </c>
      <c r="C97" s="12">
        <v>64</v>
      </c>
      <c r="D97" s="12">
        <v>112</v>
      </c>
      <c r="E97" s="12">
        <v>57</v>
      </c>
      <c r="F97" s="12">
        <v>55</v>
      </c>
      <c r="G97" s="12">
        <v>9</v>
      </c>
      <c r="H97" s="12">
        <v>3</v>
      </c>
      <c r="I97" s="12">
        <v>14</v>
      </c>
      <c r="J97" s="12">
        <v>12</v>
      </c>
      <c r="K97" s="12">
        <v>10</v>
      </c>
      <c r="L97" s="12">
        <v>15</v>
      </c>
      <c r="M97" s="12">
        <v>20</v>
      </c>
      <c r="N97" s="12">
        <v>29</v>
      </c>
      <c r="O97" s="12">
        <v>0</v>
      </c>
      <c r="P97" s="12">
        <v>10</v>
      </c>
      <c r="Q97" s="12">
        <v>65</v>
      </c>
      <c r="R97" s="12">
        <v>37</v>
      </c>
    </row>
    <row r="98" spans="1:18" s="4" customFormat="1" x14ac:dyDescent="0.15">
      <c r="A98" s="3"/>
      <c r="B98" s="3" t="s">
        <v>1350</v>
      </c>
      <c r="C98" s="12">
        <v>233</v>
      </c>
      <c r="D98" s="12">
        <v>548</v>
      </c>
      <c r="E98" s="12">
        <v>276</v>
      </c>
      <c r="F98" s="12">
        <v>272</v>
      </c>
      <c r="G98" s="12">
        <v>38</v>
      </c>
      <c r="H98" s="12">
        <v>37</v>
      </c>
      <c r="I98" s="12">
        <v>66</v>
      </c>
      <c r="J98" s="12">
        <v>64</v>
      </c>
      <c r="K98" s="12">
        <v>52</v>
      </c>
      <c r="L98" s="12">
        <v>79</v>
      </c>
      <c r="M98" s="12">
        <v>78</v>
      </c>
      <c r="N98" s="12">
        <v>134</v>
      </c>
      <c r="O98" s="12">
        <v>0</v>
      </c>
      <c r="P98" s="12">
        <v>53</v>
      </c>
      <c r="Q98" s="12">
        <v>330</v>
      </c>
      <c r="R98" s="12">
        <v>165</v>
      </c>
    </row>
    <row r="99" spans="1:18" s="4" customFormat="1" x14ac:dyDescent="0.15">
      <c r="A99" s="3"/>
      <c r="B99" s="3" t="s">
        <v>1351</v>
      </c>
      <c r="C99" s="12">
        <v>652</v>
      </c>
      <c r="D99" s="12">
        <v>1354</v>
      </c>
      <c r="E99" s="12">
        <v>718</v>
      </c>
      <c r="F99" s="12">
        <v>636</v>
      </c>
      <c r="G99" s="12">
        <v>71</v>
      </c>
      <c r="H99" s="12">
        <v>126</v>
      </c>
      <c r="I99" s="12">
        <v>156</v>
      </c>
      <c r="J99" s="12">
        <v>131</v>
      </c>
      <c r="K99" s="12">
        <v>206</v>
      </c>
      <c r="L99" s="12">
        <v>212</v>
      </c>
      <c r="M99" s="12">
        <v>158</v>
      </c>
      <c r="N99" s="12">
        <v>294</v>
      </c>
      <c r="O99" s="12">
        <v>0</v>
      </c>
      <c r="P99" s="12">
        <v>128</v>
      </c>
      <c r="Q99" s="12">
        <v>843</v>
      </c>
      <c r="R99" s="12">
        <v>383</v>
      </c>
    </row>
    <row r="100" spans="1:18" s="4" customFormat="1" x14ac:dyDescent="0.15">
      <c r="A100" s="3"/>
      <c r="B100" s="3" t="s">
        <v>1352</v>
      </c>
      <c r="C100" s="12">
        <v>1</v>
      </c>
      <c r="D100" s="12">
        <v>1</v>
      </c>
      <c r="E100" s="12">
        <v>1</v>
      </c>
      <c r="F100" s="12">
        <v>0</v>
      </c>
      <c r="G100" s="12" t="s">
        <v>132</v>
      </c>
      <c r="H100" s="12" t="s">
        <v>132</v>
      </c>
      <c r="I100" s="12" t="s">
        <v>132</v>
      </c>
      <c r="J100" s="12" t="s">
        <v>132</v>
      </c>
      <c r="K100" s="12" t="s">
        <v>132</v>
      </c>
      <c r="L100" s="12" t="s">
        <v>132</v>
      </c>
      <c r="M100" s="12" t="s">
        <v>132</v>
      </c>
      <c r="N100" s="12" t="s">
        <v>132</v>
      </c>
      <c r="O100" s="12" t="s">
        <v>132</v>
      </c>
      <c r="P100" s="12" t="s">
        <v>132</v>
      </c>
      <c r="Q100" s="12" t="s">
        <v>132</v>
      </c>
      <c r="R100" s="12" t="s">
        <v>132</v>
      </c>
    </row>
    <row r="101" spans="1:18" s="4" customFormat="1" x14ac:dyDescent="0.15">
      <c r="A101" s="3"/>
      <c r="B101" s="3" t="s">
        <v>1353</v>
      </c>
      <c r="C101" s="12">
        <v>260</v>
      </c>
      <c r="D101" s="12">
        <v>443</v>
      </c>
      <c r="E101" s="12">
        <v>243</v>
      </c>
      <c r="F101" s="12">
        <v>200</v>
      </c>
      <c r="G101" s="12">
        <v>46</v>
      </c>
      <c r="H101" s="12">
        <v>55</v>
      </c>
      <c r="I101" s="12">
        <v>49</v>
      </c>
      <c r="J101" s="12">
        <v>50</v>
      </c>
      <c r="K101" s="12">
        <v>65</v>
      </c>
      <c r="L101" s="12">
        <v>46</v>
      </c>
      <c r="M101" s="12">
        <v>38</v>
      </c>
      <c r="N101" s="12">
        <v>94</v>
      </c>
      <c r="O101" s="12">
        <v>0</v>
      </c>
      <c r="P101" s="12">
        <v>79</v>
      </c>
      <c r="Q101" s="12">
        <v>245</v>
      </c>
      <c r="R101" s="12">
        <v>119</v>
      </c>
    </row>
    <row r="102" spans="1:18" s="4" customFormat="1" x14ac:dyDescent="0.15">
      <c r="A102" s="3"/>
      <c r="B102" s="3" t="s">
        <v>1354</v>
      </c>
      <c r="C102" s="12">
        <v>218</v>
      </c>
      <c r="D102" s="12">
        <v>492</v>
      </c>
      <c r="E102" s="12">
        <v>223</v>
      </c>
      <c r="F102" s="12">
        <v>269</v>
      </c>
      <c r="G102" s="12">
        <v>33</v>
      </c>
      <c r="H102" s="12">
        <v>69</v>
      </c>
      <c r="I102" s="12">
        <v>49</v>
      </c>
      <c r="J102" s="12">
        <v>33</v>
      </c>
      <c r="K102" s="12">
        <v>90</v>
      </c>
      <c r="L102" s="12">
        <v>80</v>
      </c>
      <c r="M102" s="12">
        <v>47</v>
      </c>
      <c r="N102" s="12">
        <v>91</v>
      </c>
      <c r="O102" s="12">
        <v>0</v>
      </c>
      <c r="P102" s="12">
        <v>63</v>
      </c>
      <c r="Q102" s="12">
        <v>313</v>
      </c>
      <c r="R102" s="12">
        <v>116</v>
      </c>
    </row>
    <row r="103" spans="1:18" s="4" customFormat="1" x14ac:dyDescent="0.15">
      <c r="A103" s="3"/>
      <c r="B103" s="3" t="s">
        <v>1355</v>
      </c>
      <c r="C103" s="12">
        <v>266</v>
      </c>
      <c r="D103" s="12">
        <v>506</v>
      </c>
      <c r="E103" s="12">
        <v>253</v>
      </c>
      <c r="F103" s="12">
        <v>253</v>
      </c>
      <c r="G103" s="12">
        <v>38</v>
      </c>
      <c r="H103" s="12">
        <v>86</v>
      </c>
      <c r="I103" s="12">
        <v>41</v>
      </c>
      <c r="J103" s="12">
        <v>49</v>
      </c>
      <c r="K103" s="12">
        <v>69</v>
      </c>
      <c r="L103" s="12">
        <v>43</v>
      </c>
      <c r="M103" s="12">
        <v>41</v>
      </c>
      <c r="N103" s="12">
        <v>139</v>
      </c>
      <c r="O103" s="12">
        <v>0</v>
      </c>
      <c r="P103" s="12">
        <v>75</v>
      </c>
      <c r="Q103" s="12">
        <v>270</v>
      </c>
      <c r="R103" s="12">
        <v>161</v>
      </c>
    </row>
    <row r="104" spans="1:18" s="4" customFormat="1" x14ac:dyDescent="0.15">
      <c r="A104" s="3"/>
      <c r="B104" s="3" t="s">
        <v>1356</v>
      </c>
      <c r="C104" s="12">
        <v>564</v>
      </c>
      <c r="D104" s="12">
        <v>1094</v>
      </c>
      <c r="E104" s="12">
        <v>484</v>
      </c>
      <c r="F104" s="12">
        <v>610</v>
      </c>
      <c r="G104" s="12">
        <v>105</v>
      </c>
      <c r="H104" s="12">
        <v>134</v>
      </c>
      <c r="I104" s="12">
        <v>76</v>
      </c>
      <c r="J104" s="12">
        <v>77</v>
      </c>
      <c r="K104" s="12">
        <v>142</v>
      </c>
      <c r="L104" s="12">
        <v>114</v>
      </c>
      <c r="M104" s="12">
        <v>128</v>
      </c>
      <c r="N104" s="12">
        <v>318</v>
      </c>
      <c r="O104" s="12">
        <v>0</v>
      </c>
      <c r="P104" s="12">
        <v>160</v>
      </c>
      <c r="Q104" s="12">
        <v>545</v>
      </c>
      <c r="R104" s="12">
        <v>389</v>
      </c>
    </row>
    <row r="105" spans="1:18" s="4" customFormat="1" x14ac:dyDescent="0.15">
      <c r="A105" s="3"/>
      <c r="B105" s="3" t="s">
        <v>1357</v>
      </c>
      <c r="C105" s="12">
        <v>351</v>
      </c>
      <c r="D105" s="12">
        <v>609</v>
      </c>
      <c r="E105" s="12">
        <v>261</v>
      </c>
      <c r="F105" s="12">
        <v>348</v>
      </c>
      <c r="G105" s="12">
        <v>27</v>
      </c>
      <c r="H105" s="12">
        <v>49</v>
      </c>
      <c r="I105" s="12">
        <v>30</v>
      </c>
      <c r="J105" s="12">
        <v>39</v>
      </c>
      <c r="K105" s="12">
        <v>62</v>
      </c>
      <c r="L105" s="12">
        <v>74</v>
      </c>
      <c r="M105" s="12">
        <v>88</v>
      </c>
      <c r="N105" s="12">
        <v>240</v>
      </c>
      <c r="O105" s="12">
        <v>0</v>
      </c>
      <c r="P105" s="12">
        <v>51</v>
      </c>
      <c r="Q105" s="12">
        <v>267</v>
      </c>
      <c r="R105" s="12">
        <v>291</v>
      </c>
    </row>
    <row r="106" spans="1:18" s="4" customFormat="1" x14ac:dyDescent="0.15">
      <c r="A106" s="3"/>
      <c r="B106" s="3" t="s">
        <v>1358</v>
      </c>
      <c r="C106" s="12">
        <v>301</v>
      </c>
      <c r="D106" s="12">
        <v>486</v>
      </c>
      <c r="E106" s="12">
        <v>249</v>
      </c>
      <c r="F106" s="12">
        <v>237</v>
      </c>
      <c r="G106" s="12">
        <v>33</v>
      </c>
      <c r="H106" s="12">
        <v>30</v>
      </c>
      <c r="I106" s="12">
        <v>79</v>
      </c>
      <c r="J106" s="12">
        <v>53</v>
      </c>
      <c r="K106" s="12">
        <v>86</v>
      </c>
      <c r="L106" s="12">
        <v>56</v>
      </c>
      <c r="M106" s="12">
        <v>54</v>
      </c>
      <c r="N106" s="12">
        <v>95</v>
      </c>
      <c r="O106" s="12">
        <v>0</v>
      </c>
      <c r="P106" s="12">
        <v>48</v>
      </c>
      <c r="Q106" s="12">
        <v>319</v>
      </c>
      <c r="R106" s="12">
        <v>119</v>
      </c>
    </row>
    <row r="107" spans="1:18" s="4" customFormat="1" x14ac:dyDescent="0.15">
      <c r="A107" s="3"/>
      <c r="B107" s="3" t="s">
        <v>1359</v>
      </c>
      <c r="C107" s="12">
        <v>385</v>
      </c>
      <c r="D107" s="12">
        <v>775</v>
      </c>
      <c r="E107" s="12">
        <v>388</v>
      </c>
      <c r="F107" s="12">
        <v>387</v>
      </c>
      <c r="G107" s="12">
        <v>49</v>
      </c>
      <c r="H107" s="12">
        <v>88</v>
      </c>
      <c r="I107" s="12">
        <v>73</v>
      </c>
      <c r="J107" s="12">
        <v>73</v>
      </c>
      <c r="K107" s="12">
        <v>148</v>
      </c>
      <c r="L107" s="12">
        <v>136</v>
      </c>
      <c r="M107" s="12">
        <v>81</v>
      </c>
      <c r="N107" s="12">
        <v>127</v>
      </c>
      <c r="O107" s="12">
        <v>0</v>
      </c>
      <c r="P107" s="12">
        <v>96</v>
      </c>
      <c r="Q107" s="12">
        <v>510</v>
      </c>
      <c r="R107" s="12">
        <v>169</v>
      </c>
    </row>
    <row r="108" spans="1:18" s="4" customFormat="1" x14ac:dyDescent="0.15">
      <c r="A108" s="3"/>
      <c r="B108" s="3" t="s">
        <v>1360</v>
      </c>
      <c r="C108" s="12">
        <v>202</v>
      </c>
      <c r="D108" s="12">
        <v>364</v>
      </c>
      <c r="E108" s="12">
        <v>180</v>
      </c>
      <c r="F108" s="12">
        <v>184</v>
      </c>
      <c r="G108" s="12">
        <v>16</v>
      </c>
      <c r="H108" s="12">
        <v>27</v>
      </c>
      <c r="I108" s="12">
        <v>30</v>
      </c>
      <c r="J108" s="12">
        <v>34</v>
      </c>
      <c r="K108" s="12">
        <v>33</v>
      </c>
      <c r="L108" s="12">
        <v>59</v>
      </c>
      <c r="M108" s="12">
        <v>55</v>
      </c>
      <c r="N108" s="12">
        <v>110</v>
      </c>
      <c r="O108" s="12">
        <v>0</v>
      </c>
      <c r="P108" s="12">
        <v>34</v>
      </c>
      <c r="Q108" s="12">
        <v>188</v>
      </c>
      <c r="R108" s="12">
        <v>142</v>
      </c>
    </row>
    <row r="109" spans="1:18" s="4" customFormat="1" x14ac:dyDescent="0.15">
      <c r="A109" s="3"/>
      <c r="B109" s="3" t="s">
        <v>1361</v>
      </c>
      <c r="C109" s="12">
        <v>92</v>
      </c>
      <c r="D109" s="12">
        <v>197</v>
      </c>
      <c r="E109" s="12">
        <v>91</v>
      </c>
      <c r="F109" s="12">
        <v>106</v>
      </c>
      <c r="G109" s="12">
        <v>13</v>
      </c>
      <c r="H109" s="12">
        <v>17</v>
      </c>
      <c r="I109" s="12">
        <v>21</v>
      </c>
      <c r="J109" s="12">
        <v>22</v>
      </c>
      <c r="K109" s="12">
        <v>27</v>
      </c>
      <c r="L109" s="12">
        <v>35</v>
      </c>
      <c r="M109" s="12">
        <v>24</v>
      </c>
      <c r="N109" s="12">
        <v>38</v>
      </c>
      <c r="O109" s="12">
        <v>0</v>
      </c>
      <c r="P109" s="12">
        <v>22</v>
      </c>
      <c r="Q109" s="12">
        <v>126</v>
      </c>
      <c r="R109" s="12">
        <v>49</v>
      </c>
    </row>
    <row r="110" spans="1:18" s="4" customFormat="1" x14ac:dyDescent="0.15">
      <c r="A110" s="3"/>
      <c r="B110" s="3" t="s">
        <v>1362</v>
      </c>
      <c r="C110" s="12">
        <v>30</v>
      </c>
      <c r="D110" s="12">
        <v>41</v>
      </c>
      <c r="E110" s="12">
        <v>26</v>
      </c>
      <c r="F110" s="12">
        <v>15</v>
      </c>
      <c r="G110" s="12">
        <v>1</v>
      </c>
      <c r="H110" s="12">
        <v>3</v>
      </c>
      <c r="I110" s="12">
        <v>2</v>
      </c>
      <c r="J110" s="12">
        <v>2</v>
      </c>
      <c r="K110" s="12">
        <v>13</v>
      </c>
      <c r="L110" s="12">
        <v>3</v>
      </c>
      <c r="M110" s="12">
        <v>8</v>
      </c>
      <c r="N110" s="12">
        <v>9</v>
      </c>
      <c r="O110" s="12">
        <v>0</v>
      </c>
      <c r="P110" s="12">
        <v>3</v>
      </c>
      <c r="Q110" s="12">
        <v>25</v>
      </c>
      <c r="R110" s="12">
        <v>13</v>
      </c>
    </row>
    <row r="111" spans="1:18" s="4" customFormat="1" x14ac:dyDescent="0.15">
      <c r="A111" s="3"/>
      <c r="B111" s="3" t="s">
        <v>1363</v>
      </c>
      <c r="C111" s="12">
        <v>522</v>
      </c>
      <c r="D111" s="12">
        <v>1137</v>
      </c>
      <c r="E111" s="12">
        <v>632</v>
      </c>
      <c r="F111" s="12">
        <v>505</v>
      </c>
      <c r="G111" s="12">
        <v>70</v>
      </c>
      <c r="H111" s="12">
        <v>126</v>
      </c>
      <c r="I111" s="12">
        <v>161</v>
      </c>
      <c r="J111" s="12">
        <v>107</v>
      </c>
      <c r="K111" s="12">
        <v>161</v>
      </c>
      <c r="L111" s="12">
        <v>146</v>
      </c>
      <c r="M111" s="12">
        <v>84</v>
      </c>
      <c r="N111" s="12">
        <v>282</v>
      </c>
      <c r="O111" s="12">
        <v>0</v>
      </c>
      <c r="P111" s="12">
        <v>117</v>
      </c>
      <c r="Q111" s="12">
        <v>700</v>
      </c>
      <c r="R111" s="12">
        <v>320</v>
      </c>
    </row>
    <row r="112" spans="1:18" s="4" customFormat="1" x14ac:dyDescent="0.15">
      <c r="A112" s="3"/>
      <c r="B112" s="3" t="s">
        <v>1364</v>
      </c>
      <c r="C112" s="12">
        <v>230</v>
      </c>
      <c r="D112" s="12">
        <v>434</v>
      </c>
      <c r="E112" s="12">
        <v>237</v>
      </c>
      <c r="F112" s="12">
        <v>197</v>
      </c>
      <c r="G112" s="12">
        <v>18</v>
      </c>
      <c r="H112" s="12">
        <v>34</v>
      </c>
      <c r="I112" s="12">
        <v>55</v>
      </c>
      <c r="J112" s="12">
        <v>60</v>
      </c>
      <c r="K112" s="12">
        <v>73</v>
      </c>
      <c r="L112" s="12">
        <v>63</v>
      </c>
      <c r="M112" s="12">
        <v>59</v>
      </c>
      <c r="N112" s="12">
        <v>72</v>
      </c>
      <c r="O112" s="12">
        <v>0</v>
      </c>
      <c r="P112" s="12">
        <v>39</v>
      </c>
      <c r="Q112" s="12">
        <v>291</v>
      </c>
      <c r="R112" s="12">
        <v>104</v>
      </c>
    </row>
    <row r="113" spans="1:18" s="4" customFormat="1" x14ac:dyDescent="0.15">
      <c r="A113" s="3"/>
      <c r="B113" s="3" t="s">
        <v>1365</v>
      </c>
      <c r="C113" s="12">
        <v>742</v>
      </c>
      <c r="D113" s="12">
        <v>1616</v>
      </c>
      <c r="E113" s="12">
        <v>852</v>
      </c>
      <c r="F113" s="12">
        <v>764</v>
      </c>
      <c r="G113" s="12">
        <v>173</v>
      </c>
      <c r="H113" s="12">
        <v>170</v>
      </c>
      <c r="I113" s="12">
        <v>190</v>
      </c>
      <c r="J113" s="12">
        <v>223</v>
      </c>
      <c r="K113" s="12">
        <v>262</v>
      </c>
      <c r="L113" s="12">
        <v>220</v>
      </c>
      <c r="M113" s="12">
        <v>175</v>
      </c>
      <c r="N113" s="12">
        <v>203</v>
      </c>
      <c r="O113" s="12">
        <v>0</v>
      </c>
      <c r="P113" s="12">
        <v>280</v>
      </c>
      <c r="Q113" s="12">
        <v>1062</v>
      </c>
      <c r="R113" s="12">
        <v>274</v>
      </c>
    </row>
    <row r="114" spans="1:18" s="4" customFormat="1" x14ac:dyDescent="0.15">
      <c r="A114" s="3"/>
      <c r="B114" s="3" t="s">
        <v>1366</v>
      </c>
      <c r="C114" s="12">
        <v>810</v>
      </c>
      <c r="D114" s="12">
        <v>1648</v>
      </c>
      <c r="E114" s="12">
        <v>895</v>
      </c>
      <c r="F114" s="12">
        <v>753</v>
      </c>
      <c r="G114" s="12">
        <v>128</v>
      </c>
      <c r="H114" s="12">
        <v>164</v>
      </c>
      <c r="I114" s="12">
        <v>254</v>
      </c>
      <c r="J114" s="12">
        <v>186</v>
      </c>
      <c r="K114" s="12">
        <v>245</v>
      </c>
      <c r="L114" s="12">
        <v>251</v>
      </c>
      <c r="M114" s="12">
        <v>180</v>
      </c>
      <c r="N114" s="12">
        <v>240</v>
      </c>
      <c r="O114" s="12">
        <v>0</v>
      </c>
      <c r="P114" s="12">
        <v>215</v>
      </c>
      <c r="Q114" s="12">
        <v>1104</v>
      </c>
      <c r="R114" s="12">
        <v>329</v>
      </c>
    </row>
    <row r="115" spans="1:18" s="4" customFormat="1" x14ac:dyDescent="0.15">
      <c r="A115" s="3"/>
      <c r="B115" s="3" t="s">
        <v>1367</v>
      </c>
      <c r="C115" s="12">
        <v>873</v>
      </c>
      <c r="D115" s="12">
        <v>1596</v>
      </c>
      <c r="E115" s="12">
        <v>827</v>
      </c>
      <c r="F115" s="12">
        <v>769</v>
      </c>
      <c r="G115" s="12">
        <v>103</v>
      </c>
      <c r="H115" s="12">
        <v>127</v>
      </c>
      <c r="I115" s="12">
        <v>158</v>
      </c>
      <c r="J115" s="12">
        <v>172</v>
      </c>
      <c r="K115" s="12">
        <v>190</v>
      </c>
      <c r="L115" s="12">
        <v>188</v>
      </c>
      <c r="M115" s="12">
        <v>166</v>
      </c>
      <c r="N115" s="12">
        <v>492</v>
      </c>
      <c r="O115" s="12">
        <v>0</v>
      </c>
      <c r="P115" s="12">
        <v>170</v>
      </c>
      <c r="Q115" s="12">
        <v>852</v>
      </c>
      <c r="R115" s="12">
        <v>574</v>
      </c>
    </row>
    <row r="116" spans="1:18" s="4" customFormat="1" x14ac:dyDescent="0.15">
      <c r="A116" s="3"/>
      <c r="B116" s="3" t="s">
        <v>1368</v>
      </c>
      <c r="C116" s="12">
        <v>540</v>
      </c>
      <c r="D116" s="12">
        <v>1148</v>
      </c>
      <c r="E116" s="12">
        <v>620</v>
      </c>
      <c r="F116" s="12">
        <v>528</v>
      </c>
      <c r="G116" s="12">
        <v>100</v>
      </c>
      <c r="H116" s="12">
        <v>99</v>
      </c>
      <c r="I116" s="12">
        <v>141</v>
      </c>
      <c r="J116" s="12">
        <v>151</v>
      </c>
      <c r="K116" s="12">
        <v>188</v>
      </c>
      <c r="L116" s="12">
        <v>150</v>
      </c>
      <c r="M116" s="12">
        <v>138</v>
      </c>
      <c r="N116" s="12">
        <v>181</v>
      </c>
      <c r="O116" s="12">
        <v>0</v>
      </c>
      <c r="P116" s="12">
        <v>148</v>
      </c>
      <c r="Q116" s="12">
        <v>746</v>
      </c>
      <c r="R116" s="12">
        <v>254</v>
      </c>
    </row>
    <row r="117" spans="1:18" s="4" customFormat="1" x14ac:dyDescent="0.15">
      <c r="A117" s="3"/>
      <c r="B117" s="3" t="s">
        <v>1369</v>
      </c>
      <c r="C117" s="12">
        <v>944</v>
      </c>
      <c r="D117" s="12">
        <v>2149</v>
      </c>
      <c r="E117" s="12">
        <v>1075</v>
      </c>
      <c r="F117" s="12">
        <v>1074</v>
      </c>
      <c r="G117" s="12">
        <v>147</v>
      </c>
      <c r="H117" s="12">
        <v>202</v>
      </c>
      <c r="I117" s="12">
        <v>242</v>
      </c>
      <c r="J117" s="12">
        <v>221</v>
      </c>
      <c r="K117" s="12">
        <v>313</v>
      </c>
      <c r="L117" s="12">
        <v>337</v>
      </c>
      <c r="M117" s="12">
        <v>240</v>
      </c>
      <c r="N117" s="12">
        <v>447</v>
      </c>
      <c r="O117" s="12">
        <v>0</v>
      </c>
      <c r="P117" s="12">
        <v>248</v>
      </c>
      <c r="Q117" s="12">
        <v>1342</v>
      </c>
      <c r="R117" s="12">
        <v>559</v>
      </c>
    </row>
    <row r="118" spans="1:18" s="4" customFormat="1" x14ac:dyDescent="0.15">
      <c r="A118" s="3"/>
      <c r="B118" s="3" t="s">
        <v>1370</v>
      </c>
      <c r="C118" s="12">
        <v>163</v>
      </c>
      <c r="D118" s="12">
        <v>366</v>
      </c>
      <c r="E118" s="12">
        <v>189</v>
      </c>
      <c r="F118" s="12">
        <v>177</v>
      </c>
      <c r="G118" s="12">
        <v>48</v>
      </c>
      <c r="H118" s="12">
        <v>42</v>
      </c>
      <c r="I118" s="12">
        <v>49</v>
      </c>
      <c r="J118" s="12">
        <v>53</v>
      </c>
      <c r="K118" s="12">
        <v>74</v>
      </c>
      <c r="L118" s="12">
        <v>50</v>
      </c>
      <c r="M118" s="12">
        <v>29</v>
      </c>
      <c r="N118" s="12">
        <v>21</v>
      </c>
      <c r="O118" s="12">
        <v>0</v>
      </c>
      <c r="P118" s="12">
        <v>66</v>
      </c>
      <c r="Q118" s="12">
        <v>268</v>
      </c>
      <c r="R118" s="12">
        <v>32</v>
      </c>
    </row>
    <row r="119" spans="1:18" s="4" customFormat="1" x14ac:dyDescent="0.15">
      <c r="A119" s="3"/>
      <c r="B119" s="3" t="s">
        <v>1371</v>
      </c>
      <c r="C119" s="12">
        <v>616</v>
      </c>
      <c r="D119" s="12">
        <v>1196</v>
      </c>
      <c r="E119" s="12">
        <v>495</v>
      </c>
      <c r="F119" s="12">
        <v>701</v>
      </c>
      <c r="G119" s="12">
        <v>96</v>
      </c>
      <c r="H119" s="12">
        <v>106</v>
      </c>
      <c r="I119" s="12">
        <v>84</v>
      </c>
      <c r="J119" s="12">
        <v>142</v>
      </c>
      <c r="K119" s="12">
        <v>154</v>
      </c>
      <c r="L119" s="12">
        <v>98</v>
      </c>
      <c r="M119" s="12">
        <v>172</v>
      </c>
      <c r="N119" s="12">
        <v>344</v>
      </c>
      <c r="O119" s="12">
        <v>0</v>
      </c>
      <c r="P119" s="12">
        <v>153</v>
      </c>
      <c r="Q119" s="12">
        <v>602</v>
      </c>
      <c r="R119" s="12">
        <v>441</v>
      </c>
    </row>
    <row r="120" spans="1:18" s="4" customFormat="1" x14ac:dyDescent="0.15">
      <c r="A120" s="3"/>
      <c r="B120" s="3" t="s">
        <v>1372</v>
      </c>
      <c r="C120" s="12">
        <v>463</v>
      </c>
      <c r="D120" s="12">
        <v>1048</v>
      </c>
      <c r="E120" s="12">
        <v>523</v>
      </c>
      <c r="F120" s="12">
        <v>525</v>
      </c>
      <c r="G120" s="12">
        <v>63</v>
      </c>
      <c r="H120" s="12">
        <v>117</v>
      </c>
      <c r="I120" s="12">
        <v>103</v>
      </c>
      <c r="J120" s="12">
        <v>102</v>
      </c>
      <c r="K120" s="12">
        <v>170</v>
      </c>
      <c r="L120" s="12">
        <v>168</v>
      </c>
      <c r="M120" s="12">
        <v>129</v>
      </c>
      <c r="N120" s="12">
        <v>196</v>
      </c>
      <c r="O120" s="12">
        <v>0</v>
      </c>
      <c r="P120" s="12">
        <v>121</v>
      </c>
      <c r="Q120" s="12">
        <v>666</v>
      </c>
      <c r="R120" s="12">
        <v>261</v>
      </c>
    </row>
    <row r="121" spans="1:18" s="4" customFormat="1" x14ac:dyDescent="0.15">
      <c r="A121" s="3"/>
      <c r="B121" s="3" t="s">
        <v>1373</v>
      </c>
      <c r="C121" s="12">
        <v>177</v>
      </c>
      <c r="D121" s="12">
        <v>340</v>
      </c>
      <c r="E121" s="12">
        <v>177</v>
      </c>
      <c r="F121" s="12">
        <v>163</v>
      </c>
      <c r="G121" s="12">
        <v>20</v>
      </c>
      <c r="H121" s="12">
        <v>35</v>
      </c>
      <c r="I121" s="12">
        <v>35</v>
      </c>
      <c r="J121" s="12">
        <v>37</v>
      </c>
      <c r="K121" s="12">
        <v>53</v>
      </c>
      <c r="L121" s="12">
        <v>32</v>
      </c>
      <c r="M121" s="12">
        <v>50</v>
      </c>
      <c r="N121" s="12">
        <v>78</v>
      </c>
      <c r="O121" s="12">
        <v>0</v>
      </c>
      <c r="P121" s="12">
        <v>41</v>
      </c>
      <c r="Q121" s="12">
        <v>194</v>
      </c>
      <c r="R121" s="12">
        <v>105</v>
      </c>
    </row>
    <row r="122" spans="1:18" s="4" customFormat="1" x14ac:dyDescent="0.15">
      <c r="A122" s="3"/>
      <c r="B122" s="3" t="s">
        <v>1374</v>
      </c>
      <c r="C122" s="12">
        <v>479</v>
      </c>
      <c r="D122" s="12">
        <v>844</v>
      </c>
      <c r="E122" s="12">
        <v>402</v>
      </c>
      <c r="F122" s="12">
        <v>442</v>
      </c>
      <c r="G122" s="12">
        <v>37</v>
      </c>
      <c r="H122" s="12">
        <v>41</v>
      </c>
      <c r="I122" s="12">
        <v>82</v>
      </c>
      <c r="J122" s="12">
        <v>110</v>
      </c>
      <c r="K122" s="12">
        <v>95</v>
      </c>
      <c r="L122" s="12">
        <v>125</v>
      </c>
      <c r="M122" s="12">
        <v>120</v>
      </c>
      <c r="N122" s="12">
        <v>234</v>
      </c>
      <c r="O122" s="12">
        <v>0</v>
      </c>
      <c r="P122" s="12">
        <v>54</v>
      </c>
      <c r="Q122" s="12">
        <v>497</v>
      </c>
      <c r="R122" s="12">
        <v>293</v>
      </c>
    </row>
    <row r="123" spans="1:18" s="4" customFormat="1" x14ac:dyDescent="0.15">
      <c r="A123" s="3"/>
      <c r="B123" s="3" t="s">
        <v>1375</v>
      </c>
      <c r="C123" s="12">
        <v>312</v>
      </c>
      <c r="D123" s="12">
        <v>580</v>
      </c>
      <c r="E123" s="12">
        <v>301</v>
      </c>
      <c r="F123" s="12">
        <v>279</v>
      </c>
      <c r="G123" s="12">
        <v>33</v>
      </c>
      <c r="H123" s="12">
        <v>32</v>
      </c>
      <c r="I123" s="12">
        <v>88</v>
      </c>
      <c r="J123" s="12">
        <v>67</v>
      </c>
      <c r="K123" s="12">
        <v>73</v>
      </c>
      <c r="L123" s="12">
        <v>96</v>
      </c>
      <c r="M123" s="12">
        <v>82</v>
      </c>
      <c r="N123" s="12">
        <v>109</v>
      </c>
      <c r="O123" s="12">
        <v>0</v>
      </c>
      <c r="P123" s="12">
        <v>46</v>
      </c>
      <c r="Q123" s="12">
        <v>390</v>
      </c>
      <c r="R123" s="12">
        <v>144</v>
      </c>
    </row>
    <row r="124" spans="1:18" s="4" customFormat="1" x14ac:dyDescent="0.15">
      <c r="A124" s="3"/>
      <c r="B124" s="3" t="s">
        <v>1376</v>
      </c>
      <c r="C124" s="12">
        <v>297</v>
      </c>
      <c r="D124" s="12">
        <v>579</v>
      </c>
      <c r="E124" s="12">
        <v>300</v>
      </c>
      <c r="F124" s="12">
        <v>279</v>
      </c>
      <c r="G124" s="12">
        <v>40</v>
      </c>
      <c r="H124" s="12">
        <v>46</v>
      </c>
      <c r="I124" s="12">
        <v>71</v>
      </c>
      <c r="J124" s="12">
        <v>63</v>
      </c>
      <c r="K124" s="12">
        <v>98</v>
      </c>
      <c r="L124" s="12">
        <v>87</v>
      </c>
      <c r="M124" s="12">
        <v>66</v>
      </c>
      <c r="N124" s="12">
        <v>108</v>
      </c>
      <c r="O124" s="12">
        <v>0</v>
      </c>
      <c r="P124" s="12">
        <v>60</v>
      </c>
      <c r="Q124" s="12">
        <v>379</v>
      </c>
      <c r="R124" s="12">
        <v>140</v>
      </c>
    </row>
    <row r="125" spans="1:18" s="4" customFormat="1" x14ac:dyDescent="0.15">
      <c r="A125" s="3"/>
      <c r="B125" s="3" t="s">
        <v>1377</v>
      </c>
      <c r="C125" s="12">
        <v>514</v>
      </c>
      <c r="D125" s="12">
        <v>1143</v>
      </c>
      <c r="E125" s="12">
        <v>608</v>
      </c>
      <c r="F125" s="12">
        <v>535</v>
      </c>
      <c r="G125" s="12">
        <v>115</v>
      </c>
      <c r="H125" s="12">
        <v>133</v>
      </c>
      <c r="I125" s="12">
        <v>164</v>
      </c>
      <c r="J125" s="12">
        <v>142</v>
      </c>
      <c r="K125" s="12">
        <v>196</v>
      </c>
      <c r="L125" s="12">
        <v>141</v>
      </c>
      <c r="M125" s="12">
        <v>105</v>
      </c>
      <c r="N125" s="12">
        <v>147</v>
      </c>
      <c r="O125" s="12">
        <v>0</v>
      </c>
      <c r="P125" s="12">
        <v>181</v>
      </c>
      <c r="Q125" s="12">
        <v>753</v>
      </c>
      <c r="R125" s="12">
        <v>209</v>
      </c>
    </row>
    <row r="126" spans="1:18" s="4" customFormat="1" x14ac:dyDescent="0.15">
      <c r="A126" s="3"/>
      <c r="B126" s="3" t="s">
        <v>1378</v>
      </c>
      <c r="C126" s="12">
        <v>562</v>
      </c>
      <c r="D126" s="12">
        <v>1238</v>
      </c>
      <c r="E126" s="12">
        <v>613</v>
      </c>
      <c r="F126" s="12">
        <v>625</v>
      </c>
      <c r="G126" s="12">
        <v>100</v>
      </c>
      <c r="H126" s="12">
        <v>111</v>
      </c>
      <c r="I126" s="12">
        <v>127</v>
      </c>
      <c r="J126" s="12">
        <v>140</v>
      </c>
      <c r="K126" s="12">
        <v>173</v>
      </c>
      <c r="L126" s="12">
        <v>179</v>
      </c>
      <c r="M126" s="12">
        <v>120</v>
      </c>
      <c r="N126" s="12">
        <v>288</v>
      </c>
      <c r="O126" s="12">
        <v>0</v>
      </c>
      <c r="P126" s="12">
        <v>156</v>
      </c>
      <c r="Q126" s="12">
        <v>729</v>
      </c>
      <c r="R126" s="12">
        <v>353</v>
      </c>
    </row>
    <row r="127" spans="1:18" s="4" customFormat="1" x14ac:dyDescent="0.15">
      <c r="A127" s="3"/>
      <c r="B127" s="3" t="s">
        <v>1379</v>
      </c>
      <c r="C127" s="12">
        <v>4</v>
      </c>
      <c r="D127" s="12">
        <v>4</v>
      </c>
      <c r="E127" s="12">
        <v>4</v>
      </c>
      <c r="F127" s="12">
        <v>0</v>
      </c>
      <c r="G127" s="12" t="s">
        <v>132</v>
      </c>
      <c r="H127" s="12" t="s">
        <v>132</v>
      </c>
      <c r="I127" s="12" t="s">
        <v>132</v>
      </c>
      <c r="J127" s="12" t="s">
        <v>132</v>
      </c>
      <c r="K127" s="12" t="s">
        <v>132</v>
      </c>
      <c r="L127" s="12" t="s">
        <v>132</v>
      </c>
      <c r="M127" s="12" t="s">
        <v>132</v>
      </c>
      <c r="N127" s="12" t="s">
        <v>132</v>
      </c>
      <c r="O127" s="12" t="s">
        <v>132</v>
      </c>
      <c r="P127" s="12" t="s">
        <v>132</v>
      </c>
      <c r="Q127" s="12" t="s">
        <v>132</v>
      </c>
      <c r="R127" s="12" t="s">
        <v>132</v>
      </c>
    </row>
    <row r="128" spans="1:18" s="4" customFormat="1" x14ac:dyDescent="0.15">
      <c r="A128" s="3"/>
      <c r="B128" s="3" t="s">
        <v>1380</v>
      </c>
      <c r="C128" s="12">
        <v>96</v>
      </c>
      <c r="D128" s="12">
        <v>206</v>
      </c>
      <c r="E128" s="12">
        <v>96</v>
      </c>
      <c r="F128" s="12">
        <v>110</v>
      </c>
      <c r="G128" s="12">
        <v>9</v>
      </c>
      <c r="H128" s="12">
        <v>23</v>
      </c>
      <c r="I128" s="12">
        <v>11</v>
      </c>
      <c r="J128" s="12">
        <v>27</v>
      </c>
      <c r="K128" s="12">
        <v>25</v>
      </c>
      <c r="L128" s="12">
        <v>31</v>
      </c>
      <c r="M128" s="12">
        <v>20</v>
      </c>
      <c r="N128" s="12">
        <v>60</v>
      </c>
      <c r="O128" s="12">
        <v>0</v>
      </c>
      <c r="P128" s="12">
        <v>20</v>
      </c>
      <c r="Q128" s="12">
        <v>118</v>
      </c>
      <c r="R128" s="12">
        <v>68</v>
      </c>
    </row>
    <row r="129" spans="1:18" s="4" customFormat="1" x14ac:dyDescent="0.15">
      <c r="A129" s="3"/>
      <c r="B129" s="3" t="s">
        <v>1381</v>
      </c>
      <c r="C129" s="12">
        <v>677</v>
      </c>
      <c r="D129" s="12">
        <v>1458</v>
      </c>
      <c r="E129" s="12">
        <v>703</v>
      </c>
      <c r="F129" s="12">
        <v>755</v>
      </c>
      <c r="G129" s="12">
        <v>85</v>
      </c>
      <c r="H129" s="12">
        <v>112</v>
      </c>
      <c r="I129" s="12">
        <v>114</v>
      </c>
      <c r="J129" s="12">
        <v>125</v>
      </c>
      <c r="K129" s="12">
        <v>162</v>
      </c>
      <c r="L129" s="12">
        <v>151</v>
      </c>
      <c r="M129" s="12">
        <v>219</v>
      </c>
      <c r="N129" s="12">
        <v>490</v>
      </c>
      <c r="O129" s="12">
        <v>0</v>
      </c>
      <c r="P129" s="12">
        <v>143</v>
      </c>
      <c r="Q129" s="12">
        <v>696</v>
      </c>
      <c r="R129" s="12">
        <v>619</v>
      </c>
    </row>
    <row r="130" spans="1:18" s="4" customFormat="1" x14ac:dyDescent="0.15">
      <c r="A130" s="3"/>
      <c r="B130" s="3" t="s">
        <v>1382</v>
      </c>
      <c r="C130" s="12">
        <v>228</v>
      </c>
      <c r="D130" s="12">
        <v>587</v>
      </c>
      <c r="E130" s="12">
        <v>292</v>
      </c>
      <c r="F130" s="12">
        <v>295</v>
      </c>
      <c r="G130" s="12">
        <v>119</v>
      </c>
      <c r="H130" s="12">
        <v>43</v>
      </c>
      <c r="I130" s="12">
        <v>95</v>
      </c>
      <c r="J130" s="12">
        <v>127</v>
      </c>
      <c r="K130" s="12">
        <v>92</v>
      </c>
      <c r="L130" s="12">
        <v>36</v>
      </c>
      <c r="M130" s="12">
        <v>31</v>
      </c>
      <c r="N130" s="12">
        <v>44</v>
      </c>
      <c r="O130" s="12">
        <v>0</v>
      </c>
      <c r="P130" s="12">
        <v>141</v>
      </c>
      <c r="Q130" s="12">
        <v>387</v>
      </c>
      <c r="R130" s="12">
        <v>59</v>
      </c>
    </row>
    <row r="131" spans="1:18" s="4" customFormat="1" x14ac:dyDescent="0.15">
      <c r="A131" s="3"/>
      <c r="B131" s="3" t="s">
        <v>1383</v>
      </c>
      <c r="C131" s="12">
        <v>127</v>
      </c>
      <c r="D131" s="12">
        <v>323</v>
      </c>
      <c r="E131" s="12">
        <v>161</v>
      </c>
      <c r="F131" s="12">
        <v>162</v>
      </c>
      <c r="G131" s="12">
        <v>39</v>
      </c>
      <c r="H131" s="12">
        <v>27</v>
      </c>
      <c r="I131" s="12">
        <v>44</v>
      </c>
      <c r="J131" s="12">
        <v>56</v>
      </c>
      <c r="K131" s="12">
        <v>50</v>
      </c>
      <c r="L131" s="12">
        <v>41</v>
      </c>
      <c r="M131" s="12">
        <v>27</v>
      </c>
      <c r="N131" s="12">
        <v>39</v>
      </c>
      <c r="O131" s="12">
        <v>0</v>
      </c>
      <c r="P131" s="12">
        <v>52</v>
      </c>
      <c r="Q131" s="12">
        <v>216</v>
      </c>
      <c r="R131" s="12">
        <v>55</v>
      </c>
    </row>
    <row r="132" spans="1:18" s="4" customFormat="1" x14ac:dyDescent="0.15">
      <c r="A132" s="3"/>
      <c r="B132" s="3" t="s">
        <v>1384</v>
      </c>
      <c r="C132" s="12">
        <v>176</v>
      </c>
      <c r="D132" s="12">
        <v>369</v>
      </c>
      <c r="E132" s="12">
        <v>189</v>
      </c>
      <c r="F132" s="12">
        <v>180</v>
      </c>
      <c r="G132" s="12">
        <v>50</v>
      </c>
      <c r="H132" s="12">
        <v>28</v>
      </c>
      <c r="I132" s="12">
        <v>58</v>
      </c>
      <c r="J132" s="12">
        <v>71</v>
      </c>
      <c r="K132" s="12">
        <v>63</v>
      </c>
      <c r="L132" s="12">
        <v>34</v>
      </c>
      <c r="M132" s="12">
        <v>25</v>
      </c>
      <c r="N132" s="12">
        <v>40</v>
      </c>
      <c r="O132" s="12">
        <v>0</v>
      </c>
      <c r="P132" s="12">
        <v>61</v>
      </c>
      <c r="Q132" s="12">
        <v>257</v>
      </c>
      <c r="R132" s="12">
        <v>51</v>
      </c>
    </row>
    <row r="133" spans="1:18" s="4" customFormat="1" x14ac:dyDescent="0.15">
      <c r="A133" s="3"/>
      <c r="B133" s="3" t="s">
        <v>1385</v>
      </c>
      <c r="C133" s="12">
        <v>305</v>
      </c>
      <c r="D133" s="12">
        <v>755</v>
      </c>
      <c r="E133" s="12">
        <v>399</v>
      </c>
      <c r="F133" s="12">
        <v>356</v>
      </c>
      <c r="G133" s="12">
        <v>167</v>
      </c>
      <c r="H133" s="12">
        <v>45</v>
      </c>
      <c r="I133" s="12">
        <v>168</v>
      </c>
      <c r="J133" s="12">
        <v>169</v>
      </c>
      <c r="K133" s="12">
        <v>108</v>
      </c>
      <c r="L133" s="12">
        <v>42</v>
      </c>
      <c r="M133" s="12">
        <v>20</v>
      </c>
      <c r="N133" s="12">
        <v>36</v>
      </c>
      <c r="O133" s="12">
        <v>0</v>
      </c>
      <c r="P133" s="12">
        <v>188</v>
      </c>
      <c r="Q133" s="12">
        <v>520</v>
      </c>
      <c r="R133" s="12">
        <v>47</v>
      </c>
    </row>
    <row r="134" spans="1:18" s="4" customFormat="1" x14ac:dyDescent="0.15">
      <c r="A134" s="3"/>
      <c r="B134" s="3" t="s">
        <v>1386</v>
      </c>
      <c r="C134" s="12">
        <v>75</v>
      </c>
      <c r="D134" s="12">
        <v>165</v>
      </c>
      <c r="E134" s="12">
        <v>87</v>
      </c>
      <c r="F134" s="12">
        <v>78</v>
      </c>
      <c r="G134" s="12">
        <v>18</v>
      </c>
      <c r="H134" s="12">
        <v>15</v>
      </c>
      <c r="I134" s="12">
        <v>35</v>
      </c>
      <c r="J134" s="12">
        <v>29</v>
      </c>
      <c r="K134" s="12">
        <v>24</v>
      </c>
      <c r="L134" s="12">
        <v>16</v>
      </c>
      <c r="M134" s="12">
        <v>9</v>
      </c>
      <c r="N134" s="12">
        <v>19</v>
      </c>
      <c r="O134" s="12">
        <v>0</v>
      </c>
      <c r="P134" s="12">
        <v>27</v>
      </c>
      <c r="Q134" s="12">
        <v>115</v>
      </c>
      <c r="R134" s="12">
        <v>23</v>
      </c>
    </row>
    <row r="135" spans="1:18" s="4" customFormat="1" x14ac:dyDescent="0.15">
      <c r="A135" s="3"/>
      <c r="B135" s="3" t="s">
        <v>1387</v>
      </c>
      <c r="C135" s="12">
        <v>116</v>
      </c>
      <c r="D135" s="12">
        <v>189</v>
      </c>
      <c r="E135" s="12">
        <v>79</v>
      </c>
      <c r="F135" s="12">
        <v>110</v>
      </c>
      <c r="G135" s="12">
        <v>11</v>
      </c>
      <c r="H135" s="12">
        <v>16</v>
      </c>
      <c r="I135" s="12">
        <v>3</v>
      </c>
      <c r="J135" s="12">
        <v>9</v>
      </c>
      <c r="K135" s="12">
        <v>20</v>
      </c>
      <c r="L135" s="12">
        <v>11</v>
      </c>
      <c r="M135" s="12">
        <v>14</v>
      </c>
      <c r="N135" s="12">
        <v>105</v>
      </c>
      <c r="O135" s="12">
        <v>0</v>
      </c>
      <c r="P135" s="12">
        <v>21</v>
      </c>
      <c r="Q135" s="12">
        <v>54</v>
      </c>
      <c r="R135" s="12">
        <v>114</v>
      </c>
    </row>
    <row r="136" spans="1:18" s="4" customFormat="1" x14ac:dyDescent="0.15">
      <c r="A136" s="3"/>
      <c r="B136" s="3" t="s">
        <v>1388</v>
      </c>
      <c r="C136" s="12">
        <v>4</v>
      </c>
      <c r="D136" s="12">
        <v>13</v>
      </c>
      <c r="E136" s="12">
        <v>7</v>
      </c>
      <c r="F136" s="12">
        <v>6</v>
      </c>
      <c r="G136" s="12" t="s">
        <v>132</v>
      </c>
      <c r="H136" s="12" t="s">
        <v>132</v>
      </c>
      <c r="I136" s="12" t="s">
        <v>132</v>
      </c>
      <c r="J136" s="12" t="s">
        <v>132</v>
      </c>
      <c r="K136" s="12" t="s">
        <v>132</v>
      </c>
      <c r="L136" s="12" t="s">
        <v>132</v>
      </c>
      <c r="M136" s="12" t="s">
        <v>132</v>
      </c>
      <c r="N136" s="12" t="s">
        <v>132</v>
      </c>
      <c r="O136" s="12" t="s">
        <v>132</v>
      </c>
      <c r="P136" s="12" t="s">
        <v>132</v>
      </c>
      <c r="Q136" s="12" t="s">
        <v>132</v>
      </c>
      <c r="R136" s="12" t="s">
        <v>132</v>
      </c>
    </row>
    <row r="137" spans="1:18" s="4" customFormat="1" x14ac:dyDescent="0.15">
      <c r="A137" s="3"/>
      <c r="B137" s="3" t="s">
        <v>1389</v>
      </c>
      <c r="C137" s="12">
        <v>12</v>
      </c>
      <c r="D137" s="12">
        <v>34</v>
      </c>
      <c r="E137" s="12">
        <v>16</v>
      </c>
      <c r="F137" s="12">
        <v>18</v>
      </c>
      <c r="G137" s="12">
        <v>2</v>
      </c>
      <c r="H137" s="12">
        <v>5</v>
      </c>
      <c r="I137" s="12">
        <v>2</v>
      </c>
      <c r="J137" s="12">
        <v>1</v>
      </c>
      <c r="K137" s="12">
        <v>4</v>
      </c>
      <c r="L137" s="12">
        <v>6</v>
      </c>
      <c r="M137" s="12">
        <v>3</v>
      </c>
      <c r="N137" s="12">
        <v>11</v>
      </c>
      <c r="O137" s="12">
        <v>0</v>
      </c>
      <c r="P137" s="12">
        <v>3</v>
      </c>
      <c r="Q137" s="12">
        <v>20</v>
      </c>
      <c r="R137" s="12">
        <v>11</v>
      </c>
    </row>
    <row r="138" spans="1:18" s="4" customFormat="1" x14ac:dyDescent="0.15">
      <c r="A138" s="3"/>
      <c r="B138" s="3" t="s">
        <v>1390</v>
      </c>
      <c r="C138" s="12">
        <v>7</v>
      </c>
      <c r="D138" s="12">
        <v>22</v>
      </c>
      <c r="E138" s="12">
        <v>12</v>
      </c>
      <c r="F138" s="12">
        <v>10</v>
      </c>
      <c r="G138" s="12">
        <v>0</v>
      </c>
      <c r="H138" s="12">
        <v>0</v>
      </c>
      <c r="I138" s="12">
        <v>2</v>
      </c>
      <c r="J138" s="12">
        <v>1</v>
      </c>
      <c r="K138" s="12">
        <v>2</v>
      </c>
      <c r="L138" s="12">
        <v>6</v>
      </c>
      <c r="M138" s="12">
        <v>4</v>
      </c>
      <c r="N138" s="12">
        <v>7</v>
      </c>
      <c r="O138" s="12">
        <v>0</v>
      </c>
      <c r="P138" s="12">
        <v>0</v>
      </c>
      <c r="Q138" s="12">
        <v>14</v>
      </c>
      <c r="R138" s="12">
        <v>8</v>
      </c>
    </row>
    <row r="139" spans="1:18" s="4" customFormat="1" x14ac:dyDescent="0.15">
      <c r="A139" s="3"/>
      <c r="B139" s="3" t="s">
        <v>1391</v>
      </c>
      <c r="C139" s="12">
        <v>37</v>
      </c>
      <c r="D139" s="12">
        <v>97</v>
      </c>
      <c r="E139" s="12">
        <v>48</v>
      </c>
      <c r="F139" s="12">
        <v>49</v>
      </c>
      <c r="G139" s="12">
        <v>16</v>
      </c>
      <c r="H139" s="12">
        <v>5</v>
      </c>
      <c r="I139" s="12">
        <v>10</v>
      </c>
      <c r="J139" s="12">
        <v>19</v>
      </c>
      <c r="K139" s="12">
        <v>14</v>
      </c>
      <c r="L139" s="12">
        <v>14</v>
      </c>
      <c r="M139" s="12">
        <v>7</v>
      </c>
      <c r="N139" s="12">
        <v>12</v>
      </c>
      <c r="O139" s="12">
        <v>0</v>
      </c>
      <c r="P139" s="12">
        <v>18</v>
      </c>
      <c r="Q139" s="12">
        <v>64</v>
      </c>
      <c r="R139" s="12">
        <v>15</v>
      </c>
    </row>
    <row r="140" spans="1:18" s="4" customFormat="1" x14ac:dyDescent="0.15">
      <c r="A140" s="3"/>
      <c r="B140" s="3" t="s">
        <v>1392</v>
      </c>
      <c r="C140" s="12">
        <v>54</v>
      </c>
      <c r="D140" s="12">
        <v>150</v>
      </c>
      <c r="E140" s="12">
        <v>78</v>
      </c>
      <c r="F140" s="12">
        <v>72</v>
      </c>
      <c r="G140" s="12">
        <v>8</v>
      </c>
      <c r="H140" s="12">
        <v>14</v>
      </c>
      <c r="I140" s="12">
        <v>18</v>
      </c>
      <c r="J140" s="12">
        <v>13</v>
      </c>
      <c r="K140" s="12">
        <v>22</v>
      </c>
      <c r="L140" s="12">
        <v>24</v>
      </c>
      <c r="M140" s="12">
        <v>17</v>
      </c>
      <c r="N140" s="12">
        <v>34</v>
      </c>
      <c r="O140" s="12">
        <v>0</v>
      </c>
      <c r="P140" s="12">
        <v>15</v>
      </c>
      <c r="Q140" s="12">
        <v>91</v>
      </c>
      <c r="R140" s="12">
        <v>44</v>
      </c>
    </row>
    <row r="141" spans="1:18" s="4" customFormat="1" x14ac:dyDescent="0.15">
      <c r="A141" s="3"/>
      <c r="B141" s="3" t="s">
        <v>1393</v>
      </c>
      <c r="C141" s="12">
        <v>89</v>
      </c>
      <c r="D141" s="12">
        <v>242</v>
      </c>
      <c r="E141" s="12">
        <v>124</v>
      </c>
      <c r="F141" s="12">
        <v>118</v>
      </c>
      <c r="G141" s="12">
        <v>12</v>
      </c>
      <c r="H141" s="12">
        <v>31</v>
      </c>
      <c r="I141" s="12">
        <v>28</v>
      </c>
      <c r="J141" s="12">
        <v>16</v>
      </c>
      <c r="K141" s="12">
        <v>44</v>
      </c>
      <c r="L141" s="12">
        <v>26</v>
      </c>
      <c r="M141" s="12">
        <v>29</v>
      </c>
      <c r="N141" s="12">
        <v>56</v>
      </c>
      <c r="O141" s="12">
        <v>0</v>
      </c>
      <c r="P141" s="12">
        <v>26</v>
      </c>
      <c r="Q141" s="12">
        <v>142</v>
      </c>
      <c r="R141" s="12">
        <v>74</v>
      </c>
    </row>
    <row r="142" spans="1:18" s="4" customFormat="1" x14ac:dyDescent="0.15">
      <c r="A142" s="3"/>
      <c r="B142" s="3" t="s">
        <v>1394</v>
      </c>
      <c r="C142" s="12">
        <v>27</v>
      </c>
      <c r="D142" s="12">
        <v>51</v>
      </c>
      <c r="E142" s="12">
        <v>34</v>
      </c>
      <c r="F142" s="12">
        <v>17</v>
      </c>
      <c r="G142" s="12">
        <v>0</v>
      </c>
      <c r="H142" s="12">
        <v>5</v>
      </c>
      <c r="I142" s="12">
        <v>18</v>
      </c>
      <c r="J142" s="12">
        <v>2</v>
      </c>
      <c r="K142" s="12">
        <v>9</v>
      </c>
      <c r="L142" s="12">
        <v>8</v>
      </c>
      <c r="M142" s="12">
        <v>2</v>
      </c>
      <c r="N142" s="12">
        <v>7</v>
      </c>
      <c r="O142" s="12">
        <v>0</v>
      </c>
      <c r="P142" s="12">
        <v>1</v>
      </c>
      <c r="Q142" s="12">
        <v>42</v>
      </c>
      <c r="R142" s="12">
        <v>8</v>
      </c>
    </row>
    <row r="143" spans="1:18" s="4" customFormat="1" x14ac:dyDescent="0.15">
      <c r="A143" s="3"/>
      <c r="B143" s="3" t="s">
        <v>1395</v>
      </c>
      <c r="C143" s="12">
        <v>32</v>
      </c>
      <c r="D143" s="12">
        <v>55</v>
      </c>
      <c r="E143" s="12">
        <v>27</v>
      </c>
      <c r="F143" s="12">
        <v>28</v>
      </c>
      <c r="G143" s="12">
        <v>0</v>
      </c>
      <c r="H143" s="12">
        <v>0</v>
      </c>
      <c r="I143" s="12">
        <v>5</v>
      </c>
      <c r="J143" s="12">
        <v>4</v>
      </c>
      <c r="K143" s="12">
        <v>5</v>
      </c>
      <c r="L143" s="12">
        <v>15</v>
      </c>
      <c r="M143" s="12">
        <v>1</v>
      </c>
      <c r="N143" s="12">
        <v>25</v>
      </c>
      <c r="O143" s="12">
        <v>0</v>
      </c>
      <c r="P143" s="12">
        <v>0</v>
      </c>
      <c r="Q143" s="12">
        <v>29</v>
      </c>
      <c r="R143" s="12">
        <v>26</v>
      </c>
    </row>
    <row r="144" spans="1:18" s="4" customFormat="1" x14ac:dyDescent="0.15">
      <c r="A144" s="3"/>
      <c r="B144" s="3" t="s">
        <v>1396</v>
      </c>
      <c r="C144" s="12">
        <v>198</v>
      </c>
      <c r="D144" s="12">
        <v>391</v>
      </c>
      <c r="E144" s="12">
        <v>206</v>
      </c>
      <c r="F144" s="12">
        <v>185</v>
      </c>
      <c r="G144" s="12">
        <v>33</v>
      </c>
      <c r="H144" s="12">
        <v>31</v>
      </c>
      <c r="I144" s="12">
        <v>39</v>
      </c>
      <c r="J144" s="12">
        <v>49</v>
      </c>
      <c r="K144" s="12">
        <v>56</v>
      </c>
      <c r="L144" s="12">
        <v>43</v>
      </c>
      <c r="M144" s="12">
        <v>44</v>
      </c>
      <c r="N144" s="12">
        <v>96</v>
      </c>
      <c r="O144" s="12">
        <v>0</v>
      </c>
      <c r="P144" s="12">
        <v>47</v>
      </c>
      <c r="Q144" s="12">
        <v>226</v>
      </c>
      <c r="R144" s="12">
        <v>118</v>
      </c>
    </row>
    <row r="145" spans="1:18" s="4" customFormat="1" x14ac:dyDescent="0.15">
      <c r="A145" s="3"/>
      <c r="B145" s="3" t="s">
        <v>1397</v>
      </c>
      <c r="C145" s="12">
        <v>311</v>
      </c>
      <c r="D145" s="12">
        <v>695</v>
      </c>
      <c r="E145" s="12">
        <v>365</v>
      </c>
      <c r="F145" s="12">
        <v>330</v>
      </c>
      <c r="G145" s="12">
        <v>51</v>
      </c>
      <c r="H145" s="12">
        <v>52</v>
      </c>
      <c r="I145" s="12">
        <v>66</v>
      </c>
      <c r="J145" s="12">
        <v>72</v>
      </c>
      <c r="K145" s="12">
        <v>87</v>
      </c>
      <c r="L145" s="12">
        <v>107</v>
      </c>
      <c r="M145" s="12">
        <v>76</v>
      </c>
      <c r="N145" s="12">
        <v>184</v>
      </c>
      <c r="O145" s="12">
        <v>0</v>
      </c>
      <c r="P145" s="12">
        <v>82</v>
      </c>
      <c r="Q145" s="12">
        <v>391</v>
      </c>
      <c r="R145" s="12">
        <v>222</v>
      </c>
    </row>
    <row r="146" spans="1:18" s="4" customFormat="1" x14ac:dyDescent="0.15">
      <c r="A146" s="3"/>
      <c r="B146" s="3" t="s">
        <v>1398</v>
      </c>
      <c r="C146" s="12">
        <v>370</v>
      </c>
      <c r="D146" s="12">
        <v>846</v>
      </c>
      <c r="E146" s="12">
        <v>428</v>
      </c>
      <c r="F146" s="12">
        <v>418</v>
      </c>
      <c r="G146" s="12">
        <v>65</v>
      </c>
      <c r="H146" s="12">
        <v>88</v>
      </c>
      <c r="I146" s="12">
        <v>100</v>
      </c>
      <c r="J146" s="12">
        <v>117</v>
      </c>
      <c r="K146" s="12">
        <v>119</v>
      </c>
      <c r="L146" s="12">
        <v>121</v>
      </c>
      <c r="M146" s="12">
        <v>121</v>
      </c>
      <c r="N146" s="12">
        <v>115</v>
      </c>
      <c r="O146" s="12">
        <v>0</v>
      </c>
      <c r="P146" s="12">
        <v>109</v>
      </c>
      <c r="Q146" s="12">
        <v>571</v>
      </c>
      <c r="R146" s="12">
        <v>166</v>
      </c>
    </row>
    <row r="147" spans="1:18" s="4" customFormat="1" x14ac:dyDescent="0.15">
      <c r="A147" s="3"/>
      <c r="B147" s="3" t="s">
        <v>1399</v>
      </c>
      <c r="C147" s="12">
        <v>373</v>
      </c>
      <c r="D147" s="12">
        <v>906</v>
      </c>
      <c r="E147" s="12">
        <v>457</v>
      </c>
      <c r="F147" s="12">
        <v>449</v>
      </c>
      <c r="G147" s="12">
        <v>91</v>
      </c>
      <c r="H147" s="12">
        <v>131</v>
      </c>
      <c r="I147" s="12">
        <v>111</v>
      </c>
      <c r="J147" s="12">
        <v>117</v>
      </c>
      <c r="K147" s="12">
        <v>156</v>
      </c>
      <c r="L147" s="12">
        <v>123</v>
      </c>
      <c r="M147" s="12">
        <v>72</v>
      </c>
      <c r="N147" s="12">
        <v>105</v>
      </c>
      <c r="O147" s="12">
        <v>0</v>
      </c>
      <c r="P147" s="12">
        <v>157</v>
      </c>
      <c r="Q147" s="12">
        <v>606</v>
      </c>
      <c r="R147" s="12">
        <v>143</v>
      </c>
    </row>
    <row r="148" spans="1:18" s="4" customFormat="1" x14ac:dyDescent="0.15">
      <c r="A148" s="3"/>
      <c r="B148" s="3" t="s">
        <v>1400</v>
      </c>
      <c r="C148" s="12">
        <v>455</v>
      </c>
      <c r="D148" s="12">
        <v>1014</v>
      </c>
      <c r="E148" s="12">
        <v>519</v>
      </c>
      <c r="F148" s="12">
        <v>495</v>
      </c>
      <c r="G148" s="12">
        <v>61</v>
      </c>
      <c r="H148" s="12">
        <v>92</v>
      </c>
      <c r="I148" s="12">
        <v>108</v>
      </c>
      <c r="J148" s="12">
        <v>126</v>
      </c>
      <c r="K148" s="12">
        <v>142</v>
      </c>
      <c r="L148" s="12">
        <v>136</v>
      </c>
      <c r="M148" s="12">
        <v>132</v>
      </c>
      <c r="N148" s="12">
        <v>217</v>
      </c>
      <c r="O148" s="12">
        <v>0</v>
      </c>
      <c r="P148" s="12">
        <v>96</v>
      </c>
      <c r="Q148" s="12">
        <v>636</v>
      </c>
      <c r="R148" s="12">
        <v>282</v>
      </c>
    </row>
    <row r="149" spans="1:18" s="4" customFormat="1" x14ac:dyDescent="0.15">
      <c r="A149" s="3"/>
      <c r="B149" s="3" t="s">
        <v>1401</v>
      </c>
      <c r="C149" s="12">
        <v>352</v>
      </c>
      <c r="D149" s="12">
        <v>846</v>
      </c>
      <c r="E149" s="12">
        <v>428</v>
      </c>
      <c r="F149" s="12">
        <v>418</v>
      </c>
      <c r="G149" s="12">
        <v>76</v>
      </c>
      <c r="H149" s="12">
        <v>101</v>
      </c>
      <c r="I149" s="12">
        <v>111</v>
      </c>
      <c r="J149" s="12">
        <v>90</v>
      </c>
      <c r="K149" s="12">
        <v>140</v>
      </c>
      <c r="L149" s="12">
        <v>107</v>
      </c>
      <c r="M149" s="12">
        <v>75</v>
      </c>
      <c r="N149" s="12">
        <v>146</v>
      </c>
      <c r="O149" s="12">
        <v>0</v>
      </c>
      <c r="P149" s="12">
        <v>127</v>
      </c>
      <c r="Q149" s="12">
        <v>530</v>
      </c>
      <c r="R149" s="12">
        <v>189</v>
      </c>
    </row>
    <row r="150" spans="1:18" s="4" customFormat="1" x14ac:dyDescent="0.15">
      <c r="A150" s="3"/>
      <c r="B150" s="3" t="s">
        <v>1402</v>
      </c>
      <c r="C150" s="12">
        <v>129</v>
      </c>
      <c r="D150" s="12">
        <v>220</v>
      </c>
      <c r="E150" s="12">
        <v>91</v>
      </c>
      <c r="F150" s="12">
        <v>129</v>
      </c>
      <c r="G150" s="12">
        <v>9</v>
      </c>
      <c r="H150" s="12">
        <v>17</v>
      </c>
      <c r="I150" s="12">
        <v>13</v>
      </c>
      <c r="J150" s="12">
        <v>14</v>
      </c>
      <c r="K150" s="12">
        <v>20</v>
      </c>
      <c r="L150" s="12">
        <v>18</v>
      </c>
      <c r="M150" s="12">
        <v>26</v>
      </c>
      <c r="N150" s="12">
        <v>103</v>
      </c>
      <c r="O150" s="12">
        <v>0</v>
      </c>
      <c r="P150" s="12">
        <v>17</v>
      </c>
      <c r="Q150" s="12">
        <v>84</v>
      </c>
      <c r="R150" s="12">
        <v>119</v>
      </c>
    </row>
    <row r="151" spans="1:18" s="4" customFormat="1" x14ac:dyDescent="0.15">
      <c r="A151" s="3"/>
      <c r="B151" s="3" t="s">
        <v>1403</v>
      </c>
      <c r="C151" s="12">
        <v>117</v>
      </c>
      <c r="D151" s="12">
        <v>195</v>
      </c>
      <c r="E151" s="12">
        <v>97</v>
      </c>
      <c r="F151" s="12">
        <v>98</v>
      </c>
      <c r="G151" s="12">
        <v>6</v>
      </c>
      <c r="H151" s="12">
        <v>22</v>
      </c>
      <c r="I151" s="12">
        <v>8</v>
      </c>
      <c r="J151" s="12">
        <v>12</v>
      </c>
      <c r="K151" s="12">
        <v>18</v>
      </c>
      <c r="L151" s="12">
        <v>13</v>
      </c>
      <c r="M151" s="12">
        <v>23</v>
      </c>
      <c r="N151" s="12">
        <v>93</v>
      </c>
      <c r="O151" s="12">
        <v>0</v>
      </c>
      <c r="P151" s="12">
        <v>19</v>
      </c>
      <c r="Q151" s="12">
        <v>73</v>
      </c>
      <c r="R151" s="12">
        <v>103</v>
      </c>
    </row>
    <row r="152" spans="1:18" s="4" customFormat="1" x14ac:dyDescent="0.15">
      <c r="A152" s="3"/>
      <c r="B152" s="3" t="s">
        <v>1404</v>
      </c>
      <c r="C152" s="12">
        <v>60</v>
      </c>
      <c r="D152" s="12">
        <v>138</v>
      </c>
      <c r="E152" s="12">
        <v>74</v>
      </c>
      <c r="F152" s="12">
        <v>64</v>
      </c>
      <c r="G152" s="12">
        <v>1</v>
      </c>
      <c r="H152" s="12">
        <v>11</v>
      </c>
      <c r="I152" s="12">
        <v>15</v>
      </c>
      <c r="J152" s="12">
        <v>13</v>
      </c>
      <c r="K152" s="12">
        <v>12</v>
      </c>
      <c r="L152" s="12">
        <v>27</v>
      </c>
      <c r="M152" s="12">
        <v>22</v>
      </c>
      <c r="N152" s="12">
        <v>37</v>
      </c>
      <c r="O152" s="12">
        <v>0</v>
      </c>
      <c r="P152" s="12">
        <v>7</v>
      </c>
      <c r="Q152" s="12">
        <v>83</v>
      </c>
      <c r="R152" s="12">
        <v>48</v>
      </c>
    </row>
    <row r="153" spans="1:18" ht="10.5" customHeight="1" x14ac:dyDescent="0.15">
      <c r="A153" s="3"/>
      <c r="B153" s="3" t="s">
        <v>1405</v>
      </c>
      <c r="C153" s="12">
        <v>114</v>
      </c>
      <c r="D153" s="12">
        <v>270</v>
      </c>
      <c r="E153" s="12">
        <v>136</v>
      </c>
      <c r="F153" s="12">
        <v>134</v>
      </c>
      <c r="G153" s="12">
        <v>9</v>
      </c>
      <c r="H153" s="12">
        <v>22</v>
      </c>
      <c r="I153" s="12">
        <v>18</v>
      </c>
      <c r="J153" s="12">
        <v>28</v>
      </c>
      <c r="K153" s="12">
        <v>33</v>
      </c>
      <c r="L153" s="12">
        <v>28</v>
      </c>
      <c r="M153" s="12">
        <v>44</v>
      </c>
      <c r="N153" s="12">
        <v>88</v>
      </c>
      <c r="O153" s="12">
        <v>0</v>
      </c>
      <c r="P153" s="12">
        <v>19</v>
      </c>
      <c r="Q153" s="12">
        <v>138</v>
      </c>
      <c r="R153" s="12">
        <v>113</v>
      </c>
    </row>
    <row r="154" spans="1:18" ht="10.5" customHeight="1" x14ac:dyDescent="0.15">
      <c r="A154" s="3"/>
      <c r="B154" s="3" t="s">
        <v>1406</v>
      </c>
      <c r="C154" s="12">
        <v>215</v>
      </c>
      <c r="D154" s="12">
        <v>569</v>
      </c>
      <c r="E154" s="12">
        <v>264</v>
      </c>
      <c r="F154" s="12">
        <v>305</v>
      </c>
      <c r="G154" s="12">
        <v>47</v>
      </c>
      <c r="H154" s="12">
        <v>58</v>
      </c>
      <c r="I154" s="12">
        <v>38</v>
      </c>
      <c r="J154" s="12">
        <v>53</v>
      </c>
      <c r="K154" s="12">
        <v>82</v>
      </c>
      <c r="L154" s="12">
        <v>85</v>
      </c>
      <c r="M154" s="12">
        <v>61</v>
      </c>
      <c r="N154" s="12">
        <v>145</v>
      </c>
      <c r="O154" s="12">
        <v>0</v>
      </c>
      <c r="P154" s="12">
        <v>82</v>
      </c>
      <c r="Q154" s="12">
        <v>310</v>
      </c>
      <c r="R154" s="12">
        <v>177</v>
      </c>
    </row>
    <row r="155" spans="1:18" ht="10.5" customHeight="1" x14ac:dyDescent="0.15">
      <c r="A155" s="3"/>
      <c r="B155" s="3" t="s">
        <v>1407</v>
      </c>
      <c r="C155" s="12">
        <v>345</v>
      </c>
      <c r="D155" s="12">
        <v>742</v>
      </c>
      <c r="E155" s="12">
        <v>398</v>
      </c>
      <c r="F155" s="12">
        <v>344</v>
      </c>
      <c r="G155" s="12">
        <v>51</v>
      </c>
      <c r="H155" s="12">
        <v>77</v>
      </c>
      <c r="I155" s="12">
        <v>89</v>
      </c>
      <c r="J155" s="12">
        <v>77</v>
      </c>
      <c r="K155" s="12">
        <v>124</v>
      </c>
      <c r="L155" s="12">
        <v>113</v>
      </c>
      <c r="M155" s="12">
        <v>95</v>
      </c>
      <c r="N155" s="12">
        <v>116</v>
      </c>
      <c r="O155" s="12">
        <v>0</v>
      </c>
      <c r="P155" s="12">
        <v>88</v>
      </c>
      <c r="Q155" s="12">
        <v>505</v>
      </c>
      <c r="R155" s="12">
        <v>149</v>
      </c>
    </row>
    <row r="156" spans="1:18" ht="10.5" customHeight="1" x14ac:dyDescent="0.15">
      <c r="A156" s="3"/>
      <c r="B156" s="3" t="s">
        <v>1408</v>
      </c>
      <c r="C156" s="12">
        <v>267</v>
      </c>
      <c r="D156" s="12">
        <v>635</v>
      </c>
      <c r="E156" s="12">
        <v>308</v>
      </c>
      <c r="F156" s="12">
        <v>327</v>
      </c>
      <c r="G156" s="12">
        <v>50</v>
      </c>
      <c r="H156" s="12">
        <v>68</v>
      </c>
      <c r="I156" s="12">
        <v>36</v>
      </c>
      <c r="J156" s="12">
        <v>52</v>
      </c>
      <c r="K156" s="12">
        <v>104</v>
      </c>
      <c r="L156" s="12">
        <v>71</v>
      </c>
      <c r="M156" s="12">
        <v>86</v>
      </c>
      <c r="N156" s="12">
        <v>168</v>
      </c>
      <c r="O156" s="12">
        <v>0</v>
      </c>
      <c r="P156" s="12">
        <v>90</v>
      </c>
      <c r="Q156" s="12">
        <v>333</v>
      </c>
      <c r="R156" s="12">
        <v>212</v>
      </c>
    </row>
    <row r="157" spans="1:18" ht="10.5" customHeight="1" x14ac:dyDescent="0.15">
      <c r="A157" s="3"/>
      <c r="B157" s="3" t="s">
        <v>1409</v>
      </c>
      <c r="C157" s="12">
        <v>82</v>
      </c>
      <c r="D157" s="12">
        <v>173</v>
      </c>
      <c r="E157" s="12">
        <v>77</v>
      </c>
      <c r="F157" s="12">
        <v>96</v>
      </c>
      <c r="G157" s="12">
        <v>4</v>
      </c>
      <c r="H157" s="12">
        <v>7</v>
      </c>
      <c r="I157" s="12">
        <v>11</v>
      </c>
      <c r="J157" s="12">
        <v>18</v>
      </c>
      <c r="K157" s="12">
        <v>17</v>
      </c>
      <c r="L157" s="12">
        <v>23</v>
      </c>
      <c r="M157" s="12">
        <v>27</v>
      </c>
      <c r="N157" s="12">
        <v>66</v>
      </c>
      <c r="O157" s="12">
        <v>0</v>
      </c>
      <c r="P157" s="12">
        <v>8</v>
      </c>
      <c r="Q157" s="12">
        <v>89</v>
      </c>
      <c r="R157" s="12">
        <v>76</v>
      </c>
    </row>
    <row r="158" spans="1:18" ht="10.5" customHeight="1" x14ac:dyDescent="0.15">
      <c r="A158" s="3"/>
      <c r="B158" s="3" t="s">
        <v>1410</v>
      </c>
      <c r="C158" s="12">
        <v>25</v>
      </c>
      <c r="D158" s="12">
        <v>51</v>
      </c>
      <c r="E158" s="12">
        <v>26</v>
      </c>
      <c r="F158" s="12">
        <v>25</v>
      </c>
      <c r="G158" s="12">
        <v>7</v>
      </c>
      <c r="H158" s="12">
        <v>1</v>
      </c>
      <c r="I158" s="12">
        <v>4</v>
      </c>
      <c r="J158" s="12">
        <v>11</v>
      </c>
      <c r="K158" s="12">
        <v>4</v>
      </c>
      <c r="L158" s="12">
        <v>3</v>
      </c>
      <c r="M158" s="12">
        <v>8</v>
      </c>
      <c r="N158" s="12">
        <v>13</v>
      </c>
      <c r="O158" s="12">
        <v>0</v>
      </c>
      <c r="P158" s="12">
        <v>8</v>
      </c>
      <c r="Q158" s="12">
        <v>27</v>
      </c>
      <c r="R158" s="12">
        <v>16</v>
      </c>
    </row>
    <row r="159" spans="1:18" ht="10.5" customHeight="1" x14ac:dyDescent="0.15">
      <c r="A159" s="3"/>
      <c r="B159" s="3" t="s">
        <v>1411</v>
      </c>
      <c r="C159" s="12">
        <v>203</v>
      </c>
      <c r="D159" s="12">
        <v>517</v>
      </c>
      <c r="E159" s="12">
        <v>266</v>
      </c>
      <c r="F159" s="12">
        <v>251</v>
      </c>
      <c r="G159" s="12">
        <v>40</v>
      </c>
      <c r="H159" s="12">
        <v>54</v>
      </c>
      <c r="I159" s="12">
        <v>54</v>
      </c>
      <c r="J159" s="12">
        <v>61</v>
      </c>
      <c r="K159" s="12">
        <v>71</v>
      </c>
      <c r="L159" s="12">
        <v>72</v>
      </c>
      <c r="M159" s="12">
        <v>58</v>
      </c>
      <c r="N159" s="12">
        <v>107</v>
      </c>
      <c r="O159" s="12">
        <v>0</v>
      </c>
      <c r="P159" s="12">
        <v>69</v>
      </c>
      <c r="Q159" s="12">
        <v>314</v>
      </c>
      <c r="R159" s="12">
        <v>134</v>
      </c>
    </row>
    <row r="160" spans="1:18" ht="10.5" customHeight="1" x14ac:dyDescent="0.15">
      <c r="A160" s="3"/>
      <c r="B160" s="3" t="s">
        <v>1412</v>
      </c>
      <c r="C160" s="12">
        <v>219</v>
      </c>
      <c r="D160" s="12">
        <v>525</v>
      </c>
      <c r="E160" s="12">
        <v>283</v>
      </c>
      <c r="F160" s="12">
        <v>242</v>
      </c>
      <c r="G160" s="12">
        <v>60</v>
      </c>
      <c r="H160" s="12">
        <v>66</v>
      </c>
      <c r="I160" s="12">
        <v>81</v>
      </c>
      <c r="J160" s="12">
        <v>75</v>
      </c>
      <c r="K160" s="12">
        <v>76</v>
      </c>
      <c r="L160" s="12">
        <v>82</v>
      </c>
      <c r="M160" s="12">
        <v>48</v>
      </c>
      <c r="N160" s="12">
        <v>37</v>
      </c>
      <c r="O160" s="12">
        <v>0</v>
      </c>
      <c r="P160" s="12">
        <v>104</v>
      </c>
      <c r="Q160" s="12">
        <v>363</v>
      </c>
      <c r="R160" s="12">
        <v>58</v>
      </c>
    </row>
    <row r="161" spans="1:18" ht="10.5" customHeight="1" x14ac:dyDescent="0.15">
      <c r="A161" s="3"/>
      <c r="B161" s="3" t="s">
        <v>1413</v>
      </c>
      <c r="C161" s="12">
        <v>382</v>
      </c>
      <c r="D161" s="12">
        <v>835</v>
      </c>
      <c r="E161" s="12">
        <v>417</v>
      </c>
      <c r="F161" s="12">
        <v>418</v>
      </c>
      <c r="G161" s="12">
        <v>65</v>
      </c>
      <c r="H161" s="12">
        <v>86</v>
      </c>
      <c r="I161" s="12">
        <v>102</v>
      </c>
      <c r="J161" s="12">
        <v>111</v>
      </c>
      <c r="K161" s="12">
        <v>141</v>
      </c>
      <c r="L161" s="12">
        <v>117</v>
      </c>
      <c r="M161" s="12">
        <v>93</v>
      </c>
      <c r="N161" s="12">
        <v>120</v>
      </c>
      <c r="O161" s="12">
        <v>0</v>
      </c>
      <c r="P161" s="12">
        <v>106</v>
      </c>
      <c r="Q161" s="12">
        <v>564</v>
      </c>
      <c r="R161" s="12">
        <v>165</v>
      </c>
    </row>
    <row r="162" spans="1:18" ht="10.5" customHeight="1" x14ac:dyDescent="0.15">
      <c r="A162" s="3"/>
      <c r="B162" s="3" t="s">
        <v>1414</v>
      </c>
      <c r="C162" s="12">
        <v>225</v>
      </c>
      <c r="D162" s="12">
        <v>464</v>
      </c>
      <c r="E162" s="12">
        <v>204</v>
      </c>
      <c r="F162" s="12">
        <v>260</v>
      </c>
      <c r="G162" s="12">
        <v>38</v>
      </c>
      <c r="H162" s="12">
        <v>29</v>
      </c>
      <c r="I162" s="12">
        <v>47</v>
      </c>
      <c r="J162" s="12">
        <v>41</v>
      </c>
      <c r="K162" s="12">
        <v>42</v>
      </c>
      <c r="L162" s="12">
        <v>75</v>
      </c>
      <c r="M162" s="12">
        <v>67</v>
      </c>
      <c r="N162" s="12">
        <v>125</v>
      </c>
      <c r="O162" s="12">
        <v>0</v>
      </c>
      <c r="P162" s="12">
        <v>51</v>
      </c>
      <c r="Q162" s="12">
        <v>258</v>
      </c>
      <c r="R162" s="12">
        <v>155</v>
      </c>
    </row>
    <row r="163" spans="1:18" ht="10.5" customHeight="1" x14ac:dyDescent="0.15">
      <c r="A163" s="3"/>
      <c r="B163" s="3" t="s">
        <v>1415</v>
      </c>
      <c r="C163" s="12">
        <v>60</v>
      </c>
      <c r="D163" s="12">
        <v>121</v>
      </c>
      <c r="E163" s="12">
        <v>63</v>
      </c>
      <c r="F163" s="12">
        <v>58</v>
      </c>
      <c r="G163" s="12">
        <v>4</v>
      </c>
      <c r="H163" s="12">
        <v>11</v>
      </c>
      <c r="I163" s="12">
        <v>14</v>
      </c>
      <c r="J163" s="12">
        <v>19</v>
      </c>
      <c r="K163" s="12">
        <v>6</v>
      </c>
      <c r="L163" s="12">
        <v>25</v>
      </c>
      <c r="M163" s="12">
        <v>13</v>
      </c>
      <c r="N163" s="12">
        <v>29</v>
      </c>
      <c r="O163" s="12">
        <v>0</v>
      </c>
      <c r="P163" s="12">
        <v>8</v>
      </c>
      <c r="Q163" s="12">
        <v>76</v>
      </c>
      <c r="R163" s="12">
        <v>37</v>
      </c>
    </row>
    <row r="164" spans="1:18" ht="10.5" customHeight="1" x14ac:dyDescent="0.15">
      <c r="A164" s="3"/>
      <c r="B164" s="3" t="s">
        <v>1416</v>
      </c>
      <c r="C164" s="12">
        <v>5</v>
      </c>
      <c r="D164" s="12">
        <v>12</v>
      </c>
      <c r="E164" s="12">
        <v>6</v>
      </c>
      <c r="F164" s="12">
        <v>6</v>
      </c>
      <c r="G164" s="12" t="s">
        <v>132</v>
      </c>
      <c r="H164" s="12" t="s">
        <v>132</v>
      </c>
      <c r="I164" s="12" t="s">
        <v>132</v>
      </c>
      <c r="J164" s="12" t="s">
        <v>132</v>
      </c>
      <c r="K164" s="12" t="s">
        <v>132</v>
      </c>
      <c r="L164" s="12" t="s">
        <v>132</v>
      </c>
      <c r="M164" s="12" t="s">
        <v>132</v>
      </c>
      <c r="N164" s="12" t="s">
        <v>132</v>
      </c>
      <c r="O164" s="12" t="s">
        <v>132</v>
      </c>
      <c r="P164" s="12" t="s">
        <v>132</v>
      </c>
      <c r="Q164" s="12" t="s">
        <v>132</v>
      </c>
      <c r="R164" s="12" t="s">
        <v>132</v>
      </c>
    </row>
    <row r="165" spans="1:18" ht="10.5" customHeight="1" x14ac:dyDescent="0.15">
      <c r="A165" s="3"/>
      <c r="B165" s="3" t="s">
        <v>1417</v>
      </c>
      <c r="C165" s="12">
        <v>124</v>
      </c>
      <c r="D165" s="12">
        <v>306</v>
      </c>
      <c r="E165" s="12">
        <v>155</v>
      </c>
      <c r="F165" s="12">
        <v>151</v>
      </c>
      <c r="G165" s="12">
        <v>23</v>
      </c>
      <c r="H165" s="12">
        <v>31</v>
      </c>
      <c r="I165" s="12">
        <v>25</v>
      </c>
      <c r="J165" s="12">
        <v>27</v>
      </c>
      <c r="K165" s="12">
        <v>50</v>
      </c>
      <c r="L165" s="12">
        <v>33</v>
      </c>
      <c r="M165" s="12">
        <v>43</v>
      </c>
      <c r="N165" s="12">
        <v>74</v>
      </c>
      <c r="O165" s="12">
        <v>0</v>
      </c>
      <c r="P165" s="12">
        <v>41</v>
      </c>
      <c r="Q165" s="12">
        <v>175</v>
      </c>
      <c r="R165" s="12">
        <v>90</v>
      </c>
    </row>
    <row r="166" spans="1:18" ht="10.5" customHeight="1" x14ac:dyDescent="0.15">
      <c r="A166" s="3"/>
      <c r="B166" s="3" t="s">
        <v>1418</v>
      </c>
      <c r="C166" s="12">
        <v>43</v>
      </c>
      <c r="D166" s="12">
        <v>108</v>
      </c>
      <c r="E166" s="12">
        <v>57</v>
      </c>
      <c r="F166" s="12">
        <v>51</v>
      </c>
      <c r="G166" s="12">
        <v>3</v>
      </c>
      <c r="H166" s="12">
        <v>7</v>
      </c>
      <c r="I166" s="12">
        <v>14</v>
      </c>
      <c r="J166" s="12">
        <v>10</v>
      </c>
      <c r="K166" s="12">
        <v>7</v>
      </c>
      <c r="L166" s="12">
        <v>20</v>
      </c>
      <c r="M166" s="12">
        <v>16</v>
      </c>
      <c r="N166" s="12">
        <v>31</v>
      </c>
      <c r="O166" s="12">
        <v>0</v>
      </c>
      <c r="P166" s="12">
        <v>5</v>
      </c>
      <c r="Q166" s="12">
        <v>65</v>
      </c>
      <c r="R166" s="12">
        <v>38</v>
      </c>
    </row>
    <row r="167" spans="1:18" ht="10.5" customHeight="1" x14ac:dyDescent="0.15">
      <c r="A167" s="3"/>
      <c r="B167" s="3" t="s">
        <v>1419</v>
      </c>
      <c r="C167" s="12">
        <v>3</v>
      </c>
      <c r="D167" s="12">
        <v>9</v>
      </c>
      <c r="E167" s="12">
        <v>6</v>
      </c>
      <c r="F167" s="12">
        <v>3</v>
      </c>
      <c r="G167" s="12" t="s">
        <v>132</v>
      </c>
      <c r="H167" s="12" t="s">
        <v>132</v>
      </c>
      <c r="I167" s="12" t="s">
        <v>132</v>
      </c>
      <c r="J167" s="12" t="s">
        <v>132</v>
      </c>
      <c r="K167" s="12" t="s">
        <v>132</v>
      </c>
      <c r="L167" s="12" t="s">
        <v>132</v>
      </c>
      <c r="M167" s="12" t="s">
        <v>132</v>
      </c>
      <c r="N167" s="12" t="s">
        <v>132</v>
      </c>
      <c r="O167" s="12" t="s">
        <v>132</v>
      </c>
      <c r="P167" s="12" t="s">
        <v>132</v>
      </c>
      <c r="Q167" s="12" t="s">
        <v>132</v>
      </c>
      <c r="R167" s="12" t="s">
        <v>132</v>
      </c>
    </row>
    <row r="168" spans="1:18" ht="10.5" customHeight="1" x14ac:dyDescent="0.15">
      <c r="A168" s="3"/>
      <c r="B168" s="3" t="s">
        <v>1420</v>
      </c>
      <c r="C168" s="12">
        <v>103</v>
      </c>
      <c r="D168" s="12">
        <v>241</v>
      </c>
      <c r="E168" s="12">
        <v>123</v>
      </c>
      <c r="F168" s="12">
        <v>118</v>
      </c>
      <c r="G168" s="12">
        <v>7</v>
      </c>
      <c r="H168" s="12">
        <v>21</v>
      </c>
      <c r="I168" s="12">
        <v>21</v>
      </c>
      <c r="J168" s="12">
        <v>18</v>
      </c>
      <c r="K168" s="12">
        <v>30</v>
      </c>
      <c r="L168" s="12">
        <v>40</v>
      </c>
      <c r="M168" s="12">
        <v>31</v>
      </c>
      <c r="N168" s="12">
        <v>73</v>
      </c>
      <c r="O168" s="12">
        <v>0</v>
      </c>
      <c r="P168" s="12">
        <v>16</v>
      </c>
      <c r="Q168" s="12">
        <v>135</v>
      </c>
      <c r="R168" s="12">
        <v>90</v>
      </c>
    </row>
    <row r="169" spans="1:18" ht="10.5" customHeight="1" x14ac:dyDescent="0.15">
      <c r="A169" s="3"/>
      <c r="B169" s="3" t="s">
        <v>1421</v>
      </c>
      <c r="C169" s="12">
        <v>870</v>
      </c>
      <c r="D169" s="12">
        <v>1745</v>
      </c>
      <c r="E169" s="12">
        <v>776</v>
      </c>
      <c r="F169" s="12">
        <v>969</v>
      </c>
      <c r="G169" s="12">
        <v>132</v>
      </c>
      <c r="H169" s="12">
        <v>189</v>
      </c>
      <c r="I169" s="12">
        <v>113</v>
      </c>
      <c r="J169" s="12">
        <v>173</v>
      </c>
      <c r="K169" s="12">
        <v>190</v>
      </c>
      <c r="L169" s="12">
        <v>229</v>
      </c>
      <c r="M169" s="12">
        <v>255</v>
      </c>
      <c r="N169" s="12">
        <v>464</v>
      </c>
      <c r="O169" s="12">
        <v>0</v>
      </c>
      <c r="P169" s="12">
        <v>232</v>
      </c>
      <c r="Q169" s="12">
        <v>890</v>
      </c>
      <c r="R169" s="12">
        <v>623</v>
      </c>
    </row>
    <row r="170" spans="1:18" ht="10.5" customHeight="1" x14ac:dyDescent="0.15">
      <c r="A170" s="3"/>
      <c r="B170" s="3" t="s">
        <v>1422</v>
      </c>
      <c r="C170" s="12">
        <v>6</v>
      </c>
      <c r="D170" s="12">
        <v>14</v>
      </c>
      <c r="E170" s="12">
        <v>8</v>
      </c>
      <c r="F170" s="12">
        <v>6</v>
      </c>
      <c r="G170" s="12" t="s">
        <v>132</v>
      </c>
      <c r="H170" s="12" t="s">
        <v>132</v>
      </c>
      <c r="I170" s="12" t="s">
        <v>132</v>
      </c>
      <c r="J170" s="12" t="s">
        <v>132</v>
      </c>
      <c r="K170" s="12" t="s">
        <v>132</v>
      </c>
      <c r="L170" s="12" t="s">
        <v>132</v>
      </c>
      <c r="M170" s="12" t="s">
        <v>132</v>
      </c>
      <c r="N170" s="12" t="s">
        <v>132</v>
      </c>
      <c r="O170" s="12" t="s">
        <v>132</v>
      </c>
      <c r="P170" s="12" t="s">
        <v>132</v>
      </c>
      <c r="Q170" s="12" t="s">
        <v>132</v>
      </c>
      <c r="R170" s="12" t="s">
        <v>132</v>
      </c>
    </row>
    <row r="171" spans="1:18" ht="10.5" customHeight="1" x14ac:dyDescent="0.15">
      <c r="A171" s="3"/>
      <c r="B171" s="3" t="s">
        <v>1423</v>
      </c>
      <c r="C171" s="12">
        <v>56</v>
      </c>
      <c r="D171" s="12">
        <v>135</v>
      </c>
      <c r="E171" s="12">
        <v>64</v>
      </c>
      <c r="F171" s="12">
        <v>71</v>
      </c>
      <c r="G171" s="12">
        <v>8</v>
      </c>
      <c r="H171" s="12">
        <v>9</v>
      </c>
      <c r="I171" s="12">
        <v>10</v>
      </c>
      <c r="J171" s="12">
        <v>11</v>
      </c>
      <c r="K171" s="12">
        <v>20</v>
      </c>
      <c r="L171" s="12">
        <v>19</v>
      </c>
      <c r="M171" s="12">
        <v>24</v>
      </c>
      <c r="N171" s="12">
        <v>34</v>
      </c>
      <c r="O171" s="12">
        <v>0</v>
      </c>
      <c r="P171" s="12">
        <v>12</v>
      </c>
      <c r="Q171" s="12">
        <v>80</v>
      </c>
      <c r="R171" s="12">
        <v>43</v>
      </c>
    </row>
    <row r="172" spans="1:18" ht="10.5" customHeight="1" x14ac:dyDescent="0.15">
      <c r="A172" s="3"/>
      <c r="B172" s="3" t="s">
        <v>1424</v>
      </c>
      <c r="C172" s="12">
        <v>123</v>
      </c>
      <c r="D172" s="12">
        <v>307</v>
      </c>
      <c r="E172" s="12">
        <v>157</v>
      </c>
      <c r="F172" s="12">
        <v>150</v>
      </c>
      <c r="G172" s="12">
        <v>16</v>
      </c>
      <c r="H172" s="12">
        <v>22</v>
      </c>
      <c r="I172" s="12">
        <v>28</v>
      </c>
      <c r="J172" s="12">
        <v>18</v>
      </c>
      <c r="K172" s="12">
        <v>44</v>
      </c>
      <c r="L172" s="12">
        <v>38</v>
      </c>
      <c r="M172" s="12">
        <v>43</v>
      </c>
      <c r="N172" s="12">
        <v>98</v>
      </c>
      <c r="O172" s="12">
        <v>0</v>
      </c>
      <c r="P172" s="12">
        <v>27</v>
      </c>
      <c r="Q172" s="12">
        <v>161</v>
      </c>
      <c r="R172" s="12">
        <v>119</v>
      </c>
    </row>
    <row r="173" spans="1:18" ht="10.5" customHeight="1" x14ac:dyDescent="0.15">
      <c r="A173" s="3"/>
      <c r="B173" s="3" t="s">
        <v>1425</v>
      </c>
      <c r="C173" s="12">
        <v>51</v>
      </c>
      <c r="D173" s="12">
        <v>124</v>
      </c>
      <c r="E173" s="12">
        <v>56</v>
      </c>
      <c r="F173" s="12">
        <v>68</v>
      </c>
      <c r="G173" s="12">
        <v>3</v>
      </c>
      <c r="H173" s="12">
        <v>14</v>
      </c>
      <c r="I173" s="12">
        <v>13</v>
      </c>
      <c r="J173" s="12">
        <v>7</v>
      </c>
      <c r="K173" s="12">
        <v>17</v>
      </c>
      <c r="L173" s="12">
        <v>23</v>
      </c>
      <c r="M173" s="12">
        <v>16</v>
      </c>
      <c r="N173" s="12">
        <v>31</v>
      </c>
      <c r="O173" s="12">
        <v>0</v>
      </c>
      <c r="P173" s="12">
        <v>11</v>
      </c>
      <c r="Q173" s="12">
        <v>71</v>
      </c>
      <c r="R173" s="12">
        <v>42</v>
      </c>
    </row>
    <row r="174" spans="1:18" ht="10.5" customHeight="1" x14ac:dyDescent="0.15">
      <c r="A174" s="3"/>
      <c r="B174" s="3" t="s">
        <v>1426</v>
      </c>
      <c r="C174" s="12">
        <v>51</v>
      </c>
      <c r="D174" s="12">
        <v>135</v>
      </c>
      <c r="E174" s="12">
        <v>64</v>
      </c>
      <c r="F174" s="12">
        <v>71</v>
      </c>
      <c r="G174" s="12">
        <v>6</v>
      </c>
      <c r="H174" s="12">
        <v>10</v>
      </c>
      <c r="I174" s="12">
        <v>8</v>
      </c>
      <c r="J174" s="12">
        <v>16</v>
      </c>
      <c r="K174" s="12">
        <v>19</v>
      </c>
      <c r="L174" s="12">
        <v>14</v>
      </c>
      <c r="M174" s="12">
        <v>20</v>
      </c>
      <c r="N174" s="12">
        <v>42</v>
      </c>
      <c r="O174" s="12">
        <v>0</v>
      </c>
      <c r="P174" s="12">
        <v>10</v>
      </c>
      <c r="Q174" s="12">
        <v>73</v>
      </c>
      <c r="R174" s="12">
        <v>52</v>
      </c>
    </row>
    <row r="175" spans="1:18" ht="10.5" customHeight="1" x14ac:dyDescent="0.15">
      <c r="A175" s="3"/>
      <c r="B175" s="3" t="s">
        <v>1427</v>
      </c>
      <c r="C175" s="12">
        <v>68</v>
      </c>
      <c r="D175" s="12">
        <v>179</v>
      </c>
      <c r="E175" s="12">
        <v>82</v>
      </c>
      <c r="F175" s="12">
        <v>97</v>
      </c>
      <c r="G175" s="12">
        <v>13</v>
      </c>
      <c r="H175" s="12">
        <v>18</v>
      </c>
      <c r="I175" s="12">
        <v>21</v>
      </c>
      <c r="J175" s="12">
        <v>13</v>
      </c>
      <c r="K175" s="12">
        <v>19</v>
      </c>
      <c r="L175" s="12">
        <v>32</v>
      </c>
      <c r="M175" s="12">
        <v>17</v>
      </c>
      <c r="N175" s="12">
        <v>46</v>
      </c>
      <c r="O175" s="12">
        <v>0</v>
      </c>
      <c r="P175" s="12">
        <v>21</v>
      </c>
      <c r="Q175" s="12">
        <v>103</v>
      </c>
      <c r="R175" s="12">
        <v>55</v>
      </c>
    </row>
    <row r="176" spans="1:18" ht="10.5" customHeight="1" x14ac:dyDescent="0.15">
      <c r="A176" s="3"/>
      <c r="B176" s="3" t="s">
        <v>1428</v>
      </c>
      <c r="C176" s="12">
        <v>146</v>
      </c>
      <c r="D176" s="12">
        <v>390</v>
      </c>
      <c r="E176" s="12">
        <v>206</v>
      </c>
      <c r="F176" s="12">
        <v>184</v>
      </c>
      <c r="G176" s="12">
        <v>12</v>
      </c>
      <c r="H176" s="12">
        <v>55</v>
      </c>
      <c r="I176" s="12">
        <v>23</v>
      </c>
      <c r="J176" s="12">
        <v>21</v>
      </c>
      <c r="K176" s="12">
        <v>76</v>
      </c>
      <c r="L176" s="12">
        <v>45</v>
      </c>
      <c r="M176" s="12">
        <v>48</v>
      </c>
      <c r="N176" s="12">
        <v>110</v>
      </c>
      <c r="O176" s="12">
        <v>0</v>
      </c>
      <c r="P176" s="12">
        <v>39</v>
      </c>
      <c r="Q176" s="12">
        <v>217</v>
      </c>
      <c r="R176" s="12">
        <v>134</v>
      </c>
    </row>
    <row r="177" spans="1:18" ht="10.5" customHeight="1" x14ac:dyDescent="0.15">
      <c r="A177" s="3"/>
      <c r="B177" s="3" t="s">
        <v>1429</v>
      </c>
      <c r="C177" s="12">
        <v>355</v>
      </c>
      <c r="D177" s="12">
        <v>773</v>
      </c>
      <c r="E177" s="12">
        <v>409</v>
      </c>
      <c r="F177" s="12">
        <v>364</v>
      </c>
      <c r="G177" s="12">
        <v>90</v>
      </c>
      <c r="H177" s="12">
        <v>81</v>
      </c>
      <c r="I177" s="12">
        <v>105</v>
      </c>
      <c r="J177" s="12">
        <v>112</v>
      </c>
      <c r="K177" s="12">
        <v>123</v>
      </c>
      <c r="L177" s="12">
        <v>106</v>
      </c>
      <c r="M177" s="12">
        <v>79</v>
      </c>
      <c r="N177" s="12">
        <v>77</v>
      </c>
      <c r="O177" s="12">
        <v>0</v>
      </c>
      <c r="P177" s="12">
        <v>135</v>
      </c>
      <c r="Q177" s="12">
        <v>525</v>
      </c>
      <c r="R177" s="12">
        <v>113</v>
      </c>
    </row>
    <row r="178" spans="1:18" ht="10.5" customHeight="1" x14ac:dyDescent="0.15">
      <c r="A178" s="3"/>
      <c r="B178" s="3" t="s">
        <v>1430</v>
      </c>
      <c r="C178" s="12">
        <v>304</v>
      </c>
      <c r="D178" s="12">
        <v>679</v>
      </c>
      <c r="E178" s="12">
        <v>327</v>
      </c>
      <c r="F178" s="12">
        <v>352</v>
      </c>
      <c r="G178" s="12">
        <v>51</v>
      </c>
      <c r="H178" s="12">
        <v>70</v>
      </c>
      <c r="I178" s="12">
        <v>73</v>
      </c>
      <c r="J178" s="12">
        <v>83</v>
      </c>
      <c r="K178" s="12">
        <v>97</v>
      </c>
      <c r="L178" s="12">
        <v>104</v>
      </c>
      <c r="M178" s="12">
        <v>75</v>
      </c>
      <c r="N178" s="12">
        <v>126</v>
      </c>
      <c r="O178" s="12">
        <v>0</v>
      </c>
      <c r="P178" s="12">
        <v>78</v>
      </c>
      <c r="Q178" s="12">
        <v>440</v>
      </c>
      <c r="R178" s="12">
        <v>161</v>
      </c>
    </row>
    <row r="179" spans="1:18" ht="10.5" customHeight="1" x14ac:dyDescent="0.15">
      <c r="A179" s="3"/>
      <c r="B179" s="3" t="s">
        <v>1431</v>
      </c>
      <c r="C179" s="12">
        <v>589</v>
      </c>
      <c r="D179" s="12">
        <v>1304</v>
      </c>
      <c r="E179" s="12">
        <v>679</v>
      </c>
      <c r="F179" s="12">
        <v>625</v>
      </c>
      <c r="G179" s="12">
        <v>149</v>
      </c>
      <c r="H179" s="12">
        <v>158</v>
      </c>
      <c r="I179" s="12">
        <v>188</v>
      </c>
      <c r="J179" s="12">
        <v>172</v>
      </c>
      <c r="K179" s="12">
        <v>233</v>
      </c>
      <c r="L179" s="12">
        <v>192</v>
      </c>
      <c r="M179" s="12">
        <v>107</v>
      </c>
      <c r="N179" s="12">
        <v>105</v>
      </c>
      <c r="O179" s="12">
        <v>0</v>
      </c>
      <c r="P179" s="12">
        <v>227</v>
      </c>
      <c r="Q179" s="12">
        <v>923</v>
      </c>
      <c r="R179" s="12">
        <v>154</v>
      </c>
    </row>
    <row r="180" spans="1:18" ht="10.5" customHeight="1" x14ac:dyDescent="0.15">
      <c r="A180" s="3"/>
      <c r="B180" s="3" t="s">
        <v>1432</v>
      </c>
      <c r="C180" s="12">
        <v>617</v>
      </c>
      <c r="D180" s="12">
        <v>1379</v>
      </c>
      <c r="E180" s="12">
        <v>734</v>
      </c>
      <c r="F180" s="12">
        <v>645</v>
      </c>
      <c r="G180" s="12">
        <v>134</v>
      </c>
      <c r="H180" s="12">
        <v>168</v>
      </c>
      <c r="I180" s="12">
        <v>231</v>
      </c>
      <c r="J180" s="12">
        <v>199</v>
      </c>
      <c r="K180" s="12">
        <v>224</v>
      </c>
      <c r="L180" s="12">
        <v>209</v>
      </c>
      <c r="M180" s="12">
        <v>103</v>
      </c>
      <c r="N180" s="12">
        <v>111</v>
      </c>
      <c r="O180" s="12">
        <v>0</v>
      </c>
      <c r="P180" s="12">
        <v>222</v>
      </c>
      <c r="Q180" s="12">
        <v>1005</v>
      </c>
      <c r="R180" s="12">
        <v>152</v>
      </c>
    </row>
    <row r="181" spans="1:18" ht="10.5" customHeight="1" x14ac:dyDescent="0.15">
      <c r="A181" s="3"/>
      <c r="B181" s="3" t="s">
        <v>1433</v>
      </c>
      <c r="C181" s="12">
        <v>289</v>
      </c>
      <c r="D181" s="12">
        <v>620</v>
      </c>
      <c r="E181" s="12">
        <v>333</v>
      </c>
      <c r="F181" s="12">
        <v>287</v>
      </c>
      <c r="G181" s="12">
        <v>26</v>
      </c>
      <c r="H181" s="12">
        <v>71</v>
      </c>
      <c r="I181" s="12">
        <v>77</v>
      </c>
      <c r="J181" s="12">
        <v>78</v>
      </c>
      <c r="K181" s="12">
        <v>115</v>
      </c>
      <c r="L181" s="12">
        <v>98</v>
      </c>
      <c r="M181" s="12">
        <v>67</v>
      </c>
      <c r="N181" s="12">
        <v>88</v>
      </c>
      <c r="O181" s="12">
        <v>0</v>
      </c>
      <c r="P181" s="12">
        <v>56</v>
      </c>
      <c r="Q181" s="12">
        <v>440</v>
      </c>
      <c r="R181" s="12">
        <v>124</v>
      </c>
    </row>
    <row r="182" spans="1:18" ht="10.5" customHeight="1" x14ac:dyDescent="0.15">
      <c r="A182" s="3"/>
      <c r="B182" s="3" t="s">
        <v>1434</v>
      </c>
      <c r="C182" s="12">
        <v>94</v>
      </c>
      <c r="D182" s="12">
        <v>207</v>
      </c>
      <c r="E182" s="12">
        <v>107</v>
      </c>
      <c r="F182" s="12">
        <v>100</v>
      </c>
      <c r="G182" s="12">
        <v>1</v>
      </c>
      <c r="H182" s="12">
        <v>15</v>
      </c>
      <c r="I182" s="12">
        <v>31</v>
      </c>
      <c r="J182" s="12">
        <v>15</v>
      </c>
      <c r="K182" s="12">
        <v>16</v>
      </c>
      <c r="L182" s="12">
        <v>42</v>
      </c>
      <c r="M182" s="12">
        <v>35</v>
      </c>
      <c r="N182" s="12">
        <v>52</v>
      </c>
      <c r="O182" s="12">
        <v>0</v>
      </c>
      <c r="P182" s="12">
        <v>8</v>
      </c>
      <c r="Q182" s="12">
        <v>133</v>
      </c>
      <c r="R182" s="12">
        <v>66</v>
      </c>
    </row>
    <row r="183" spans="1:18" ht="10.5" customHeight="1" x14ac:dyDescent="0.15">
      <c r="A183" s="3"/>
      <c r="B183" s="3" t="s">
        <v>1435</v>
      </c>
      <c r="C183" s="12">
        <v>145</v>
      </c>
      <c r="D183" s="12">
        <v>324</v>
      </c>
      <c r="E183" s="12">
        <v>160</v>
      </c>
      <c r="F183" s="12">
        <v>164</v>
      </c>
      <c r="G183" s="12">
        <v>11</v>
      </c>
      <c r="H183" s="12">
        <v>20</v>
      </c>
      <c r="I183" s="12">
        <v>37</v>
      </c>
      <c r="J183" s="12">
        <v>26</v>
      </c>
      <c r="K183" s="12">
        <v>39</v>
      </c>
      <c r="L183" s="12">
        <v>39</v>
      </c>
      <c r="M183" s="12">
        <v>40</v>
      </c>
      <c r="N183" s="12">
        <v>112</v>
      </c>
      <c r="O183" s="12">
        <v>0</v>
      </c>
      <c r="P183" s="12">
        <v>19</v>
      </c>
      <c r="Q183" s="12">
        <v>173</v>
      </c>
      <c r="R183" s="12">
        <v>132</v>
      </c>
    </row>
    <row r="184" spans="1:18" ht="10.5" customHeight="1" x14ac:dyDescent="0.15">
      <c r="A184" s="3"/>
      <c r="B184" s="3" t="s">
        <v>1436</v>
      </c>
      <c r="C184" s="12">
        <v>734</v>
      </c>
      <c r="D184" s="12">
        <v>1707</v>
      </c>
      <c r="E184" s="12">
        <v>887</v>
      </c>
      <c r="F184" s="12">
        <v>820</v>
      </c>
      <c r="G184" s="12">
        <v>180</v>
      </c>
      <c r="H184" s="12">
        <v>176</v>
      </c>
      <c r="I184" s="12">
        <v>252</v>
      </c>
      <c r="J184" s="12">
        <v>209</v>
      </c>
      <c r="K184" s="12">
        <v>271</v>
      </c>
      <c r="L184" s="12">
        <v>251</v>
      </c>
      <c r="M184" s="12">
        <v>162</v>
      </c>
      <c r="N184" s="12">
        <v>206</v>
      </c>
      <c r="O184" s="12">
        <v>0</v>
      </c>
      <c r="P184" s="12">
        <v>266</v>
      </c>
      <c r="Q184" s="12">
        <v>1164</v>
      </c>
      <c r="R184" s="12">
        <v>277</v>
      </c>
    </row>
    <row r="185" spans="1:18" ht="10.5" customHeight="1" x14ac:dyDescent="0.15">
      <c r="A185" s="3"/>
      <c r="B185" s="3" t="s">
        <v>1437</v>
      </c>
      <c r="C185" s="12">
        <v>410</v>
      </c>
      <c r="D185" s="12">
        <v>951</v>
      </c>
      <c r="E185" s="12">
        <v>489</v>
      </c>
      <c r="F185" s="12">
        <v>462</v>
      </c>
      <c r="G185" s="12">
        <v>108</v>
      </c>
      <c r="H185" s="12">
        <v>65</v>
      </c>
      <c r="I185" s="12">
        <v>81</v>
      </c>
      <c r="J185" s="12">
        <v>148</v>
      </c>
      <c r="K185" s="12">
        <v>111</v>
      </c>
      <c r="L185" s="12">
        <v>87</v>
      </c>
      <c r="M185" s="12">
        <v>128</v>
      </c>
      <c r="N185" s="12">
        <v>223</v>
      </c>
      <c r="O185" s="12">
        <v>0</v>
      </c>
      <c r="P185" s="12">
        <v>142</v>
      </c>
      <c r="Q185" s="12">
        <v>521</v>
      </c>
      <c r="R185" s="12">
        <v>288</v>
      </c>
    </row>
    <row r="186" spans="1:18" ht="10.5" customHeight="1" x14ac:dyDescent="0.15">
      <c r="A186" s="3"/>
      <c r="B186" s="3" t="s">
        <v>1438</v>
      </c>
      <c r="C186" s="12">
        <v>257</v>
      </c>
      <c r="D186" s="12">
        <v>629</v>
      </c>
      <c r="E186" s="12">
        <v>309</v>
      </c>
      <c r="F186" s="12">
        <v>320</v>
      </c>
      <c r="G186" s="12">
        <v>114</v>
      </c>
      <c r="H186" s="12">
        <v>44</v>
      </c>
      <c r="I186" s="12">
        <v>63</v>
      </c>
      <c r="J186" s="12">
        <v>126</v>
      </c>
      <c r="K186" s="12">
        <v>81</v>
      </c>
      <c r="L186" s="12">
        <v>63</v>
      </c>
      <c r="M186" s="12">
        <v>43</v>
      </c>
      <c r="N186" s="12">
        <v>95</v>
      </c>
      <c r="O186" s="12">
        <v>0</v>
      </c>
      <c r="P186" s="12">
        <v>139</v>
      </c>
      <c r="Q186" s="12">
        <v>371</v>
      </c>
      <c r="R186" s="12">
        <v>119</v>
      </c>
    </row>
    <row r="187" spans="1:18" ht="10.5" customHeight="1" x14ac:dyDescent="0.15">
      <c r="A187" s="3"/>
      <c r="B187" s="3" t="s">
        <v>1439</v>
      </c>
      <c r="C187" s="12">
        <v>1</v>
      </c>
      <c r="D187" s="12">
        <v>2</v>
      </c>
      <c r="E187" s="12">
        <v>1</v>
      </c>
      <c r="F187" s="12">
        <v>1</v>
      </c>
      <c r="G187" s="12" t="s">
        <v>132</v>
      </c>
      <c r="H187" s="12" t="s">
        <v>132</v>
      </c>
      <c r="I187" s="12" t="s">
        <v>132</v>
      </c>
      <c r="J187" s="12" t="s">
        <v>132</v>
      </c>
      <c r="K187" s="12" t="s">
        <v>132</v>
      </c>
      <c r="L187" s="12" t="s">
        <v>132</v>
      </c>
      <c r="M187" s="12" t="s">
        <v>132</v>
      </c>
      <c r="N187" s="12" t="s">
        <v>132</v>
      </c>
      <c r="O187" s="12" t="s">
        <v>132</v>
      </c>
      <c r="P187" s="12" t="s">
        <v>132</v>
      </c>
      <c r="Q187" s="12" t="s">
        <v>132</v>
      </c>
      <c r="R187" s="12" t="s">
        <v>132</v>
      </c>
    </row>
    <row r="188" spans="1:18" ht="10.5" customHeight="1" x14ac:dyDescent="0.15">
      <c r="A188" s="3"/>
      <c r="B188" s="3" t="s">
        <v>1440</v>
      </c>
      <c r="C188" s="12">
        <v>21</v>
      </c>
      <c r="D188" s="12">
        <v>66</v>
      </c>
      <c r="E188" s="12">
        <v>34</v>
      </c>
      <c r="F188" s="12">
        <v>32</v>
      </c>
      <c r="G188" s="12">
        <v>10</v>
      </c>
      <c r="H188" s="12">
        <v>8</v>
      </c>
      <c r="I188" s="12">
        <v>5</v>
      </c>
      <c r="J188" s="12">
        <v>7</v>
      </c>
      <c r="K188" s="12">
        <v>15</v>
      </c>
      <c r="L188" s="12">
        <v>7</v>
      </c>
      <c r="M188" s="12">
        <v>7</v>
      </c>
      <c r="N188" s="12">
        <v>7</v>
      </c>
      <c r="O188" s="12">
        <v>0</v>
      </c>
      <c r="P188" s="12">
        <v>14</v>
      </c>
      <c r="Q188" s="12">
        <v>39</v>
      </c>
      <c r="R188" s="12">
        <v>13</v>
      </c>
    </row>
    <row r="189" spans="1:18" ht="10.5" customHeight="1" x14ac:dyDescent="0.15">
      <c r="A189" s="3"/>
      <c r="B189" s="3" t="s">
        <v>1441</v>
      </c>
      <c r="C189" s="12">
        <v>245</v>
      </c>
      <c r="D189" s="12">
        <v>571</v>
      </c>
      <c r="E189" s="12">
        <v>286</v>
      </c>
      <c r="F189" s="12">
        <v>285</v>
      </c>
      <c r="G189" s="12">
        <v>37</v>
      </c>
      <c r="H189" s="12">
        <v>50</v>
      </c>
      <c r="I189" s="12">
        <v>56</v>
      </c>
      <c r="J189" s="12">
        <v>64</v>
      </c>
      <c r="K189" s="12">
        <v>82</v>
      </c>
      <c r="L189" s="12">
        <v>77</v>
      </c>
      <c r="M189" s="12">
        <v>57</v>
      </c>
      <c r="N189" s="12">
        <v>148</v>
      </c>
      <c r="O189" s="12">
        <v>0</v>
      </c>
      <c r="P189" s="12">
        <v>65</v>
      </c>
      <c r="Q189" s="12">
        <v>329</v>
      </c>
      <c r="R189" s="12">
        <v>177</v>
      </c>
    </row>
    <row r="190" spans="1:18" ht="10.5" customHeight="1" x14ac:dyDescent="0.15">
      <c r="A190" s="3"/>
      <c r="B190" s="3" t="s">
        <v>1442</v>
      </c>
      <c r="C190" s="12">
        <v>216</v>
      </c>
      <c r="D190" s="12">
        <v>464</v>
      </c>
      <c r="E190" s="12">
        <v>213</v>
      </c>
      <c r="F190" s="12">
        <v>251</v>
      </c>
      <c r="G190" s="12">
        <v>19</v>
      </c>
      <c r="H190" s="12">
        <v>39</v>
      </c>
      <c r="I190" s="12">
        <v>49</v>
      </c>
      <c r="J190" s="12">
        <v>38</v>
      </c>
      <c r="K190" s="12">
        <v>76</v>
      </c>
      <c r="L190" s="12">
        <v>61</v>
      </c>
      <c r="M190" s="12">
        <v>54</v>
      </c>
      <c r="N190" s="12">
        <v>128</v>
      </c>
      <c r="O190" s="12">
        <v>0</v>
      </c>
      <c r="P190" s="12">
        <v>38</v>
      </c>
      <c r="Q190" s="12">
        <v>269</v>
      </c>
      <c r="R190" s="12">
        <v>157</v>
      </c>
    </row>
    <row r="191" spans="1:18" ht="10.5" customHeight="1" x14ac:dyDescent="0.15">
      <c r="A191" s="3"/>
      <c r="B191" s="3" t="s">
        <v>1443</v>
      </c>
      <c r="C191" s="12">
        <v>34</v>
      </c>
      <c r="D191" s="12">
        <v>87</v>
      </c>
      <c r="E191" s="12">
        <v>46</v>
      </c>
      <c r="F191" s="12">
        <v>41</v>
      </c>
      <c r="G191" s="12">
        <v>3</v>
      </c>
      <c r="H191" s="12">
        <v>3</v>
      </c>
      <c r="I191" s="12">
        <v>16</v>
      </c>
      <c r="J191" s="12">
        <v>9</v>
      </c>
      <c r="K191" s="12">
        <v>13</v>
      </c>
      <c r="L191" s="12">
        <v>12</v>
      </c>
      <c r="M191" s="12">
        <v>10</v>
      </c>
      <c r="N191" s="12">
        <v>21</v>
      </c>
      <c r="O191" s="12">
        <v>0</v>
      </c>
      <c r="P191" s="12">
        <v>4</v>
      </c>
      <c r="Q191" s="12">
        <v>56</v>
      </c>
      <c r="R191" s="12">
        <v>27</v>
      </c>
    </row>
    <row r="192" spans="1:18" ht="10.5" customHeight="1" x14ac:dyDescent="0.15">
      <c r="A192" s="3"/>
      <c r="B192" s="3" t="s">
        <v>1444</v>
      </c>
      <c r="C192" s="12">
        <v>44</v>
      </c>
      <c r="D192" s="12">
        <v>108</v>
      </c>
      <c r="E192" s="12">
        <v>54</v>
      </c>
      <c r="F192" s="12">
        <v>54</v>
      </c>
      <c r="G192" s="12">
        <v>2</v>
      </c>
      <c r="H192" s="12">
        <v>9</v>
      </c>
      <c r="I192" s="12">
        <v>10</v>
      </c>
      <c r="J192" s="12">
        <v>6</v>
      </c>
      <c r="K192" s="12">
        <v>13</v>
      </c>
      <c r="L192" s="12">
        <v>19</v>
      </c>
      <c r="M192" s="12">
        <v>14</v>
      </c>
      <c r="N192" s="12">
        <v>35</v>
      </c>
      <c r="O192" s="12">
        <v>0</v>
      </c>
      <c r="P192" s="12">
        <v>5</v>
      </c>
      <c r="Q192" s="12">
        <v>62</v>
      </c>
      <c r="R192" s="12">
        <v>41</v>
      </c>
    </row>
    <row r="193" spans="1:18" ht="10.5" customHeight="1" x14ac:dyDescent="0.15">
      <c r="A193" s="3"/>
      <c r="B193" s="3" t="s">
        <v>1445</v>
      </c>
      <c r="C193" s="12">
        <v>152</v>
      </c>
      <c r="D193" s="12">
        <v>410</v>
      </c>
      <c r="E193" s="12">
        <v>206</v>
      </c>
      <c r="F193" s="12">
        <v>204</v>
      </c>
      <c r="G193" s="12">
        <v>41</v>
      </c>
      <c r="H193" s="12">
        <v>36</v>
      </c>
      <c r="I193" s="12">
        <v>40</v>
      </c>
      <c r="J193" s="12">
        <v>50</v>
      </c>
      <c r="K193" s="12">
        <v>62</v>
      </c>
      <c r="L193" s="12">
        <v>51</v>
      </c>
      <c r="M193" s="12">
        <v>49</v>
      </c>
      <c r="N193" s="12">
        <v>81</v>
      </c>
      <c r="O193" s="12">
        <v>0</v>
      </c>
      <c r="P193" s="12">
        <v>56</v>
      </c>
      <c r="Q193" s="12">
        <v>247</v>
      </c>
      <c r="R193" s="12">
        <v>107</v>
      </c>
    </row>
    <row r="194" spans="1:18" ht="10.5" customHeight="1" x14ac:dyDescent="0.15">
      <c r="A194" s="3"/>
      <c r="B194" s="3" t="s">
        <v>1446</v>
      </c>
      <c r="C194" s="12">
        <v>38</v>
      </c>
      <c r="D194" s="12">
        <v>73</v>
      </c>
      <c r="E194" s="12">
        <v>41</v>
      </c>
      <c r="F194" s="12">
        <v>32</v>
      </c>
      <c r="G194" s="12">
        <v>0</v>
      </c>
      <c r="H194" s="12">
        <v>4</v>
      </c>
      <c r="I194" s="12">
        <v>4</v>
      </c>
      <c r="J194" s="12">
        <v>4</v>
      </c>
      <c r="K194" s="12">
        <v>12</v>
      </c>
      <c r="L194" s="12">
        <v>9</v>
      </c>
      <c r="M194" s="12">
        <v>7</v>
      </c>
      <c r="N194" s="12">
        <v>33</v>
      </c>
      <c r="O194" s="12">
        <v>0</v>
      </c>
      <c r="P194" s="12">
        <v>2</v>
      </c>
      <c r="Q194" s="12">
        <v>34</v>
      </c>
      <c r="R194" s="12">
        <v>37</v>
      </c>
    </row>
    <row r="195" spans="1:18" ht="10.5" customHeight="1" x14ac:dyDescent="0.15">
      <c r="A195" s="3"/>
      <c r="B195" s="3" t="s">
        <v>1447</v>
      </c>
      <c r="C195" s="12">
        <v>29</v>
      </c>
      <c r="D195" s="12">
        <v>67</v>
      </c>
      <c r="E195" s="12">
        <v>33</v>
      </c>
      <c r="F195" s="12">
        <v>34</v>
      </c>
      <c r="G195" s="12">
        <v>0</v>
      </c>
      <c r="H195" s="12">
        <v>4</v>
      </c>
      <c r="I195" s="12">
        <v>9</v>
      </c>
      <c r="J195" s="12">
        <v>4</v>
      </c>
      <c r="K195" s="12">
        <v>7</v>
      </c>
      <c r="L195" s="12">
        <v>15</v>
      </c>
      <c r="M195" s="12">
        <v>12</v>
      </c>
      <c r="N195" s="12">
        <v>16</v>
      </c>
      <c r="O195" s="12">
        <v>0</v>
      </c>
      <c r="P195" s="12">
        <v>1</v>
      </c>
      <c r="Q195" s="12">
        <v>43</v>
      </c>
      <c r="R195" s="12">
        <v>23</v>
      </c>
    </row>
    <row r="196" spans="1:18" ht="10.5" customHeight="1" x14ac:dyDescent="0.15">
      <c r="A196" s="3"/>
      <c r="B196" s="3" t="s">
        <v>1448</v>
      </c>
      <c r="C196" s="12">
        <v>5</v>
      </c>
      <c r="D196" s="12">
        <v>13</v>
      </c>
      <c r="E196" s="12">
        <v>5</v>
      </c>
      <c r="F196" s="12">
        <v>8</v>
      </c>
      <c r="G196" s="12" t="s">
        <v>132</v>
      </c>
      <c r="H196" s="12" t="s">
        <v>132</v>
      </c>
      <c r="I196" s="12" t="s">
        <v>132</v>
      </c>
      <c r="J196" s="12" t="s">
        <v>132</v>
      </c>
      <c r="K196" s="12" t="s">
        <v>132</v>
      </c>
      <c r="L196" s="12" t="s">
        <v>132</v>
      </c>
      <c r="M196" s="12" t="s">
        <v>132</v>
      </c>
      <c r="N196" s="12" t="s">
        <v>132</v>
      </c>
      <c r="O196" s="12" t="s">
        <v>132</v>
      </c>
      <c r="P196" s="12" t="s">
        <v>132</v>
      </c>
      <c r="Q196" s="12" t="s">
        <v>132</v>
      </c>
      <c r="R196" s="12" t="s">
        <v>132</v>
      </c>
    </row>
    <row r="197" spans="1:18" ht="10.5" customHeight="1" x14ac:dyDescent="0.15">
      <c r="A197" s="3"/>
      <c r="B197" s="3" t="s">
        <v>1449</v>
      </c>
      <c r="C197" s="12">
        <v>33</v>
      </c>
      <c r="D197" s="12">
        <v>92</v>
      </c>
      <c r="E197" s="12">
        <v>47</v>
      </c>
      <c r="F197" s="12">
        <v>45</v>
      </c>
      <c r="G197" s="12">
        <v>6</v>
      </c>
      <c r="H197" s="12">
        <v>14</v>
      </c>
      <c r="I197" s="12">
        <v>7</v>
      </c>
      <c r="J197" s="12">
        <v>4</v>
      </c>
      <c r="K197" s="12">
        <v>13</v>
      </c>
      <c r="L197" s="12">
        <v>10</v>
      </c>
      <c r="M197" s="12">
        <v>13</v>
      </c>
      <c r="N197" s="12">
        <v>25</v>
      </c>
      <c r="O197" s="12">
        <v>0</v>
      </c>
      <c r="P197" s="12">
        <v>11</v>
      </c>
      <c r="Q197" s="12">
        <v>51</v>
      </c>
      <c r="R197" s="12">
        <v>30</v>
      </c>
    </row>
    <row r="198" spans="1:18" ht="10.5" customHeight="1" x14ac:dyDescent="0.15">
      <c r="A198" s="3"/>
      <c r="B198" s="3" t="s">
        <v>1450</v>
      </c>
      <c r="C198" s="12">
        <v>62</v>
      </c>
      <c r="D198" s="12">
        <v>164</v>
      </c>
      <c r="E198" s="12">
        <v>91</v>
      </c>
      <c r="F198" s="12">
        <v>73</v>
      </c>
      <c r="G198" s="12">
        <v>8</v>
      </c>
      <c r="H198" s="12">
        <v>9</v>
      </c>
      <c r="I198" s="12">
        <v>18</v>
      </c>
      <c r="J198" s="12">
        <v>11</v>
      </c>
      <c r="K198" s="12">
        <v>25</v>
      </c>
      <c r="L198" s="12">
        <v>21</v>
      </c>
      <c r="M198" s="12">
        <v>29</v>
      </c>
      <c r="N198" s="12">
        <v>43</v>
      </c>
      <c r="O198" s="12">
        <v>0</v>
      </c>
      <c r="P198" s="12">
        <v>14</v>
      </c>
      <c r="Q198" s="12">
        <v>89</v>
      </c>
      <c r="R198" s="12">
        <v>61</v>
      </c>
    </row>
    <row r="199" spans="1:18" ht="10.5" customHeight="1" x14ac:dyDescent="0.15">
      <c r="A199" s="3"/>
      <c r="B199" s="3" t="s">
        <v>1451</v>
      </c>
      <c r="C199" s="12">
        <v>6</v>
      </c>
      <c r="D199" s="12">
        <v>6</v>
      </c>
      <c r="E199" s="12">
        <v>6</v>
      </c>
      <c r="F199" s="12">
        <v>0</v>
      </c>
      <c r="G199" s="12" t="s">
        <v>132</v>
      </c>
      <c r="H199" s="12" t="s">
        <v>132</v>
      </c>
      <c r="I199" s="12" t="s">
        <v>132</v>
      </c>
      <c r="J199" s="12" t="s">
        <v>132</v>
      </c>
      <c r="K199" s="12" t="s">
        <v>132</v>
      </c>
      <c r="L199" s="12" t="s">
        <v>132</v>
      </c>
      <c r="M199" s="12" t="s">
        <v>132</v>
      </c>
      <c r="N199" s="12" t="s">
        <v>132</v>
      </c>
      <c r="O199" s="12" t="s">
        <v>132</v>
      </c>
      <c r="P199" s="12" t="s">
        <v>132</v>
      </c>
      <c r="Q199" s="12" t="s">
        <v>132</v>
      </c>
      <c r="R199" s="12" t="s">
        <v>132</v>
      </c>
    </row>
    <row r="200" spans="1:18" ht="10.5" customHeight="1" x14ac:dyDescent="0.15">
      <c r="A200" s="3"/>
      <c r="B200" s="3" t="s">
        <v>1452</v>
      </c>
      <c r="C200" s="12">
        <v>1</v>
      </c>
      <c r="D200" s="12">
        <v>1</v>
      </c>
      <c r="E200" s="12">
        <v>1</v>
      </c>
      <c r="F200" s="12">
        <v>0</v>
      </c>
      <c r="G200" s="12" t="s">
        <v>132</v>
      </c>
      <c r="H200" s="12" t="s">
        <v>132</v>
      </c>
      <c r="I200" s="12" t="s">
        <v>132</v>
      </c>
      <c r="J200" s="12" t="s">
        <v>132</v>
      </c>
      <c r="K200" s="12" t="s">
        <v>132</v>
      </c>
      <c r="L200" s="12" t="s">
        <v>132</v>
      </c>
      <c r="M200" s="12" t="s">
        <v>132</v>
      </c>
      <c r="N200" s="12" t="s">
        <v>132</v>
      </c>
      <c r="O200" s="12" t="s">
        <v>132</v>
      </c>
      <c r="P200" s="12" t="s">
        <v>132</v>
      </c>
      <c r="Q200" s="12" t="s">
        <v>132</v>
      </c>
      <c r="R200" s="12" t="s">
        <v>132</v>
      </c>
    </row>
    <row r="201" spans="1:18" ht="10.5" customHeight="1" x14ac:dyDescent="0.15">
      <c r="A201" s="3"/>
      <c r="B201" s="3" t="s">
        <v>1453</v>
      </c>
      <c r="C201" s="12">
        <v>33</v>
      </c>
      <c r="D201" s="12">
        <v>109</v>
      </c>
      <c r="E201" s="12">
        <v>50</v>
      </c>
      <c r="F201" s="12">
        <v>59</v>
      </c>
      <c r="G201" s="12">
        <v>3</v>
      </c>
      <c r="H201" s="12">
        <v>19</v>
      </c>
      <c r="I201" s="12">
        <v>8</v>
      </c>
      <c r="J201" s="12">
        <v>12</v>
      </c>
      <c r="K201" s="12">
        <v>16</v>
      </c>
      <c r="L201" s="12">
        <v>13</v>
      </c>
      <c r="M201" s="12">
        <v>14</v>
      </c>
      <c r="N201" s="12">
        <v>24</v>
      </c>
      <c r="O201" s="12">
        <v>0</v>
      </c>
      <c r="P201" s="12">
        <v>11</v>
      </c>
      <c r="Q201" s="12">
        <v>68</v>
      </c>
      <c r="R201" s="12">
        <v>30</v>
      </c>
    </row>
    <row r="202" spans="1:18" ht="10.5" customHeight="1" x14ac:dyDescent="0.15">
      <c r="A202" s="3"/>
      <c r="B202" s="3" t="s">
        <v>1454</v>
      </c>
      <c r="C202" s="12">
        <v>41</v>
      </c>
      <c r="D202" s="12">
        <v>65</v>
      </c>
      <c r="E202" s="12">
        <v>48</v>
      </c>
      <c r="F202" s="12">
        <v>17</v>
      </c>
      <c r="G202" s="12">
        <v>0</v>
      </c>
      <c r="H202" s="12">
        <v>1</v>
      </c>
      <c r="I202" s="12">
        <v>15</v>
      </c>
      <c r="J202" s="12">
        <v>11</v>
      </c>
      <c r="K202" s="12">
        <v>11</v>
      </c>
      <c r="L202" s="12">
        <v>10</v>
      </c>
      <c r="M202" s="12">
        <v>9</v>
      </c>
      <c r="N202" s="12">
        <v>8</v>
      </c>
      <c r="O202" s="12">
        <v>0</v>
      </c>
      <c r="P202" s="12">
        <v>0</v>
      </c>
      <c r="Q202" s="12">
        <v>54</v>
      </c>
      <c r="R202" s="12">
        <v>11</v>
      </c>
    </row>
    <row r="203" spans="1:18" ht="10.5" customHeight="1" x14ac:dyDescent="0.15">
      <c r="A203" s="3"/>
      <c r="B203" s="3" t="s">
        <v>1455</v>
      </c>
      <c r="C203" s="12">
        <v>81</v>
      </c>
      <c r="D203" s="12">
        <v>178</v>
      </c>
      <c r="E203" s="12">
        <v>95</v>
      </c>
      <c r="F203" s="12">
        <v>83</v>
      </c>
      <c r="G203" s="12">
        <v>8</v>
      </c>
      <c r="H203" s="12">
        <v>16</v>
      </c>
      <c r="I203" s="12">
        <v>15</v>
      </c>
      <c r="J203" s="12">
        <v>21</v>
      </c>
      <c r="K203" s="12">
        <v>24</v>
      </c>
      <c r="L203" s="12">
        <v>22</v>
      </c>
      <c r="M203" s="12">
        <v>18</v>
      </c>
      <c r="N203" s="12">
        <v>54</v>
      </c>
      <c r="O203" s="12">
        <v>0</v>
      </c>
      <c r="P203" s="12">
        <v>16</v>
      </c>
      <c r="Q203" s="12">
        <v>102</v>
      </c>
      <c r="R203" s="12">
        <v>60</v>
      </c>
    </row>
    <row r="204" spans="1:18" ht="10.5" customHeight="1" x14ac:dyDescent="0.15">
      <c r="A204" s="3"/>
      <c r="B204" s="3" t="s">
        <v>1456</v>
      </c>
      <c r="C204" s="12">
        <v>67</v>
      </c>
      <c r="D204" s="12">
        <v>132</v>
      </c>
      <c r="E204" s="12">
        <v>72</v>
      </c>
      <c r="F204" s="12">
        <v>60</v>
      </c>
      <c r="G204" s="12">
        <v>0</v>
      </c>
      <c r="H204" s="12">
        <v>8</v>
      </c>
      <c r="I204" s="12">
        <v>10</v>
      </c>
      <c r="J204" s="12">
        <v>8</v>
      </c>
      <c r="K204" s="12">
        <v>15</v>
      </c>
      <c r="L204" s="12">
        <v>23</v>
      </c>
      <c r="M204" s="12">
        <v>28</v>
      </c>
      <c r="N204" s="12">
        <v>40</v>
      </c>
      <c r="O204" s="12">
        <v>0</v>
      </c>
      <c r="P204" s="12">
        <v>3</v>
      </c>
      <c r="Q204" s="12">
        <v>74</v>
      </c>
      <c r="R204" s="12">
        <v>55</v>
      </c>
    </row>
    <row r="205" spans="1:18" ht="10.5" customHeight="1" x14ac:dyDescent="0.15">
      <c r="A205" s="3"/>
      <c r="B205" s="3" t="s">
        <v>1457</v>
      </c>
      <c r="C205" s="12">
        <v>121</v>
      </c>
      <c r="D205" s="12">
        <v>274</v>
      </c>
      <c r="E205" s="12">
        <v>136</v>
      </c>
      <c r="F205" s="12">
        <v>138</v>
      </c>
      <c r="G205" s="12">
        <v>14</v>
      </c>
      <c r="H205" s="12">
        <v>17</v>
      </c>
      <c r="I205" s="12">
        <v>23</v>
      </c>
      <c r="J205" s="12">
        <v>22</v>
      </c>
      <c r="K205" s="12">
        <v>34</v>
      </c>
      <c r="L205" s="12">
        <v>50</v>
      </c>
      <c r="M205" s="12">
        <v>35</v>
      </c>
      <c r="N205" s="12">
        <v>79</v>
      </c>
      <c r="O205" s="12">
        <v>0</v>
      </c>
      <c r="P205" s="12">
        <v>22</v>
      </c>
      <c r="Q205" s="12">
        <v>158</v>
      </c>
      <c r="R205" s="12">
        <v>94</v>
      </c>
    </row>
    <row r="206" spans="1:18" ht="10.5" customHeight="1" x14ac:dyDescent="0.15">
      <c r="A206" s="3"/>
      <c r="B206" s="3"/>
      <c r="C206" s="12"/>
      <c r="D206" s="12"/>
      <c r="E206" s="12"/>
      <c r="F206" s="12"/>
      <c r="G206" s="12"/>
      <c r="H206" s="12"/>
      <c r="I206" s="12"/>
      <c r="J206" s="12"/>
      <c r="K206" s="12"/>
      <c r="L206" s="12"/>
      <c r="M206" s="12"/>
      <c r="N206" s="12"/>
      <c r="O206" s="12"/>
      <c r="P206" s="12"/>
      <c r="Q206" s="12"/>
      <c r="R206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0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1458</v>
      </c>
      <c r="B6" s="3"/>
      <c r="C6" s="12">
        <v>68051</v>
      </c>
      <c r="D6" s="12">
        <v>134939</v>
      </c>
      <c r="E6" s="12">
        <v>68831</v>
      </c>
      <c r="F6" s="12">
        <v>66108</v>
      </c>
      <c r="G6" s="12">
        <v>9484</v>
      </c>
      <c r="H6" s="12">
        <v>10170</v>
      </c>
      <c r="I6" s="12">
        <v>14919</v>
      </c>
      <c r="J6" s="12">
        <v>15682</v>
      </c>
      <c r="K6" s="12">
        <v>18297</v>
      </c>
      <c r="L6" s="12">
        <v>18104</v>
      </c>
      <c r="M6" s="12">
        <v>16506</v>
      </c>
      <c r="N6" s="12">
        <v>31775</v>
      </c>
      <c r="O6" s="12">
        <v>2</v>
      </c>
      <c r="P6" s="12">
        <v>14451</v>
      </c>
      <c r="Q6" s="12">
        <v>80230</v>
      </c>
      <c r="R6" s="12">
        <v>40256</v>
      </c>
    </row>
    <row r="7" spans="1:18" s="4" customFormat="1" x14ac:dyDescent="0.15">
      <c r="A7" s="3"/>
      <c r="B7" s="3" t="s">
        <v>1459</v>
      </c>
      <c r="C7" s="12">
        <v>846</v>
      </c>
      <c r="D7" s="12">
        <v>1742</v>
      </c>
      <c r="E7" s="12">
        <v>959</v>
      </c>
      <c r="F7" s="12">
        <v>783</v>
      </c>
      <c r="G7" s="12">
        <v>138</v>
      </c>
      <c r="H7" s="12">
        <v>194</v>
      </c>
      <c r="I7" s="12">
        <v>180</v>
      </c>
      <c r="J7" s="12">
        <v>201</v>
      </c>
      <c r="K7" s="12">
        <v>293</v>
      </c>
      <c r="L7" s="12">
        <v>269</v>
      </c>
      <c r="M7" s="12">
        <v>213</v>
      </c>
      <c r="N7" s="12">
        <v>254</v>
      </c>
      <c r="O7" s="12">
        <v>0</v>
      </c>
      <c r="P7" s="12">
        <v>231</v>
      </c>
      <c r="Q7" s="12">
        <v>1148</v>
      </c>
      <c r="R7" s="12">
        <v>363</v>
      </c>
    </row>
    <row r="8" spans="1:18" s="4" customFormat="1" x14ac:dyDescent="0.15">
      <c r="A8" s="3"/>
      <c r="B8" s="3" t="s">
        <v>1460</v>
      </c>
      <c r="C8" s="12">
        <v>69</v>
      </c>
      <c r="D8" s="12">
        <v>126</v>
      </c>
      <c r="E8" s="12">
        <v>78</v>
      </c>
      <c r="F8" s="12">
        <v>48</v>
      </c>
      <c r="G8" s="12">
        <v>9</v>
      </c>
      <c r="H8" s="12">
        <v>8</v>
      </c>
      <c r="I8" s="12">
        <v>19</v>
      </c>
      <c r="J8" s="12">
        <v>10</v>
      </c>
      <c r="K8" s="12">
        <v>22</v>
      </c>
      <c r="L8" s="12">
        <v>21</v>
      </c>
      <c r="M8" s="12">
        <v>8</v>
      </c>
      <c r="N8" s="12">
        <v>29</v>
      </c>
      <c r="O8" s="12">
        <v>0</v>
      </c>
      <c r="P8" s="12">
        <v>14</v>
      </c>
      <c r="Q8" s="12">
        <v>80</v>
      </c>
      <c r="R8" s="12">
        <v>32</v>
      </c>
    </row>
    <row r="9" spans="1:18" s="4" customFormat="1" x14ac:dyDescent="0.15">
      <c r="A9" s="3"/>
      <c r="B9" s="3" t="s">
        <v>1461</v>
      </c>
      <c r="C9" s="12">
        <v>28</v>
      </c>
      <c r="D9" s="12">
        <v>34</v>
      </c>
      <c r="E9" s="12">
        <v>16</v>
      </c>
      <c r="F9" s="12">
        <v>18</v>
      </c>
      <c r="G9" s="12">
        <v>0</v>
      </c>
      <c r="H9" s="12">
        <v>2</v>
      </c>
      <c r="I9" s="12">
        <v>10</v>
      </c>
      <c r="J9" s="12">
        <v>9</v>
      </c>
      <c r="K9" s="12">
        <v>5</v>
      </c>
      <c r="L9" s="12">
        <v>3</v>
      </c>
      <c r="M9" s="12">
        <v>1</v>
      </c>
      <c r="N9" s="12">
        <v>4</v>
      </c>
      <c r="O9" s="12">
        <v>0</v>
      </c>
      <c r="P9" s="12">
        <v>0</v>
      </c>
      <c r="Q9" s="12">
        <v>29</v>
      </c>
      <c r="R9" s="12">
        <v>5</v>
      </c>
    </row>
    <row r="10" spans="1:18" s="4" customFormat="1" x14ac:dyDescent="0.15">
      <c r="A10" s="3"/>
      <c r="B10" s="3" t="s">
        <v>1462</v>
      </c>
      <c r="C10" s="12">
        <v>26</v>
      </c>
      <c r="D10" s="12">
        <v>37</v>
      </c>
      <c r="E10" s="12">
        <v>22</v>
      </c>
      <c r="F10" s="12">
        <v>15</v>
      </c>
      <c r="G10" s="12">
        <v>1</v>
      </c>
      <c r="H10" s="12">
        <v>1</v>
      </c>
      <c r="I10" s="12">
        <v>12</v>
      </c>
      <c r="J10" s="12">
        <v>2</v>
      </c>
      <c r="K10" s="12">
        <v>4</v>
      </c>
      <c r="L10" s="12">
        <v>2</v>
      </c>
      <c r="M10" s="12">
        <v>8</v>
      </c>
      <c r="N10" s="12">
        <v>7</v>
      </c>
      <c r="O10" s="12">
        <v>0</v>
      </c>
      <c r="P10" s="12">
        <v>2</v>
      </c>
      <c r="Q10" s="12">
        <v>22</v>
      </c>
      <c r="R10" s="12">
        <v>13</v>
      </c>
    </row>
    <row r="11" spans="1:18" s="4" customFormat="1" x14ac:dyDescent="0.15">
      <c r="A11" s="3"/>
      <c r="B11" s="3" t="s">
        <v>1463</v>
      </c>
      <c r="C11" s="12">
        <v>641</v>
      </c>
      <c r="D11" s="12">
        <v>1312</v>
      </c>
      <c r="E11" s="12">
        <v>645</v>
      </c>
      <c r="F11" s="12">
        <v>667</v>
      </c>
      <c r="G11" s="12">
        <v>111</v>
      </c>
      <c r="H11" s="12">
        <v>111</v>
      </c>
      <c r="I11" s="12">
        <v>102</v>
      </c>
      <c r="J11" s="12">
        <v>168</v>
      </c>
      <c r="K11" s="12">
        <v>185</v>
      </c>
      <c r="L11" s="12">
        <v>175</v>
      </c>
      <c r="M11" s="12">
        <v>143</v>
      </c>
      <c r="N11" s="12">
        <v>317</v>
      </c>
      <c r="O11" s="12">
        <v>0</v>
      </c>
      <c r="P11" s="12">
        <v>172</v>
      </c>
      <c r="Q11" s="12">
        <v>761</v>
      </c>
      <c r="R11" s="12">
        <v>379</v>
      </c>
    </row>
    <row r="12" spans="1:18" s="4" customFormat="1" x14ac:dyDescent="0.15">
      <c r="A12" s="3"/>
      <c r="B12" s="3" t="s">
        <v>1464</v>
      </c>
      <c r="C12" s="12">
        <v>683</v>
      </c>
      <c r="D12" s="12">
        <v>1287</v>
      </c>
      <c r="E12" s="12">
        <v>662</v>
      </c>
      <c r="F12" s="12">
        <v>625</v>
      </c>
      <c r="G12" s="12">
        <v>63</v>
      </c>
      <c r="H12" s="12">
        <v>68</v>
      </c>
      <c r="I12" s="12">
        <v>159</v>
      </c>
      <c r="J12" s="12">
        <v>126</v>
      </c>
      <c r="K12" s="12">
        <v>165</v>
      </c>
      <c r="L12" s="12">
        <v>159</v>
      </c>
      <c r="M12" s="12">
        <v>187</v>
      </c>
      <c r="N12" s="12">
        <v>360</v>
      </c>
      <c r="O12" s="12">
        <v>0</v>
      </c>
      <c r="P12" s="12">
        <v>94</v>
      </c>
      <c r="Q12" s="12">
        <v>735</v>
      </c>
      <c r="R12" s="12">
        <v>458</v>
      </c>
    </row>
    <row r="13" spans="1:18" s="4" customFormat="1" x14ac:dyDescent="0.15">
      <c r="A13" s="3"/>
      <c r="B13" s="3" t="s">
        <v>1465</v>
      </c>
      <c r="C13" s="12">
        <v>1051</v>
      </c>
      <c r="D13" s="12">
        <v>1924</v>
      </c>
      <c r="E13" s="12">
        <v>1016</v>
      </c>
      <c r="F13" s="12">
        <v>908</v>
      </c>
      <c r="G13" s="12">
        <v>105</v>
      </c>
      <c r="H13" s="12">
        <v>157</v>
      </c>
      <c r="I13" s="12">
        <v>202</v>
      </c>
      <c r="J13" s="12">
        <v>213</v>
      </c>
      <c r="K13" s="12">
        <v>305</v>
      </c>
      <c r="L13" s="12">
        <v>259</v>
      </c>
      <c r="M13" s="12">
        <v>257</v>
      </c>
      <c r="N13" s="12">
        <v>426</v>
      </c>
      <c r="O13" s="12">
        <v>0</v>
      </c>
      <c r="P13" s="12">
        <v>180</v>
      </c>
      <c r="Q13" s="12">
        <v>1187</v>
      </c>
      <c r="R13" s="12">
        <v>557</v>
      </c>
    </row>
    <row r="14" spans="1:18" s="4" customFormat="1" x14ac:dyDescent="0.15">
      <c r="A14" s="3"/>
      <c r="B14" s="3" t="s">
        <v>1466</v>
      </c>
      <c r="C14" s="12">
        <v>289</v>
      </c>
      <c r="D14" s="12">
        <v>658</v>
      </c>
      <c r="E14" s="12">
        <v>355</v>
      </c>
      <c r="F14" s="12">
        <v>303</v>
      </c>
      <c r="G14" s="12">
        <v>61</v>
      </c>
      <c r="H14" s="12">
        <v>39</v>
      </c>
      <c r="I14" s="12">
        <v>68</v>
      </c>
      <c r="J14" s="12">
        <v>93</v>
      </c>
      <c r="K14" s="12">
        <v>86</v>
      </c>
      <c r="L14" s="12">
        <v>103</v>
      </c>
      <c r="M14" s="12">
        <v>97</v>
      </c>
      <c r="N14" s="12">
        <v>111</v>
      </c>
      <c r="O14" s="12">
        <v>0</v>
      </c>
      <c r="P14" s="12">
        <v>85</v>
      </c>
      <c r="Q14" s="12">
        <v>408</v>
      </c>
      <c r="R14" s="12">
        <v>165</v>
      </c>
    </row>
    <row r="15" spans="1:18" s="4" customFormat="1" x14ac:dyDescent="0.15">
      <c r="A15" s="3"/>
      <c r="B15" s="3" t="s">
        <v>1467</v>
      </c>
      <c r="C15" s="12">
        <v>215</v>
      </c>
      <c r="D15" s="12">
        <v>458</v>
      </c>
      <c r="E15" s="12">
        <v>243</v>
      </c>
      <c r="F15" s="12">
        <v>215</v>
      </c>
      <c r="G15" s="12">
        <v>35</v>
      </c>
      <c r="H15" s="12">
        <v>37</v>
      </c>
      <c r="I15" s="12">
        <v>51</v>
      </c>
      <c r="J15" s="12">
        <v>41</v>
      </c>
      <c r="K15" s="12">
        <v>65</v>
      </c>
      <c r="L15" s="12">
        <v>81</v>
      </c>
      <c r="M15" s="12">
        <v>65</v>
      </c>
      <c r="N15" s="12">
        <v>83</v>
      </c>
      <c r="O15" s="12">
        <v>0</v>
      </c>
      <c r="P15" s="12">
        <v>53</v>
      </c>
      <c r="Q15" s="12">
        <v>291</v>
      </c>
      <c r="R15" s="12">
        <v>114</v>
      </c>
    </row>
    <row r="16" spans="1:18" s="4" customFormat="1" x14ac:dyDescent="0.15">
      <c r="A16" s="3"/>
      <c r="B16" s="3" t="s">
        <v>1468</v>
      </c>
      <c r="C16" s="12">
        <v>585</v>
      </c>
      <c r="D16" s="12">
        <v>1290</v>
      </c>
      <c r="E16" s="12">
        <v>710</v>
      </c>
      <c r="F16" s="12">
        <v>580</v>
      </c>
      <c r="G16" s="12">
        <v>152</v>
      </c>
      <c r="H16" s="12">
        <v>136</v>
      </c>
      <c r="I16" s="12">
        <v>99</v>
      </c>
      <c r="J16" s="12">
        <v>166</v>
      </c>
      <c r="K16" s="12">
        <v>284</v>
      </c>
      <c r="L16" s="12">
        <v>145</v>
      </c>
      <c r="M16" s="12">
        <v>125</v>
      </c>
      <c r="N16" s="12">
        <v>183</v>
      </c>
      <c r="O16" s="12">
        <v>0</v>
      </c>
      <c r="P16" s="12">
        <v>246</v>
      </c>
      <c r="Q16" s="12">
        <v>799</v>
      </c>
      <c r="R16" s="12">
        <v>245</v>
      </c>
    </row>
    <row r="17" spans="1:18" s="4" customFormat="1" x14ac:dyDescent="0.15">
      <c r="A17" s="3"/>
      <c r="B17" s="3" t="s">
        <v>1469</v>
      </c>
      <c r="C17" s="12">
        <v>54</v>
      </c>
      <c r="D17" s="12">
        <v>117</v>
      </c>
      <c r="E17" s="12">
        <v>56</v>
      </c>
      <c r="F17" s="12">
        <v>61</v>
      </c>
      <c r="G17" s="12">
        <v>11</v>
      </c>
      <c r="H17" s="12">
        <v>4</v>
      </c>
      <c r="I17" s="12">
        <v>7</v>
      </c>
      <c r="J17" s="12">
        <v>6</v>
      </c>
      <c r="K17" s="12">
        <v>22</v>
      </c>
      <c r="L17" s="12">
        <v>13</v>
      </c>
      <c r="M17" s="12">
        <v>19</v>
      </c>
      <c r="N17" s="12">
        <v>35</v>
      </c>
      <c r="O17" s="12">
        <v>0</v>
      </c>
      <c r="P17" s="12">
        <v>15</v>
      </c>
      <c r="Q17" s="12">
        <v>59</v>
      </c>
      <c r="R17" s="12">
        <v>43</v>
      </c>
    </row>
    <row r="18" spans="1:18" s="4" customFormat="1" x14ac:dyDescent="0.15">
      <c r="A18" s="3"/>
      <c r="B18" s="3" t="s">
        <v>1470</v>
      </c>
      <c r="C18" s="12">
        <v>834</v>
      </c>
      <c r="D18" s="12">
        <v>1599</v>
      </c>
      <c r="E18" s="12">
        <v>789</v>
      </c>
      <c r="F18" s="12">
        <v>810</v>
      </c>
      <c r="G18" s="12">
        <v>101</v>
      </c>
      <c r="H18" s="12">
        <v>150</v>
      </c>
      <c r="I18" s="12">
        <v>172</v>
      </c>
      <c r="J18" s="12">
        <v>178</v>
      </c>
      <c r="K18" s="12">
        <v>277</v>
      </c>
      <c r="L18" s="12">
        <v>229</v>
      </c>
      <c r="M18" s="12">
        <v>170</v>
      </c>
      <c r="N18" s="12">
        <v>322</v>
      </c>
      <c r="O18" s="12">
        <v>0</v>
      </c>
      <c r="P18" s="12">
        <v>186</v>
      </c>
      <c r="Q18" s="12">
        <v>1002</v>
      </c>
      <c r="R18" s="12">
        <v>411</v>
      </c>
    </row>
    <row r="19" spans="1:18" s="4" customFormat="1" x14ac:dyDescent="0.15">
      <c r="A19" s="3"/>
      <c r="B19" s="3" t="s">
        <v>1471</v>
      </c>
      <c r="C19" s="12">
        <v>396</v>
      </c>
      <c r="D19" s="12">
        <v>873</v>
      </c>
      <c r="E19" s="12">
        <v>405</v>
      </c>
      <c r="F19" s="12">
        <v>468</v>
      </c>
      <c r="G19" s="12">
        <v>61</v>
      </c>
      <c r="H19" s="12">
        <v>71</v>
      </c>
      <c r="I19" s="12">
        <v>82</v>
      </c>
      <c r="J19" s="12">
        <v>95</v>
      </c>
      <c r="K19" s="12">
        <v>114</v>
      </c>
      <c r="L19" s="12">
        <v>93</v>
      </c>
      <c r="M19" s="12">
        <v>143</v>
      </c>
      <c r="N19" s="12">
        <v>214</v>
      </c>
      <c r="O19" s="12">
        <v>0</v>
      </c>
      <c r="P19" s="12">
        <v>93</v>
      </c>
      <c r="Q19" s="12">
        <v>478</v>
      </c>
      <c r="R19" s="12">
        <v>302</v>
      </c>
    </row>
    <row r="20" spans="1:18" s="4" customFormat="1" x14ac:dyDescent="0.15">
      <c r="A20" s="3"/>
      <c r="B20" s="3" t="s">
        <v>1472</v>
      </c>
      <c r="C20" s="12">
        <v>1011</v>
      </c>
      <c r="D20" s="12">
        <v>2015</v>
      </c>
      <c r="E20" s="12">
        <v>1016</v>
      </c>
      <c r="F20" s="12">
        <v>999</v>
      </c>
      <c r="G20" s="12">
        <v>106</v>
      </c>
      <c r="H20" s="12">
        <v>116</v>
      </c>
      <c r="I20" s="12">
        <v>156</v>
      </c>
      <c r="J20" s="12">
        <v>194</v>
      </c>
      <c r="K20" s="12">
        <v>244</v>
      </c>
      <c r="L20" s="12">
        <v>266</v>
      </c>
      <c r="M20" s="12">
        <v>293</v>
      </c>
      <c r="N20" s="12">
        <v>640</v>
      </c>
      <c r="O20" s="12">
        <v>0</v>
      </c>
      <c r="P20" s="12">
        <v>152</v>
      </c>
      <c r="Q20" s="12">
        <v>1068</v>
      </c>
      <c r="R20" s="12">
        <v>795</v>
      </c>
    </row>
    <row r="21" spans="1:18" s="4" customFormat="1" x14ac:dyDescent="0.15">
      <c r="A21" s="3"/>
      <c r="B21" s="3" t="s">
        <v>1473</v>
      </c>
      <c r="C21" s="12">
        <v>34</v>
      </c>
      <c r="D21" s="12">
        <v>70</v>
      </c>
      <c r="E21" s="12">
        <v>35</v>
      </c>
      <c r="F21" s="12">
        <v>35</v>
      </c>
      <c r="G21" s="12">
        <v>3</v>
      </c>
      <c r="H21" s="12">
        <v>8</v>
      </c>
      <c r="I21" s="12">
        <v>12</v>
      </c>
      <c r="J21" s="12">
        <v>2</v>
      </c>
      <c r="K21" s="12">
        <v>6</v>
      </c>
      <c r="L21" s="12">
        <v>11</v>
      </c>
      <c r="M21" s="12">
        <v>11</v>
      </c>
      <c r="N21" s="12">
        <v>17</v>
      </c>
      <c r="O21" s="12">
        <v>0</v>
      </c>
      <c r="P21" s="12">
        <v>7</v>
      </c>
      <c r="Q21" s="12">
        <v>43</v>
      </c>
      <c r="R21" s="12">
        <v>20</v>
      </c>
    </row>
    <row r="22" spans="1:18" s="4" customFormat="1" x14ac:dyDescent="0.15">
      <c r="A22" s="3"/>
      <c r="B22" s="3" t="s">
        <v>1474</v>
      </c>
      <c r="C22" s="12">
        <v>304</v>
      </c>
      <c r="D22" s="12">
        <v>726</v>
      </c>
      <c r="E22" s="12">
        <v>370</v>
      </c>
      <c r="F22" s="12">
        <v>356</v>
      </c>
      <c r="G22" s="12">
        <v>83</v>
      </c>
      <c r="H22" s="12">
        <v>67</v>
      </c>
      <c r="I22" s="12">
        <v>41</v>
      </c>
      <c r="J22" s="12">
        <v>107</v>
      </c>
      <c r="K22" s="12">
        <v>96</v>
      </c>
      <c r="L22" s="12">
        <v>100</v>
      </c>
      <c r="M22" s="12">
        <v>75</v>
      </c>
      <c r="N22" s="12">
        <v>157</v>
      </c>
      <c r="O22" s="12">
        <v>0</v>
      </c>
      <c r="P22" s="12">
        <v>132</v>
      </c>
      <c r="Q22" s="12">
        <v>393</v>
      </c>
      <c r="R22" s="12">
        <v>201</v>
      </c>
    </row>
    <row r="23" spans="1:18" s="4" customFormat="1" x14ac:dyDescent="0.15">
      <c r="A23" s="3"/>
      <c r="B23" s="3" t="s">
        <v>1475</v>
      </c>
      <c r="C23" s="12">
        <v>159</v>
      </c>
      <c r="D23" s="12">
        <v>356</v>
      </c>
      <c r="E23" s="12">
        <v>173</v>
      </c>
      <c r="F23" s="12">
        <v>183</v>
      </c>
      <c r="G23" s="12">
        <v>32</v>
      </c>
      <c r="H23" s="12">
        <v>27</v>
      </c>
      <c r="I23" s="12">
        <v>28</v>
      </c>
      <c r="J23" s="12">
        <v>45</v>
      </c>
      <c r="K23" s="12">
        <v>39</v>
      </c>
      <c r="L23" s="12">
        <v>54</v>
      </c>
      <c r="M23" s="12">
        <v>36</v>
      </c>
      <c r="N23" s="12">
        <v>95</v>
      </c>
      <c r="O23" s="12">
        <v>0</v>
      </c>
      <c r="P23" s="12">
        <v>43</v>
      </c>
      <c r="Q23" s="12">
        <v>199</v>
      </c>
      <c r="R23" s="12">
        <v>114</v>
      </c>
    </row>
    <row r="24" spans="1:18" s="4" customFormat="1" x14ac:dyDescent="0.15">
      <c r="A24" s="3"/>
      <c r="B24" s="3" t="s">
        <v>1476</v>
      </c>
      <c r="C24" s="12">
        <v>778</v>
      </c>
      <c r="D24" s="12">
        <v>1463</v>
      </c>
      <c r="E24" s="12">
        <v>786</v>
      </c>
      <c r="F24" s="12">
        <v>677</v>
      </c>
      <c r="G24" s="12">
        <v>97</v>
      </c>
      <c r="H24" s="12">
        <v>90</v>
      </c>
      <c r="I24" s="12">
        <v>189</v>
      </c>
      <c r="J24" s="12">
        <v>197</v>
      </c>
      <c r="K24" s="12">
        <v>187</v>
      </c>
      <c r="L24" s="12">
        <v>226</v>
      </c>
      <c r="M24" s="12">
        <v>149</v>
      </c>
      <c r="N24" s="12">
        <v>328</v>
      </c>
      <c r="O24" s="12">
        <v>0</v>
      </c>
      <c r="P24" s="12">
        <v>140</v>
      </c>
      <c r="Q24" s="12">
        <v>920</v>
      </c>
      <c r="R24" s="12">
        <v>403</v>
      </c>
    </row>
    <row r="25" spans="1:18" s="4" customFormat="1" x14ac:dyDescent="0.15">
      <c r="A25" s="3"/>
      <c r="B25" s="3" t="s">
        <v>1477</v>
      </c>
      <c r="C25" s="12">
        <v>12</v>
      </c>
      <c r="D25" s="12">
        <v>33</v>
      </c>
      <c r="E25" s="12">
        <v>16</v>
      </c>
      <c r="F25" s="12">
        <v>17</v>
      </c>
      <c r="G25" s="12">
        <v>6</v>
      </c>
      <c r="H25" s="12">
        <v>2</v>
      </c>
      <c r="I25" s="12">
        <v>6</v>
      </c>
      <c r="J25" s="12">
        <v>7</v>
      </c>
      <c r="K25" s="12">
        <v>5</v>
      </c>
      <c r="L25" s="12">
        <v>4</v>
      </c>
      <c r="M25" s="12">
        <v>1</v>
      </c>
      <c r="N25" s="12">
        <v>2</v>
      </c>
      <c r="O25" s="12">
        <v>0</v>
      </c>
      <c r="P25" s="12">
        <v>8</v>
      </c>
      <c r="Q25" s="12">
        <v>23</v>
      </c>
      <c r="R25" s="12">
        <v>2</v>
      </c>
    </row>
    <row r="26" spans="1:18" s="4" customFormat="1" x14ac:dyDescent="0.15">
      <c r="A26" s="3"/>
      <c r="B26" s="3" t="s">
        <v>1478</v>
      </c>
      <c r="C26" s="12">
        <v>140</v>
      </c>
      <c r="D26" s="12">
        <v>193</v>
      </c>
      <c r="E26" s="12">
        <v>121</v>
      </c>
      <c r="F26" s="12">
        <v>72</v>
      </c>
      <c r="G26" s="12">
        <v>9</v>
      </c>
      <c r="H26" s="12">
        <v>3</v>
      </c>
      <c r="I26" s="12">
        <v>36</v>
      </c>
      <c r="J26" s="12">
        <v>33</v>
      </c>
      <c r="K26" s="12">
        <v>16</v>
      </c>
      <c r="L26" s="12">
        <v>33</v>
      </c>
      <c r="M26" s="12">
        <v>28</v>
      </c>
      <c r="N26" s="12">
        <v>35</v>
      </c>
      <c r="O26" s="12">
        <v>0</v>
      </c>
      <c r="P26" s="12">
        <v>10</v>
      </c>
      <c r="Q26" s="12">
        <v>133</v>
      </c>
      <c r="R26" s="12">
        <v>50</v>
      </c>
    </row>
    <row r="27" spans="1:18" s="4" customFormat="1" x14ac:dyDescent="0.15">
      <c r="A27" s="3"/>
      <c r="B27" s="3" t="s">
        <v>1479</v>
      </c>
      <c r="C27" s="12">
        <v>479</v>
      </c>
      <c r="D27" s="12">
        <v>1055</v>
      </c>
      <c r="E27" s="12">
        <v>552</v>
      </c>
      <c r="F27" s="12">
        <v>503</v>
      </c>
      <c r="G27" s="12">
        <v>113</v>
      </c>
      <c r="H27" s="12">
        <v>98</v>
      </c>
      <c r="I27" s="12">
        <v>96</v>
      </c>
      <c r="J27" s="12">
        <v>149</v>
      </c>
      <c r="K27" s="12">
        <v>136</v>
      </c>
      <c r="L27" s="12">
        <v>122</v>
      </c>
      <c r="M27" s="12">
        <v>90</v>
      </c>
      <c r="N27" s="12">
        <v>251</v>
      </c>
      <c r="O27" s="12">
        <v>0</v>
      </c>
      <c r="P27" s="12">
        <v>172</v>
      </c>
      <c r="Q27" s="12">
        <v>586</v>
      </c>
      <c r="R27" s="12">
        <v>297</v>
      </c>
    </row>
    <row r="28" spans="1:18" s="4" customFormat="1" x14ac:dyDescent="0.15">
      <c r="A28" s="3"/>
      <c r="B28" s="3" t="s">
        <v>1480</v>
      </c>
      <c r="C28" s="12">
        <v>620</v>
      </c>
      <c r="D28" s="12">
        <v>1282</v>
      </c>
      <c r="E28" s="12">
        <v>603</v>
      </c>
      <c r="F28" s="12">
        <v>679</v>
      </c>
      <c r="G28" s="12">
        <v>102</v>
      </c>
      <c r="H28" s="12">
        <v>130</v>
      </c>
      <c r="I28" s="12">
        <v>97</v>
      </c>
      <c r="J28" s="12">
        <v>148</v>
      </c>
      <c r="K28" s="12">
        <v>146</v>
      </c>
      <c r="L28" s="12">
        <v>139</v>
      </c>
      <c r="M28" s="12">
        <v>200</v>
      </c>
      <c r="N28" s="12">
        <v>319</v>
      </c>
      <c r="O28" s="12">
        <v>1</v>
      </c>
      <c r="P28" s="12">
        <v>182</v>
      </c>
      <c r="Q28" s="12">
        <v>681</v>
      </c>
      <c r="R28" s="12">
        <v>418</v>
      </c>
    </row>
    <row r="29" spans="1:18" s="4" customFormat="1" x14ac:dyDescent="0.15">
      <c r="A29" s="3"/>
      <c r="B29" s="3" t="s">
        <v>1481</v>
      </c>
      <c r="C29" s="12">
        <v>945</v>
      </c>
      <c r="D29" s="12">
        <v>1975</v>
      </c>
      <c r="E29" s="12">
        <v>990</v>
      </c>
      <c r="F29" s="12">
        <v>985</v>
      </c>
      <c r="G29" s="12">
        <v>114</v>
      </c>
      <c r="H29" s="12">
        <v>136</v>
      </c>
      <c r="I29" s="12">
        <v>236</v>
      </c>
      <c r="J29" s="12">
        <v>201</v>
      </c>
      <c r="K29" s="12">
        <v>236</v>
      </c>
      <c r="L29" s="12">
        <v>260</v>
      </c>
      <c r="M29" s="12">
        <v>261</v>
      </c>
      <c r="N29" s="12">
        <v>531</v>
      </c>
      <c r="O29" s="12">
        <v>0</v>
      </c>
      <c r="P29" s="12">
        <v>182</v>
      </c>
      <c r="Q29" s="12">
        <v>1146</v>
      </c>
      <c r="R29" s="12">
        <v>647</v>
      </c>
    </row>
    <row r="30" spans="1:18" s="4" customFormat="1" x14ac:dyDescent="0.15">
      <c r="A30" s="3"/>
      <c r="B30" s="3" t="s">
        <v>1482</v>
      </c>
      <c r="C30" s="12">
        <v>378</v>
      </c>
      <c r="D30" s="12">
        <v>845</v>
      </c>
      <c r="E30" s="12">
        <v>440</v>
      </c>
      <c r="F30" s="12">
        <v>405</v>
      </c>
      <c r="G30" s="12">
        <v>96</v>
      </c>
      <c r="H30" s="12">
        <v>97</v>
      </c>
      <c r="I30" s="12">
        <v>65</v>
      </c>
      <c r="J30" s="12">
        <v>98</v>
      </c>
      <c r="K30" s="12">
        <v>187</v>
      </c>
      <c r="L30" s="12">
        <v>101</v>
      </c>
      <c r="M30" s="12">
        <v>87</v>
      </c>
      <c r="N30" s="12">
        <v>114</v>
      </c>
      <c r="O30" s="12">
        <v>0</v>
      </c>
      <c r="P30" s="12">
        <v>157</v>
      </c>
      <c r="Q30" s="12">
        <v>532</v>
      </c>
      <c r="R30" s="12">
        <v>156</v>
      </c>
    </row>
    <row r="31" spans="1:18" s="4" customFormat="1" x14ac:dyDescent="0.15">
      <c r="A31" s="3"/>
      <c r="B31" s="3" t="s">
        <v>1483</v>
      </c>
      <c r="C31" s="12">
        <v>515</v>
      </c>
      <c r="D31" s="12">
        <v>1064</v>
      </c>
      <c r="E31" s="12">
        <v>495</v>
      </c>
      <c r="F31" s="12">
        <v>569</v>
      </c>
      <c r="G31" s="12">
        <v>78</v>
      </c>
      <c r="H31" s="12">
        <v>66</v>
      </c>
      <c r="I31" s="12">
        <v>131</v>
      </c>
      <c r="J31" s="12">
        <v>119</v>
      </c>
      <c r="K31" s="12">
        <v>145</v>
      </c>
      <c r="L31" s="12">
        <v>116</v>
      </c>
      <c r="M31" s="12">
        <v>137</v>
      </c>
      <c r="N31" s="12">
        <v>272</v>
      </c>
      <c r="O31" s="12">
        <v>0</v>
      </c>
      <c r="P31" s="12">
        <v>113</v>
      </c>
      <c r="Q31" s="12">
        <v>607</v>
      </c>
      <c r="R31" s="12">
        <v>344</v>
      </c>
    </row>
    <row r="32" spans="1:18" s="4" customFormat="1" x14ac:dyDescent="0.15">
      <c r="A32" s="3"/>
      <c r="B32" s="3" t="s">
        <v>1484</v>
      </c>
      <c r="C32" s="12">
        <v>458</v>
      </c>
      <c r="D32" s="12">
        <v>972</v>
      </c>
      <c r="E32" s="12">
        <v>466</v>
      </c>
      <c r="F32" s="12">
        <v>506</v>
      </c>
      <c r="G32" s="12">
        <v>83</v>
      </c>
      <c r="H32" s="12">
        <v>72</v>
      </c>
      <c r="I32" s="12">
        <v>113</v>
      </c>
      <c r="J32" s="12">
        <v>146</v>
      </c>
      <c r="K32" s="12">
        <v>142</v>
      </c>
      <c r="L32" s="12">
        <v>103</v>
      </c>
      <c r="M32" s="12">
        <v>117</v>
      </c>
      <c r="N32" s="12">
        <v>196</v>
      </c>
      <c r="O32" s="12">
        <v>0</v>
      </c>
      <c r="P32" s="12">
        <v>114</v>
      </c>
      <c r="Q32" s="12">
        <v>605</v>
      </c>
      <c r="R32" s="12">
        <v>253</v>
      </c>
    </row>
    <row r="33" spans="1:18" s="4" customFormat="1" x14ac:dyDescent="0.15">
      <c r="A33" s="3"/>
      <c r="B33" s="3" t="s">
        <v>1485</v>
      </c>
      <c r="C33" s="12">
        <v>821</v>
      </c>
      <c r="D33" s="12">
        <v>1650</v>
      </c>
      <c r="E33" s="12">
        <v>818</v>
      </c>
      <c r="F33" s="12">
        <v>832</v>
      </c>
      <c r="G33" s="12">
        <v>97</v>
      </c>
      <c r="H33" s="12">
        <v>126</v>
      </c>
      <c r="I33" s="12">
        <v>183</v>
      </c>
      <c r="J33" s="12">
        <v>157</v>
      </c>
      <c r="K33" s="12">
        <v>243</v>
      </c>
      <c r="L33" s="12">
        <v>232</v>
      </c>
      <c r="M33" s="12">
        <v>226</v>
      </c>
      <c r="N33" s="12">
        <v>386</v>
      </c>
      <c r="O33" s="12">
        <v>0</v>
      </c>
      <c r="P33" s="12">
        <v>148</v>
      </c>
      <c r="Q33" s="12">
        <v>994</v>
      </c>
      <c r="R33" s="12">
        <v>508</v>
      </c>
    </row>
    <row r="34" spans="1:18" s="4" customFormat="1" x14ac:dyDescent="0.15">
      <c r="A34" s="3"/>
      <c r="B34" s="3" t="s">
        <v>1486</v>
      </c>
      <c r="C34" s="12">
        <v>163</v>
      </c>
      <c r="D34" s="12">
        <v>396</v>
      </c>
      <c r="E34" s="12">
        <v>191</v>
      </c>
      <c r="F34" s="12">
        <v>205</v>
      </c>
      <c r="G34" s="12">
        <v>18</v>
      </c>
      <c r="H34" s="12">
        <v>43</v>
      </c>
      <c r="I34" s="12">
        <v>36</v>
      </c>
      <c r="J34" s="12">
        <v>27</v>
      </c>
      <c r="K34" s="12">
        <v>63</v>
      </c>
      <c r="L34" s="12">
        <v>67</v>
      </c>
      <c r="M34" s="12">
        <v>41</v>
      </c>
      <c r="N34" s="12">
        <v>101</v>
      </c>
      <c r="O34" s="12">
        <v>0</v>
      </c>
      <c r="P34" s="12">
        <v>39</v>
      </c>
      <c r="Q34" s="12">
        <v>234</v>
      </c>
      <c r="R34" s="12">
        <v>123</v>
      </c>
    </row>
    <row r="35" spans="1:18" s="4" customFormat="1" x14ac:dyDescent="0.15">
      <c r="A35" s="3"/>
      <c r="B35" s="3" t="s">
        <v>1487</v>
      </c>
      <c r="C35" s="12">
        <v>477</v>
      </c>
      <c r="D35" s="12">
        <v>969</v>
      </c>
      <c r="E35" s="12">
        <v>503</v>
      </c>
      <c r="F35" s="12">
        <v>466</v>
      </c>
      <c r="G35" s="12">
        <v>83</v>
      </c>
      <c r="H35" s="12">
        <v>83</v>
      </c>
      <c r="I35" s="12">
        <v>111</v>
      </c>
      <c r="J35" s="12">
        <v>118</v>
      </c>
      <c r="K35" s="12">
        <v>136</v>
      </c>
      <c r="L35" s="12">
        <v>127</v>
      </c>
      <c r="M35" s="12">
        <v>102</v>
      </c>
      <c r="N35" s="12">
        <v>209</v>
      </c>
      <c r="O35" s="12">
        <v>0</v>
      </c>
      <c r="P35" s="12">
        <v>120</v>
      </c>
      <c r="Q35" s="12">
        <v>592</v>
      </c>
      <c r="R35" s="12">
        <v>257</v>
      </c>
    </row>
    <row r="36" spans="1:18" s="4" customFormat="1" x14ac:dyDescent="0.15">
      <c r="A36" s="3"/>
      <c r="B36" s="3" t="s">
        <v>1488</v>
      </c>
      <c r="C36" s="12">
        <v>180</v>
      </c>
      <c r="D36" s="12">
        <v>300</v>
      </c>
      <c r="E36" s="12">
        <v>173</v>
      </c>
      <c r="F36" s="12">
        <v>127</v>
      </c>
      <c r="G36" s="12">
        <v>27</v>
      </c>
      <c r="H36" s="12">
        <v>13</v>
      </c>
      <c r="I36" s="12">
        <v>66</v>
      </c>
      <c r="J36" s="12">
        <v>48</v>
      </c>
      <c r="K36" s="12">
        <v>49</v>
      </c>
      <c r="L36" s="12">
        <v>35</v>
      </c>
      <c r="M36" s="12">
        <v>30</v>
      </c>
      <c r="N36" s="12">
        <v>32</v>
      </c>
      <c r="O36" s="12">
        <v>0</v>
      </c>
      <c r="P36" s="12">
        <v>33</v>
      </c>
      <c r="Q36" s="12">
        <v>216</v>
      </c>
      <c r="R36" s="12">
        <v>51</v>
      </c>
    </row>
    <row r="37" spans="1:18" s="4" customFormat="1" x14ac:dyDescent="0.15">
      <c r="A37" s="3"/>
      <c r="B37" s="3" t="s">
        <v>1489</v>
      </c>
      <c r="C37" s="12">
        <v>321</v>
      </c>
      <c r="D37" s="12">
        <v>618</v>
      </c>
      <c r="E37" s="12">
        <v>294</v>
      </c>
      <c r="F37" s="12">
        <v>324</v>
      </c>
      <c r="G37" s="12">
        <v>52</v>
      </c>
      <c r="H37" s="12">
        <v>51</v>
      </c>
      <c r="I37" s="12">
        <v>55</v>
      </c>
      <c r="J37" s="12">
        <v>60</v>
      </c>
      <c r="K37" s="12">
        <v>75</v>
      </c>
      <c r="L37" s="12">
        <v>73</v>
      </c>
      <c r="M37" s="12">
        <v>65</v>
      </c>
      <c r="N37" s="12">
        <v>187</v>
      </c>
      <c r="O37" s="12">
        <v>0</v>
      </c>
      <c r="P37" s="12">
        <v>82</v>
      </c>
      <c r="Q37" s="12">
        <v>316</v>
      </c>
      <c r="R37" s="12">
        <v>220</v>
      </c>
    </row>
    <row r="38" spans="1:18" s="4" customFormat="1" x14ac:dyDescent="0.15">
      <c r="A38" s="3"/>
      <c r="B38" s="3" t="s">
        <v>1490</v>
      </c>
      <c r="C38" s="12">
        <v>549</v>
      </c>
      <c r="D38" s="12">
        <v>1109</v>
      </c>
      <c r="E38" s="12">
        <v>551</v>
      </c>
      <c r="F38" s="12">
        <v>558</v>
      </c>
      <c r="G38" s="12">
        <v>71</v>
      </c>
      <c r="H38" s="12">
        <v>86</v>
      </c>
      <c r="I38" s="12">
        <v>131</v>
      </c>
      <c r="J38" s="12">
        <v>140</v>
      </c>
      <c r="K38" s="12">
        <v>139</v>
      </c>
      <c r="L38" s="12">
        <v>156</v>
      </c>
      <c r="M38" s="12">
        <v>135</v>
      </c>
      <c r="N38" s="12">
        <v>251</v>
      </c>
      <c r="O38" s="12">
        <v>0</v>
      </c>
      <c r="P38" s="12">
        <v>107</v>
      </c>
      <c r="Q38" s="12">
        <v>690</v>
      </c>
      <c r="R38" s="12">
        <v>312</v>
      </c>
    </row>
    <row r="39" spans="1:18" s="4" customFormat="1" x14ac:dyDescent="0.15">
      <c r="A39" s="3"/>
      <c r="B39" s="3" t="s">
        <v>1491</v>
      </c>
      <c r="C39" s="12">
        <v>510</v>
      </c>
      <c r="D39" s="12">
        <v>1077</v>
      </c>
      <c r="E39" s="12">
        <v>519</v>
      </c>
      <c r="F39" s="12">
        <v>558</v>
      </c>
      <c r="G39" s="12">
        <v>71</v>
      </c>
      <c r="H39" s="12">
        <v>98</v>
      </c>
      <c r="I39" s="12">
        <v>110</v>
      </c>
      <c r="J39" s="12">
        <v>107</v>
      </c>
      <c r="K39" s="12">
        <v>148</v>
      </c>
      <c r="L39" s="12">
        <v>154</v>
      </c>
      <c r="M39" s="12">
        <v>128</v>
      </c>
      <c r="N39" s="12">
        <v>261</v>
      </c>
      <c r="O39" s="12">
        <v>0</v>
      </c>
      <c r="P39" s="12">
        <v>123</v>
      </c>
      <c r="Q39" s="12">
        <v>622</v>
      </c>
      <c r="R39" s="12">
        <v>332</v>
      </c>
    </row>
    <row r="40" spans="1:18" s="4" customFormat="1" x14ac:dyDescent="0.15">
      <c r="A40" s="3"/>
      <c r="B40" s="3" t="s">
        <v>1492</v>
      </c>
      <c r="C40" s="12">
        <v>396</v>
      </c>
      <c r="D40" s="12">
        <v>870</v>
      </c>
      <c r="E40" s="12">
        <v>421</v>
      </c>
      <c r="F40" s="12">
        <v>449</v>
      </c>
      <c r="G40" s="12">
        <v>66</v>
      </c>
      <c r="H40" s="12">
        <v>65</v>
      </c>
      <c r="I40" s="12">
        <v>98</v>
      </c>
      <c r="J40" s="12">
        <v>89</v>
      </c>
      <c r="K40" s="12">
        <v>114</v>
      </c>
      <c r="L40" s="12">
        <v>120</v>
      </c>
      <c r="M40" s="12">
        <v>119</v>
      </c>
      <c r="N40" s="12">
        <v>199</v>
      </c>
      <c r="O40" s="12">
        <v>0</v>
      </c>
      <c r="P40" s="12">
        <v>93</v>
      </c>
      <c r="Q40" s="12">
        <v>520</v>
      </c>
      <c r="R40" s="12">
        <v>257</v>
      </c>
    </row>
    <row r="41" spans="1:18" s="4" customFormat="1" x14ac:dyDescent="0.15">
      <c r="A41" s="3"/>
      <c r="B41" s="3" t="s">
        <v>1493</v>
      </c>
      <c r="C41" s="12">
        <v>549</v>
      </c>
      <c r="D41" s="12">
        <v>1049</v>
      </c>
      <c r="E41" s="12">
        <v>534</v>
      </c>
      <c r="F41" s="12">
        <v>515</v>
      </c>
      <c r="G41" s="12">
        <v>74</v>
      </c>
      <c r="H41" s="12">
        <v>68</v>
      </c>
      <c r="I41" s="12">
        <v>128</v>
      </c>
      <c r="J41" s="12">
        <v>158</v>
      </c>
      <c r="K41" s="12">
        <v>157</v>
      </c>
      <c r="L41" s="12">
        <v>169</v>
      </c>
      <c r="M41" s="12">
        <v>108</v>
      </c>
      <c r="N41" s="12">
        <v>187</v>
      </c>
      <c r="O41" s="12">
        <v>0</v>
      </c>
      <c r="P41" s="12">
        <v>106</v>
      </c>
      <c r="Q41" s="12">
        <v>710</v>
      </c>
      <c r="R41" s="12">
        <v>233</v>
      </c>
    </row>
    <row r="42" spans="1:18" s="4" customFormat="1" x14ac:dyDescent="0.15">
      <c r="A42" s="3"/>
      <c r="B42" s="3" t="s">
        <v>1494</v>
      </c>
      <c r="C42" s="12">
        <v>299</v>
      </c>
      <c r="D42" s="12">
        <v>592</v>
      </c>
      <c r="E42" s="12">
        <v>259</v>
      </c>
      <c r="F42" s="12">
        <v>333</v>
      </c>
      <c r="G42" s="12">
        <v>23</v>
      </c>
      <c r="H42" s="12">
        <v>47</v>
      </c>
      <c r="I42" s="12">
        <v>60</v>
      </c>
      <c r="J42" s="12">
        <v>41</v>
      </c>
      <c r="K42" s="12">
        <v>68</v>
      </c>
      <c r="L42" s="12">
        <v>86</v>
      </c>
      <c r="M42" s="12">
        <v>87</v>
      </c>
      <c r="N42" s="12">
        <v>180</v>
      </c>
      <c r="O42" s="12">
        <v>0</v>
      </c>
      <c r="P42" s="12">
        <v>38</v>
      </c>
      <c r="Q42" s="12">
        <v>325</v>
      </c>
      <c r="R42" s="12">
        <v>229</v>
      </c>
    </row>
    <row r="43" spans="1:18" s="4" customFormat="1" x14ac:dyDescent="0.15">
      <c r="A43" s="3"/>
      <c r="B43" s="3" t="s">
        <v>1495</v>
      </c>
      <c r="C43" s="12">
        <v>762</v>
      </c>
      <c r="D43" s="12">
        <v>1287</v>
      </c>
      <c r="E43" s="12">
        <v>707</v>
      </c>
      <c r="F43" s="12">
        <v>580</v>
      </c>
      <c r="G43" s="12">
        <v>70</v>
      </c>
      <c r="H43" s="12">
        <v>60</v>
      </c>
      <c r="I43" s="12">
        <v>163</v>
      </c>
      <c r="J43" s="12">
        <v>152</v>
      </c>
      <c r="K43" s="12">
        <v>139</v>
      </c>
      <c r="L43" s="12">
        <v>149</v>
      </c>
      <c r="M43" s="12">
        <v>167</v>
      </c>
      <c r="N43" s="12">
        <v>387</v>
      </c>
      <c r="O43" s="12">
        <v>0</v>
      </c>
      <c r="P43" s="12">
        <v>99</v>
      </c>
      <c r="Q43" s="12">
        <v>714</v>
      </c>
      <c r="R43" s="12">
        <v>474</v>
      </c>
    </row>
    <row r="44" spans="1:18" s="4" customFormat="1" x14ac:dyDescent="0.15">
      <c r="A44" s="3"/>
      <c r="B44" s="3" t="s">
        <v>1496</v>
      </c>
      <c r="C44" s="12">
        <v>583</v>
      </c>
      <c r="D44" s="12">
        <v>996</v>
      </c>
      <c r="E44" s="12">
        <v>545</v>
      </c>
      <c r="F44" s="12">
        <v>451</v>
      </c>
      <c r="G44" s="12">
        <v>56</v>
      </c>
      <c r="H44" s="12">
        <v>55</v>
      </c>
      <c r="I44" s="12">
        <v>102</v>
      </c>
      <c r="J44" s="12">
        <v>115</v>
      </c>
      <c r="K44" s="12">
        <v>119</v>
      </c>
      <c r="L44" s="12">
        <v>137</v>
      </c>
      <c r="M44" s="12">
        <v>145</v>
      </c>
      <c r="N44" s="12">
        <v>267</v>
      </c>
      <c r="O44" s="12">
        <v>0</v>
      </c>
      <c r="P44" s="12">
        <v>88</v>
      </c>
      <c r="Q44" s="12">
        <v>570</v>
      </c>
      <c r="R44" s="12">
        <v>338</v>
      </c>
    </row>
    <row r="45" spans="1:18" s="4" customFormat="1" x14ac:dyDescent="0.15">
      <c r="A45" s="3"/>
      <c r="B45" s="3" t="s">
        <v>1497</v>
      </c>
      <c r="C45" s="12">
        <v>66</v>
      </c>
      <c r="D45" s="12">
        <v>113</v>
      </c>
      <c r="E45" s="12">
        <v>71</v>
      </c>
      <c r="F45" s="12">
        <v>42</v>
      </c>
      <c r="G45" s="12">
        <v>5</v>
      </c>
      <c r="H45" s="12">
        <v>3</v>
      </c>
      <c r="I45" s="12">
        <v>19</v>
      </c>
      <c r="J45" s="12">
        <v>21</v>
      </c>
      <c r="K45" s="12">
        <v>16</v>
      </c>
      <c r="L45" s="12">
        <v>19</v>
      </c>
      <c r="M45" s="12">
        <v>10</v>
      </c>
      <c r="N45" s="12">
        <v>20</v>
      </c>
      <c r="O45" s="12">
        <v>0</v>
      </c>
      <c r="P45" s="12">
        <v>6</v>
      </c>
      <c r="Q45" s="12">
        <v>83</v>
      </c>
      <c r="R45" s="12">
        <v>24</v>
      </c>
    </row>
    <row r="46" spans="1:18" s="4" customFormat="1" x14ac:dyDescent="0.15">
      <c r="A46" s="3"/>
      <c r="B46" s="3" t="s">
        <v>1498</v>
      </c>
      <c r="C46" s="12">
        <v>254</v>
      </c>
      <c r="D46" s="12">
        <v>456</v>
      </c>
      <c r="E46" s="12">
        <v>244</v>
      </c>
      <c r="F46" s="12">
        <v>212</v>
      </c>
      <c r="G46" s="12">
        <v>47</v>
      </c>
      <c r="H46" s="12">
        <v>38</v>
      </c>
      <c r="I46" s="12">
        <v>79</v>
      </c>
      <c r="J46" s="12">
        <v>66</v>
      </c>
      <c r="K46" s="12">
        <v>54</v>
      </c>
      <c r="L46" s="12">
        <v>43</v>
      </c>
      <c r="M46" s="12">
        <v>44</v>
      </c>
      <c r="N46" s="12">
        <v>85</v>
      </c>
      <c r="O46" s="12">
        <v>0</v>
      </c>
      <c r="P46" s="12">
        <v>67</v>
      </c>
      <c r="Q46" s="12">
        <v>283</v>
      </c>
      <c r="R46" s="12">
        <v>106</v>
      </c>
    </row>
    <row r="47" spans="1:18" s="4" customFormat="1" x14ac:dyDescent="0.15">
      <c r="A47" s="3"/>
      <c r="B47" s="3" t="s">
        <v>1499</v>
      </c>
      <c r="C47" s="12">
        <v>701</v>
      </c>
      <c r="D47" s="12">
        <v>1590</v>
      </c>
      <c r="E47" s="12">
        <v>819</v>
      </c>
      <c r="F47" s="12">
        <v>771</v>
      </c>
      <c r="G47" s="12">
        <v>150</v>
      </c>
      <c r="H47" s="12">
        <v>143</v>
      </c>
      <c r="I47" s="12">
        <v>211</v>
      </c>
      <c r="J47" s="12">
        <v>182</v>
      </c>
      <c r="K47" s="12">
        <v>257</v>
      </c>
      <c r="L47" s="12">
        <v>217</v>
      </c>
      <c r="M47" s="12">
        <v>160</v>
      </c>
      <c r="N47" s="12">
        <v>270</v>
      </c>
      <c r="O47" s="12">
        <v>0</v>
      </c>
      <c r="P47" s="12">
        <v>219</v>
      </c>
      <c r="Q47" s="12">
        <v>1021</v>
      </c>
      <c r="R47" s="12">
        <v>350</v>
      </c>
    </row>
    <row r="48" spans="1:18" s="4" customFormat="1" x14ac:dyDescent="0.15">
      <c r="A48" s="3"/>
      <c r="B48" s="3" t="s">
        <v>1500</v>
      </c>
      <c r="C48" s="12">
        <v>397</v>
      </c>
      <c r="D48" s="12">
        <v>623</v>
      </c>
      <c r="E48" s="12">
        <v>358</v>
      </c>
      <c r="F48" s="12">
        <v>265</v>
      </c>
      <c r="G48" s="12">
        <v>23</v>
      </c>
      <c r="H48" s="12">
        <v>22</v>
      </c>
      <c r="I48" s="12">
        <v>104</v>
      </c>
      <c r="J48" s="12">
        <v>55</v>
      </c>
      <c r="K48" s="12">
        <v>84</v>
      </c>
      <c r="L48" s="12">
        <v>91</v>
      </c>
      <c r="M48" s="12">
        <v>79</v>
      </c>
      <c r="N48" s="12">
        <v>165</v>
      </c>
      <c r="O48" s="12">
        <v>0</v>
      </c>
      <c r="P48" s="12">
        <v>35</v>
      </c>
      <c r="Q48" s="12">
        <v>384</v>
      </c>
      <c r="R48" s="12">
        <v>204</v>
      </c>
    </row>
    <row r="49" spans="1:18" s="4" customFormat="1" x14ac:dyDescent="0.15">
      <c r="A49" s="3"/>
      <c r="B49" s="3" t="s">
        <v>1501</v>
      </c>
      <c r="C49" s="12">
        <v>340</v>
      </c>
      <c r="D49" s="12">
        <v>457</v>
      </c>
      <c r="E49" s="12">
        <v>263</v>
      </c>
      <c r="F49" s="12">
        <v>194</v>
      </c>
      <c r="G49" s="12">
        <v>16</v>
      </c>
      <c r="H49" s="12">
        <v>19</v>
      </c>
      <c r="I49" s="12">
        <v>106</v>
      </c>
      <c r="J49" s="12">
        <v>70</v>
      </c>
      <c r="K49" s="12">
        <v>45</v>
      </c>
      <c r="L49" s="12">
        <v>62</v>
      </c>
      <c r="M49" s="12">
        <v>44</v>
      </c>
      <c r="N49" s="12">
        <v>95</v>
      </c>
      <c r="O49" s="12">
        <v>0</v>
      </c>
      <c r="P49" s="12">
        <v>26</v>
      </c>
      <c r="Q49" s="12">
        <v>318</v>
      </c>
      <c r="R49" s="12">
        <v>113</v>
      </c>
    </row>
    <row r="50" spans="1:18" s="4" customFormat="1" x14ac:dyDescent="0.15">
      <c r="A50" s="3"/>
      <c r="B50" s="3" t="s">
        <v>1502</v>
      </c>
      <c r="C50" s="12">
        <v>506</v>
      </c>
      <c r="D50" s="12">
        <v>1070</v>
      </c>
      <c r="E50" s="12">
        <v>519</v>
      </c>
      <c r="F50" s="12">
        <v>551</v>
      </c>
      <c r="G50" s="12">
        <v>66</v>
      </c>
      <c r="H50" s="12">
        <v>89</v>
      </c>
      <c r="I50" s="12">
        <v>82</v>
      </c>
      <c r="J50" s="12">
        <v>115</v>
      </c>
      <c r="K50" s="12">
        <v>131</v>
      </c>
      <c r="L50" s="12">
        <v>154</v>
      </c>
      <c r="M50" s="12">
        <v>150</v>
      </c>
      <c r="N50" s="12">
        <v>283</v>
      </c>
      <c r="O50" s="12">
        <v>0</v>
      </c>
      <c r="P50" s="12">
        <v>105</v>
      </c>
      <c r="Q50" s="12">
        <v>605</v>
      </c>
      <c r="R50" s="12">
        <v>360</v>
      </c>
    </row>
    <row r="51" spans="1:18" s="4" customFormat="1" x14ac:dyDescent="0.15">
      <c r="A51" s="3"/>
      <c r="B51" s="3" t="s">
        <v>1503</v>
      </c>
      <c r="C51" s="12">
        <v>753</v>
      </c>
      <c r="D51" s="12">
        <v>1421</v>
      </c>
      <c r="E51" s="12">
        <v>788</v>
      </c>
      <c r="F51" s="12">
        <v>633</v>
      </c>
      <c r="G51" s="12">
        <v>108</v>
      </c>
      <c r="H51" s="12">
        <v>100</v>
      </c>
      <c r="I51" s="12">
        <v>158</v>
      </c>
      <c r="J51" s="12">
        <v>165</v>
      </c>
      <c r="K51" s="12">
        <v>214</v>
      </c>
      <c r="L51" s="12">
        <v>211</v>
      </c>
      <c r="M51" s="12">
        <v>181</v>
      </c>
      <c r="N51" s="12">
        <v>284</v>
      </c>
      <c r="O51" s="12">
        <v>0</v>
      </c>
      <c r="P51" s="12">
        <v>154</v>
      </c>
      <c r="Q51" s="12">
        <v>901</v>
      </c>
      <c r="R51" s="12">
        <v>366</v>
      </c>
    </row>
    <row r="52" spans="1:18" s="4" customFormat="1" x14ac:dyDescent="0.15">
      <c r="A52" s="3"/>
      <c r="B52" s="3" t="s">
        <v>1504</v>
      </c>
      <c r="C52" s="12">
        <v>319</v>
      </c>
      <c r="D52" s="12">
        <v>579</v>
      </c>
      <c r="E52" s="12">
        <v>322</v>
      </c>
      <c r="F52" s="12">
        <v>257</v>
      </c>
      <c r="G52" s="12">
        <v>33</v>
      </c>
      <c r="H52" s="12">
        <v>38</v>
      </c>
      <c r="I52" s="12">
        <v>106</v>
      </c>
      <c r="J52" s="12">
        <v>66</v>
      </c>
      <c r="K52" s="12">
        <v>62</v>
      </c>
      <c r="L52" s="12">
        <v>68</v>
      </c>
      <c r="M52" s="12">
        <v>67</v>
      </c>
      <c r="N52" s="12">
        <v>139</v>
      </c>
      <c r="O52" s="12">
        <v>0</v>
      </c>
      <c r="P52" s="12">
        <v>55</v>
      </c>
      <c r="Q52" s="12">
        <v>356</v>
      </c>
      <c r="R52" s="12">
        <v>168</v>
      </c>
    </row>
    <row r="53" spans="1:18" s="4" customFormat="1" x14ac:dyDescent="0.15">
      <c r="A53" s="3"/>
      <c r="B53" s="3" t="s">
        <v>1505</v>
      </c>
      <c r="C53" s="12">
        <v>582</v>
      </c>
      <c r="D53" s="12">
        <v>1098</v>
      </c>
      <c r="E53" s="12">
        <v>572</v>
      </c>
      <c r="F53" s="12">
        <v>526</v>
      </c>
      <c r="G53" s="12">
        <v>78</v>
      </c>
      <c r="H53" s="12">
        <v>77</v>
      </c>
      <c r="I53" s="12">
        <v>79</v>
      </c>
      <c r="J53" s="12">
        <v>114</v>
      </c>
      <c r="K53" s="12">
        <v>155</v>
      </c>
      <c r="L53" s="12">
        <v>132</v>
      </c>
      <c r="M53" s="12">
        <v>145</v>
      </c>
      <c r="N53" s="12">
        <v>318</v>
      </c>
      <c r="O53" s="12">
        <v>0</v>
      </c>
      <c r="P53" s="12">
        <v>121</v>
      </c>
      <c r="Q53" s="12">
        <v>582</v>
      </c>
      <c r="R53" s="12">
        <v>395</v>
      </c>
    </row>
    <row r="54" spans="1:18" s="4" customFormat="1" x14ac:dyDescent="0.15">
      <c r="A54" s="3"/>
      <c r="B54" s="3" t="s">
        <v>1506</v>
      </c>
      <c r="C54" s="12">
        <v>362</v>
      </c>
      <c r="D54" s="12">
        <v>738</v>
      </c>
      <c r="E54" s="12">
        <v>386</v>
      </c>
      <c r="F54" s="12">
        <v>352</v>
      </c>
      <c r="G54" s="12">
        <v>57</v>
      </c>
      <c r="H54" s="12">
        <v>60</v>
      </c>
      <c r="I54" s="12">
        <v>65</v>
      </c>
      <c r="J54" s="12">
        <v>90</v>
      </c>
      <c r="K54" s="12">
        <v>120</v>
      </c>
      <c r="L54" s="12">
        <v>100</v>
      </c>
      <c r="M54" s="12">
        <v>88</v>
      </c>
      <c r="N54" s="12">
        <v>158</v>
      </c>
      <c r="O54" s="12">
        <v>0</v>
      </c>
      <c r="P54" s="12">
        <v>81</v>
      </c>
      <c r="Q54" s="12">
        <v>464</v>
      </c>
      <c r="R54" s="12">
        <v>193</v>
      </c>
    </row>
    <row r="55" spans="1:18" s="4" customFormat="1" x14ac:dyDescent="0.15">
      <c r="A55" s="3"/>
      <c r="B55" s="3" t="s">
        <v>1507</v>
      </c>
      <c r="C55" s="12">
        <v>310</v>
      </c>
      <c r="D55" s="12">
        <v>703</v>
      </c>
      <c r="E55" s="12">
        <v>357</v>
      </c>
      <c r="F55" s="12">
        <v>346</v>
      </c>
      <c r="G55" s="12">
        <v>59</v>
      </c>
      <c r="H55" s="12">
        <v>52</v>
      </c>
      <c r="I55" s="12">
        <v>66</v>
      </c>
      <c r="J55" s="12">
        <v>91</v>
      </c>
      <c r="K55" s="12">
        <v>83</v>
      </c>
      <c r="L55" s="12">
        <v>81</v>
      </c>
      <c r="M55" s="12">
        <v>106</v>
      </c>
      <c r="N55" s="12">
        <v>165</v>
      </c>
      <c r="O55" s="12">
        <v>0</v>
      </c>
      <c r="P55" s="12">
        <v>84</v>
      </c>
      <c r="Q55" s="12">
        <v>404</v>
      </c>
      <c r="R55" s="12">
        <v>215</v>
      </c>
    </row>
    <row r="56" spans="1:18" s="4" customFormat="1" x14ac:dyDescent="0.15">
      <c r="A56" s="3"/>
      <c r="B56" s="3" t="s">
        <v>1508</v>
      </c>
      <c r="C56" s="12">
        <v>301</v>
      </c>
      <c r="D56" s="12">
        <v>555</v>
      </c>
      <c r="E56" s="12">
        <v>266</v>
      </c>
      <c r="F56" s="12">
        <v>289</v>
      </c>
      <c r="G56" s="12">
        <v>33</v>
      </c>
      <c r="H56" s="12">
        <v>47</v>
      </c>
      <c r="I56" s="12">
        <v>92</v>
      </c>
      <c r="J56" s="12">
        <v>74</v>
      </c>
      <c r="K56" s="12">
        <v>121</v>
      </c>
      <c r="L56" s="12">
        <v>85</v>
      </c>
      <c r="M56" s="12">
        <v>41</v>
      </c>
      <c r="N56" s="12">
        <v>62</v>
      </c>
      <c r="O56" s="12">
        <v>0</v>
      </c>
      <c r="P56" s="12">
        <v>45</v>
      </c>
      <c r="Q56" s="12">
        <v>421</v>
      </c>
      <c r="R56" s="12">
        <v>89</v>
      </c>
    </row>
    <row r="57" spans="1:18" s="4" customFormat="1" x14ac:dyDescent="0.15">
      <c r="A57" s="3"/>
      <c r="B57" s="3" t="s">
        <v>1509</v>
      </c>
      <c r="C57" s="12">
        <v>467</v>
      </c>
      <c r="D57" s="12">
        <v>853</v>
      </c>
      <c r="E57" s="12">
        <v>484</v>
      </c>
      <c r="F57" s="12">
        <v>369</v>
      </c>
      <c r="G57" s="12">
        <v>58</v>
      </c>
      <c r="H57" s="12">
        <v>65</v>
      </c>
      <c r="I57" s="12">
        <v>168</v>
      </c>
      <c r="J57" s="12">
        <v>109</v>
      </c>
      <c r="K57" s="12">
        <v>85</v>
      </c>
      <c r="L57" s="12">
        <v>102</v>
      </c>
      <c r="M57" s="12">
        <v>111</v>
      </c>
      <c r="N57" s="12">
        <v>155</v>
      </c>
      <c r="O57" s="12">
        <v>0</v>
      </c>
      <c r="P57" s="12">
        <v>89</v>
      </c>
      <c r="Q57" s="12">
        <v>553</v>
      </c>
      <c r="R57" s="12">
        <v>211</v>
      </c>
    </row>
    <row r="58" spans="1:18" s="4" customFormat="1" x14ac:dyDescent="0.15">
      <c r="A58" s="3"/>
      <c r="B58" s="3" t="s">
        <v>1510</v>
      </c>
      <c r="C58" s="12">
        <v>184</v>
      </c>
      <c r="D58" s="12">
        <v>320</v>
      </c>
      <c r="E58" s="12">
        <v>169</v>
      </c>
      <c r="F58" s="12">
        <v>151</v>
      </c>
      <c r="G58" s="12">
        <v>17</v>
      </c>
      <c r="H58" s="12">
        <v>14</v>
      </c>
      <c r="I58" s="12">
        <v>39</v>
      </c>
      <c r="J58" s="12">
        <v>34</v>
      </c>
      <c r="K58" s="12">
        <v>46</v>
      </c>
      <c r="L58" s="12">
        <v>24</v>
      </c>
      <c r="M58" s="12">
        <v>49</v>
      </c>
      <c r="N58" s="12">
        <v>97</v>
      </c>
      <c r="O58" s="12">
        <v>0</v>
      </c>
      <c r="P58" s="12">
        <v>25</v>
      </c>
      <c r="Q58" s="12">
        <v>172</v>
      </c>
      <c r="R58" s="12">
        <v>123</v>
      </c>
    </row>
    <row r="59" spans="1:18" s="4" customFormat="1" x14ac:dyDescent="0.15">
      <c r="A59" s="3"/>
      <c r="B59" s="3" t="s">
        <v>1511</v>
      </c>
      <c r="C59" s="12">
        <v>141</v>
      </c>
      <c r="D59" s="12">
        <v>288</v>
      </c>
      <c r="E59" s="12">
        <v>149</v>
      </c>
      <c r="F59" s="12">
        <v>139</v>
      </c>
      <c r="G59" s="12">
        <v>23</v>
      </c>
      <c r="H59" s="12">
        <v>26</v>
      </c>
      <c r="I59" s="12">
        <v>34</v>
      </c>
      <c r="J59" s="12">
        <v>33</v>
      </c>
      <c r="K59" s="12">
        <v>34</v>
      </c>
      <c r="L59" s="12">
        <v>53</v>
      </c>
      <c r="M59" s="12">
        <v>37</v>
      </c>
      <c r="N59" s="12">
        <v>48</v>
      </c>
      <c r="O59" s="12">
        <v>0</v>
      </c>
      <c r="P59" s="12">
        <v>36</v>
      </c>
      <c r="Q59" s="12">
        <v>183</v>
      </c>
      <c r="R59" s="12">
        <v>69</v>
      </c>
    </row>
    <row r="60" spans="1:18" s="4" customFormat="1" x14ac:dyDescent="0.15">
      <c r="A60" s="3"/>
      <c r="B60" s="3" t="s">
        <v>1512</v>
      </c>
      <c r="C60" s="12">
        <v>386</v>
      </c>
      <c r="D60" s="12">
        <v>714</v>
      </c>
      <c r="E60" s="12">
        <v>387</v>
      </c>
      <c r="F60" s="12">
        <v>327</v>
      </c>
      <c r="G60" s="12">
        <v>45</v>
      </c>
      <c r="H60" s="12">
        <v>64</v>
      </c>
      <c r="I60" s="12">
        <v>101</v>
      </c>
      <c r="J60" s="12">
        <v>91</v>
      </c>
      <c r="K60" s="12">
        <v>107</v>
      </c>
      <c r="L60" s="12">
        <v>104</v>
      </c>
      <c r="M60" s="12">
        <v>71</v>
      </c>
      <c r="N60" s="12">
        <v>131</v>
      </c>
      <c r="O60" s="12">
        <v>0</v>
      </c>
      <c r="P60" s="12">
        <v>80</v>
      </c>
      <c r="Q60" s="12">
        <v>468</v>
      </c>
      <c r="R60" s="12">
        <v>166</v>
      </c>
    </row>
    <row r="61" spans="1:18" s="4" customFormat="1" x14ac:dyDescent="0.15">
      <c r="A61" s="3"/>
      <c r="B61" s="3" t="s">
        <v>1513</v>
      </c>
      <c r="C61" s="12">
        <v>176</v>
      </c>
      <c r="D61" s="12">
        <v>296</v>
      </c>
      <c r="E61" s="12">
        <v>182</v>
      </c>
      <c r="F61" s="12">
        <v>114</v>
      </c>
      <c r="G61" s="12">
        <v>18</v>
      </c>
      <c r="H61" s="12">
        <v>19</v>
      </c>
      <c r="I61" s="12">
        <v>41</v>
      </c>
      <c r="J61" s="12">
        <v>44</v>
      </c>
      <c r="K61" s="12">
        <v>51</v>
      </c>
      <c r="L61" s="12">
        <v>42</v>
      </c>
      <c r="M61" s="12">
        <v>35</v>
      </c>
      <c r="N61" s="12">
        <v>46</v>
      </c>
      <c r="O61" s="12">
        <v>0</v>
      </c>
      <c r="P61" s="12">
        <v>27</v>
      </c>
      <c r="Q61" s="12">
        <v>206</v>
      </c>
      <c r="R61" s="12">
        <v>63</v>
      </c>
    </row>
    <row r="62" spans="1:18" s="4" customFormat="1" x14ac:dyDescent="0.15">
      <c r="A62" s="3"/>
      <c r="B62" s="3" t="s">
        <v>1514</v>
      </c>
      <c r="C62" s="12">
        <v>203</v>
      </c>
      <c r="D62" s="12">
        <v>408</v>
      </c>
      <c r="E62" s="12">
        <v>227</v>
      </c>
      <c r="F62" s="12">
        <v>181</v>
      </c>
      <c r="G62" s="12">
        <v>18</v>
      </c>
      <c r="H62" s="12">
        <v>21</v>
      </c>
      <c r="I62" s="12">
        <v>54</v>
      </c>
      <c r="J62" s="12">
        <v>37</v>
      </c>
      <c r="K62" s="12">
        <v>55</v>
      </c>
      <c r="L62" s="12">
        <v>91</v>
      </c>
      <c r="M62" s="12">
        <v>55</v>
      </c>
      <c r="N62" s="12">
        <v>77</v>
      </c>
      <c r="O62" s="12">
        <v>0</v>
      </c>
      <c r="P62" s="12">
        <v>25</v>
      </c>
      <c r="Q62" s="12">
        <v>284</v>
      </c>
      <c r="R62" s="12">
        <v>99</v>
      </c>
    </row>
    <row r="63" spans="1:18" s="4" customFormat="1" x14ac:dyDescent="0.15">
      <c r="A63" s="3"/>
      <c r="B63" s="3" t="s">
        <v>1515</v>
      </c>
      <c r="C63" s="12">
        <v>188</v>
      </c>
      <c r="D63" s="12">
        <v>327</v>
      </c>
      <c r="E63" s="12">
        <v>151</v>
      </c>
      <c r="F63" s="12">
        <v>176</v>
      </c>
      <c r="G63" s="12">
        <v>18</v>
      </c>
      <c r="H63" s="12">
        <v>22</v>
      </c>
      <c r="I63" s="12">
        <v>23</v>
      </c>
      <c r="J63" s="12">
        <v>22</v>
      </c>
      <c r="K63" s="12">
        <v>40</v>
      </c>
      <c r="L63" s="12">
        <v>31</v>
      </c>
      <c r="M63" s="12">
        <v>49</v>
      </c>
      <c r="N63" s="12">
        <v>122</v>
      </c>
      <c r="O63" s="12">
        <v>0</v>
      </c>
      <c r="P63" s="12">
        <v>28</v>
      </c>
      <c r="Q63" s="12">
        <v>148</v>
      </c>
      <c r="R63" s="12">
        <v>151</v>
      </c>
    </row>
    <row r="64" spans="1:18" s="4" customFormat="1" x14ac:dyDescent="0.15">
      <c r="A64" s="3"/>
      <c r="B64" s="3" t="s">
        <v>1516</v>
      </c>
      <c r="C64" s="12">
        <v>631</v>
      </c>
      <c r="D64" s="12">
        <v>1350</v>
      </c>
      <c r="E64" s="12">
        <v>676</v>
      </c>
      <c r="F64" s="12">
        <v>674</v>
      </c>
      <c r="G64" s="12">
        <v>100</v>
      </c>
      <c r="H64" s="12">
        <v>131</v>
      </c>
      <c r="I64" s="12">
        <v>119</v>
      </c>
      <c r="J64" s="12">
        <v>137</v>
      </c>
      <c r="K64" s="12">
        <v>198</v>
      </c>
      <c r="L64" s="12">
        <v>177</v>
      </c>
      <c r="M64" s="12">
        <v>184</v>
      </c>
      <c r="N64" s="12">
        <v>304</v>
      </c>
      <c r="O64" s="12">
        <v>0</v>
      </c>
      <c r="P64" s="12">
        <v>171</v>
      </c>
      <c r="Q64" s="12">
        <v>786</v>
      </c>
      <c r="R64" s="12">
        <v>393</v>
      </c>
    </row>
    <row r="65" spans="1:18" s="4" customFormat="1" x14ac:dyDescent="0.15">
      <c r="A65" s="3"/>
      <c r="B65" s="3" t="s">
        <v>1517</v>
      </c>
      <c r="C65" s="12">
        <v>758</v>
      </c>
      <c r="D65" s="12">
        <v>1581</v>
      </c>
      <c r="E65" s="12">
        <v>822</v>
      </c>
      <c r="F65" s="12">
        <v>759</v>
      </c>
      <c r="G65" s="12">
        <v>131</v>
      </c>
      <c r="H65" s="12">
        <v>112</v>
      </c>
      <c r="I65" s="12">
        <v>156</v>
      </c>
      <c r="J65" s="12">
        <v>181</v>
      </c>
      <c r="K65" s="12">
        <v>194</v>
      </c>
      <c r="L65" s="12">
        <v>206</v>
      </c>
      <c r="M65" s="12">
        <v>175</v>
      </c>
      <c r="N65" s="12">
        <v>426</v>
      </c>
      <c r="O65" s="12">
        <v>0</v>
      </c>
      <c r="P65" s="12">
        <v>181</v>
      </c>
      <c r="Q65" s="12">
        <v>876</v>
      </c>
      <c r="R65" s="12">
        <v>524</v>
      </c>
    </row>
    <row r="66" spans="1:18" s="4" customFormat="1" x14ac:dyDescent="0.15">
      <c r="A66" s="3"/>
      <c r="B66" s="3" t="s">
        <v>1518</v>
      </c>
      <c r="C66" s="12">
        <v>715</v>
      </c>
      <c r="D66" s="12">
        <v>1432</v>
      </c>
      <c r="E66" s="12">
        <v>695</v>
      </c>
      <c r="F66" s="12">
        <v>737</v>
      </c>
      <c r="G66" s="12">
        <v>104</v>
      </c>
      <c r="H66" s="12">
        <v>104</v>
      </c>
      <c r="I66" s="12">
        <v>177</v>
      </c>
      <c r="J66" s="12">
        <v>176</v>
      </c>
      <c r="K66" s="12">
        <v>209</v>
      </c>
      <c r="L66" s="12">
        <v>206</v>
      </c>
      <c r="M66" s="12">
        <v>138</v>
      </c>
      <c r="N66" s="12">
        <v>318</v>
      </c>
      <c r="O66" s="12">
        <v>0</v>
      </c>
      <c r="P66" s="12">
        <v>159</v>
      </c>
      <c r="Q66" s="12">
        <v>890</v>
      </c>
      <c r="R66" s="12">
        <v>383</v>
      </c>
    </row>
    <row r="67" spans="1:18" s="4" customFormat="1" x14ac:dyDescent="0.15">
      <c r="A67" s="3"/>
      <c r="B67" s="3" t="s">
        <v>1519</v>
      </c>
      <c r="C67" s="12">
        <v>383</v>
      </c>
      <c r="D67" s="12">
        <v>815</v>
      </c>
      <c r="E67" s="12">
        <v>409</v>
      </c>
      <c r="F67" s="12">
        <v>406</v>
      </c>
      <c r="G67" s="12">
        <v>60</v>
      </c>
      <c r="H67" s="12">
        <v>57</v>
      </c>
      <c r="I67" s="12">
        <v>93</v>
      </c>
      <c r="J67" s="12">
        <v>101</v>
      </c>
      <c r="K67" s="12">
        <v>113</v>
      </c>
      <c r="L67" s="12">
        <v>108</v>
      </c>
      <c r="M67" s="12">
        <v>93</v>
      </c>
      <c r="N67" s="12">
        <v>190</v>
      </c>
      <c r="O67" s="12">
        <v>0</v>
      </c>
      <c r="P67" s="12">
        <v>90</v>
      </c>
      <c r="Q67" s="12">
        <v>498</v>
      </c>
      <c r="R67" s="12">
        <v>227</v>
      </c>
    </row>
    <row r="68" spans="1:18" s="4" customFormat="1" x14ac:dyDescent="0.15">
      <c r="A68" s="3"/>
      <c r="B68" s="3" t="s">
        <v>1520</v>
      </c>
      <c r="C68" s="12">
        <v>386</v>
      </c>
      <c r="D68" s="12">
        <v>753</v>
      </c>
      <c r="E68" s="12">
        <v>392</v>
      </c>
      <c r="F68" s="12">
        <v>361</v>
      </c>
      <c r="G68" s="12">
        <v>56</v>
      </c>
      <c r="H68" s="12">
        <v>58</v>
      </c>
      <c r="I68" s="12">
        <v>84</v>
      </c>
      <c r="J68" s="12">
        <v>89</v>
      </c>
      <c r="K68" s="12">
        <v>105</v>
      </c>
      <c r="L68" s="12">
        <v>82</v>
      </c>
      <c r="M68" s="12">
        <v>91</v>
      </c>
      <c r="N68" s="12">
        <v>188</v>
      </c>
      <c r="O68" s="12">
        <v>0</v>
      </c>
      <c r="P68" s="12">
        <v>86</v>
      </c>
      <c r="Q68" s="12">
        <v>436</v>
      </c>
      <c r="R68" s="12">
        <v>231</v>
      </c>
    </row>
    <row r="69" spans="1:18" s="4" customFormat="1" x14ac:dyDescent="0.15">
      <c r="A69" s="3"/>
      <c r="B69" s="3" t="s">
        <v>1521</v>
      </c>
      <c r="C69" s="12">
        <v>262</v>
      </c>
      <c r="D69" s="12">
        <v>469</v>
      </c>
      <c r="E69" s="12">
        <v>265</v>
      </c>
      <c r="F69" s="12">
        <v>204</v>
      </c>
      <c r="G69" s="12">
        <v>18</v>
      </c>
      <c r="H69" s="12">
        <v>37</v>
      </c>
      <c r="I69" s="12">
        <v>70</v>
      </c>
      <c r="J69" s="12">
        <v>42</v>
      </c>
      <c r="K69" s="12">
        <v>63</v>
      </c>
      <c r="L69" s="12">
        <v>88</v>
      </c>
      <c r="M69" s="12">
        <v>59</v>
      </c>
      <c r="N69" s="12">
        <v>92</v>
      </c>
      <c r="O69" s="12">
        <v>0</v>
      </c>
      <c r="P69" s="12">
        <v>31</v>
      </c>
      <c r="Q69" s="12">
        <v>320</v>
      </c>
      <c r="R69" s="12">
        <v>118</v>
      </c>
    </row>
    <row r="70" spans="1:18" s="4" customFormat="1" x14ac:dyDescent="0.15">
      <c r="A70" s="3"/>
      <c r="B70" s="3" t="s">
        <v>1522</v>
      </c>
      <c r="C70" s="12">
        <v>390</v>
      </c>
      <c r="D70" s="12">
        <v>789</v>
      </c>
      <c r="E70" s="12">
        <v>381</v>
      </c>
      <c r="F70" s="12">
        <v>408</v>
      </c>
      <c r="G70" s="12">
        <v>55</v>
      </c>
      <c r="H70" s="12">
        <v>47</v>
      </c>
      <c r="I70" s="12">
        <v>111</v>
      </c>
      <c r="J70" s="12">
        <v>91</v>
      </c>
      <c r="K70" s="12">
        <v>91</v>
      </c>
      <c r="L70" s="12">
        <v>117</v>
      </c>
      <c r="M70" s="12">
        <v>78</v>
      </c>
      <c r="N70" s="12">
        <v>199</v>
      </c>
      <c r="O70" s="12">
        <v>0</v>
      </c>
      <c r="P70" s="12">
        <v>78</v>
      </c>
      <c r="Q70" s="12">
        <v>467</v>
      </c>
      <c r="R70" s="12">
        <v>244</v>
      </c>
    </row>
    <row r="71" spans="1:18" s="4" customFormat="1" x14ac:dyDescent="0.15">
      <c r="A71" s="3"/>
      <c r="B71" s="3" t="s">
        <v>1523</v>
      </c>
      <c r="C71" s="12">
        <v>184</v>
      </c>
      <c r="D71" s="12">
        <v>310</v>
      </c>
      <c r="E71" s="12">
        <v>143</v>
      </c>
      <c r="F71" s="12">
        <v>167</v>
      </c>
      <c r="G71" s="12">
        <v>10</v>
      </c>
      <c r="H71" s="12">
        <v>8</v>
      </c>
      <c r="I71" s="12">
        <v>24</v>
      </c>
      <c r="J71" s="12">
        <v>36</v>
      </c>
      <c r="K71" s="12">
        <v>39</v>
      </c>
      <c r="L71" s="12">
        <v>37</v>
      </c>
      <c r="M71" s="12">
        <v>48</v>
      </c>
      <c r="N71" s="12">
        <v>108</v>
      </c>
      <c r="O71" s="12">
        <v>0</v>
      </c>
      <c r="P71" s="12">
        <v>12</v>
      </c>
      <c r="Q71" s="12">
        <v>159</v>
      </c>
      <c r="R71" s="12">
        <v>139</v>
      </c>
    </row>
    <row r="72" spans="1:18" s="4" customFormat="1" x14ac:dyDescent="0.15">
      <c r="A72" s="3"/>
      <c r="B72" s="3" t="s">
        <v>1524</v>
      </c>
      <c r="C72" s="12">
        <v>861</v>
      </c>
      <c r="D72" s="12">
        <v>1770</v>
      </c>
      <c r="E72" s="12">
        <v>889</v>
      </c>
      <c r="F72" s="12">
        <v>881</v>
      </c>
      <c r="G72" s="12">
        <v>134</v>
      </c>
      <c r="H72" s="12">
        <v>108</v>
      </c>
      <c r="I72" s="12">
        <v>189</v>
      </c>
      <c r="J72" s="12">
        <v>209</v>
      </c>
      <c r="K72" s="12">
        <v>224</v>
      </c>
      <c r="L72" s="12">
        <v>158</v>
      </c>
      <c r="M72" s="12">
        <v>206</v>
      </c>
      <c r="N72" s="12">
        <v>542</v>
      </c>
      <c r="O72" s="12">
        <v>0</v>
      </c>
      <c r="P72" s="12">
        <v>184</v>
      </c>
      <c r="Q72" s="12">
        <v>919</v>
      </c>
      <c r="R72" s="12">
        <v>667</v>
      </c>
    </row>
    <row r="73" spans="1:18" s="4" customFormat="1" x14ac:dyDescent="0.15">
      <c r="A73" s="3"/>
      <c r="B73" s="3" t="s">
        <v>1525</v>
      </c>
      <c r="C73" s="12">
        <v>621</v>
      </c>
      <c r="D73" s="12">
        <v>1354</v>
      </c>
      <c r="E73" s="12">
        <v>668</v>
      </c>
      <c r="F73" s="12">
        <v>686</v>
      </c>
      <c r="G73" s="12">
        <v>140</v>
      </c>
      <c r="H73" s="12">
        <v>84</v>
      </c>
      <c r="I73" s="12">
        <v>143</v>
      </c>
      <c r="J73" s="12">
        <v>191</v>
      </c>
      <c r="K73" s="12">
        <v>176</v>
      </c>
      <c r="L73" s="12">
        <v>160</v>
      </c>
      <c r="M73" s="12">
        <v>160</v>
      </c>
      <c r="N73" s="12">
        <v>300</v>
      </c>
      <c r="O73" s="12">
        <v>0</v>
      </c>
      <c r="P73" s="12">
        <v>185</v>
      </c>
      <c r="Q73" s="12">
        <v>770</v>
      </c>
      <c r="R73" s="12">
        <v>399</v>
      </c>
    </row>
    <row r="74" spans="1:18" s="4" customFormat="1" x14ac:dyDescent="0.15">
      <c r="A74" s="3"/>
      <c r="B74" s="3" t="s">
        <v>1526</v>
      </c>
      <c r="C74" s="12">
        <v>3</v>
      </c>
      <c r="D74" s="12">
        <v>7</v>
      </c>
      <c r="E74" s="12">
        <v>4</v>
      </c>
      <c r="F74" s="12">
        <v>3</v>
      </c>
      <c r="G74" s="12" t="s">
        <v>132</v>
      </c>
      <c r="H74" s="12" t="s">
        <v>132</v>
      </c>
      <c r="I74" s="12" t="s">
        <v>132</v>
      </c>
      <c r="J74" s="12" t="s">
        <v>132</v>
      </c>
      <c r="K74" s="12" t="s">
        <v>132</v>
      </c>
      <c r="L74" s="12" t="s">
        <v>132</v>
      </c>
      <c r="M74" s="12" t="s">
        <v>132</v>
      </c>
      <c r="N74" s="12" t="s">
        <v>132</v>
      </c>
      <c r="O74" s="12" t="s">
        <v>132</v>
      </c>
      <c r="P74" s="12" t="s">
        <v>132</v>
      </c>
      <c r="Q74" s="12" t="s">
        <v>132</v>
      </c>
      <c r="R74" s="12" t="s">
        <v>132</v>
      </c>
    </row>
    <row r="75" spans="1:18" s="4" customFormat="1" x14ac:dyDescent="0.15">
      <c r="A75" s="3"/>
      <c r="B75" s="3" t="s">
        <v>1527</v>
      </c>
      <c r="C75" s="12">
        <v>606</v>
      </c>
      <c r="D75" s="12">
        <v>1166</v>
      </c>
      <c r="E75" s="12">
        <v>595</v>
      </c>
      <c r="F75" s="12">
        <v>571</v>
      </c>
      <c r="G75" s="12">
        <v>78</v>
      </c>
      <c r="H75" s="12">
        <v>72</v>
      </c>
      <c r="I75" s="12">
        <v>137</v>
      </c>
      <c r="J75" s="12">
        <v>141</v>
      </c>
      <c r="K75" s="12">
        <v>149</v>
      </c>
      <c r="L75" s="12">
        <v>144</v>
      </c>
      <c r="M75" s="12">
        <v>152</v>
      </c>
      <c r="N75" s="12">
        <v>293</v>
      </c>
      <c r="O75" s="12">
        <v>0</v>
      </c>
      <c r="P75" s="12">
        <v>114</v>
      </c>
      <c r="Q75" s="12">
        <v>687</v>
      </c>
      <c r="R75" s="12">
        <v>365</v>
      </c>
    </row>
    <row r="76" spans="1:18" s="4" customFormat="1" x14ac:dyDescent="0.15">
      <c r="A76" s="3"/>
      <c r="B76" s="3" t="s">
        <v>1528</v>
      </c>
      <c r="C76" s="12">
        <v>531</v>
      </c>
      <c r="D76" s="12">
        <v>1136</v>
      </c>
      <c r="E76" s="12">
        <v>597</v>
      </c>
      <c r="F76" s="12">
        <v>539</v>
      </c>
      <c r="G76" s="12">
        <v>79</v>
      </c>
      <c r="H76" s="12">
        <v>79</v>
      </c>
      <c r="I76" s="12">
        <v>151</v>
      </c>
      <c r="J76" s="12">
        <v>129</v>
      </c>
      <c r="K76" s="12">
        <v>139</v>
      </c>
      <c r="L76" s="12">
        <v>208</v>
      </c>
      <c r="M76" s="12">
        <v>128</v>
      </c>
      <c r="N76" s="12">
        <v>223</v>
      </c>
      <c r="O76" s="12">
        <v>0</v>
      </c>
      <c r="P76" s="12">
        <v>113</v>
      </c>
      <c r="Q76" s="12">
        <v>737</v>
      </c>
      <c r="R76" s="12">
        <v>286</v>
      </c>
    </row>
    <row r="77" spans="1:18" s="4" customFormat="1" x14ac:dyDescent="0.15">
      <c r="A77" s="3"/>
      <c r="B77" s="3" t="s">
        <v>1529</v>
      </c>
      <c r="C77" s="12">
        <v>362</v>
      </c>
      <c r="D77" s="12">
        <v>751</v>
      </c>
      <c r="E77" s="12">
        <v>350</v>
      </c>
      <c r="F77" s="12">
        <v>401</v>
      </c>
      <c r="G77" s="12">
        <v>43</v>
      </c>
      <c r="H77" s="12">
        <v>42</v>
      </c>
      <c r="I77" s="12">
        <v>64</v>
      </c>
      <c r="J77" s="12">
        <v>66</v>
      </c>
      <c r="K77" s="12">
        <v>85</v>
      </c>
      <c r="L77" s="12">
        <v>107</v>
      </c>
      <c r="M77" s="12">
        <v>114</v>
      </c>
      <c r="N77" s="12">
        <v>230</v>
      </c>
      <c r="O77" s="12">
        <v>0</v>
      </c>
      <c r="P77" s="12">
        <v>63</v>
      </c>
      <c r="Q77" s="12">
        <v>397</v>
      </c>
      <c r="R77" s="12">
        <v>291</v>
      </c>
    </row>
    <row r="78" spans="1:18" s="4" customFormat="1" x14ac:dyDescent="0.15">
      <c r="A78" s="3"/>
      <c r="B78" s="3" t="s">
        <v>1530</v>
      </c>
      <c r="C78" s="12">
        <v>422</v>
      </c>
      <c r="D78" s="12">
        <v>902</v>
      </c>
      <c r="E78" s="12">
        <v>435</v>
      </c>
      <c r="F78" s="12">
        <v>467</v>
      </c>
      <c r="G78" s="12">
        <v>86</v>
      </c>
      <c r="H78" s="12">
        <v>83</v>
      </c>
      <c r="I78" s="12">
        <v>59</v>
      </c>
      <c r="J78" s="12">
        <v>129</v>
      </c>
      <c r="K78" s="12">
        <v>124</v>
      </c>
      <c r="L78" s="12">
        <v>106</v>
      </c>
      <c r="M78" s="12">
        <v>89</v>
      </c>
      <c r="N78" s="12">
        <v>226</v>
      </c>
      <c r="O78" s="12">
        <v>0</v>
      </c>
      <c r="P78" s="12">
        <v>139</v>
      </c>
      <c r="Q78" s="12">
        <v>497</v>
      </c>
      <c r="R78" s="12">
        <v>266</v>
      </c>
    </row>
    <row r="79" spans="1:18" s="4" customFormat="1" x14ac:dyDescent="0.15">
      <c r="A79" s="3"/>
      <c r="B79" s="3" t="s">
        <v>1531</v>
      </c>
      <c r="C79" s="12">
        <v>344</v>
      </c>
      <c r="D79" s="12">
        <v>747</v>
      </c>
      <c r="E79" s="12">
        <v>362</v>
      </c>
      <c r="F79" s="12">
        <v>385</v>
      </c>
      <c r="G79" s="12">
        <v>55</v>
      </c>
      <c r="H79" s="12">
        <v>35</v>
      </c>
      <c r="I79" s="12">
        <v>85</v>
      </c>
      <c r="J79" s="12">
        <v>88</v>
      </c>
      <c r="K79" s="12">
        <v>78</v>
      </c>
      <c r="L79" s="12">
        <v>110</v>
      </c>
      <c r="M79" s="12">
        <v>98</v>
      </c>
      <c r="N79" s="12">
        <v>198</v>
      </c>
      <c r="O79" s="12">
        <v>0</v>
      </c>
      <c r="P79" s="12">
        <v>72</v>
      </c>
      <c r="Q79" s="12">
        <v>427</v>
      </c>
      <c r="R79" s="12">
        <v>248</v>
      </c>
    </row>
    <row r="80" spans="1:18" s="4" customFormat="1" x14ac:dyDescent="0.15">
      <c r="A80" s="3"/>
      <c r="B80" s="3" t="s">
        <v>1532</v>
      </c>
      <c r="C80" s="12">
        <v>78</v>
      </c>
      <c r="D80" s="12">
        <v>161</v>
      </c>
      <c r="E80" s="12">
        <v>89</v>
      </c>
      <c r="F80" s="12">
        <v>72</v>
      </c>
      <c r="G80" s="12">
        <v>8</v>
      </c>
      <c r="H80" s="12">
        <v>11</v>
      </c>
      <c r="I80" s="12">
        <v>21</v>
      </c>
      <c r="J80" s="12">
        <v>12</v>
      </c>
      <c r="K80" s="12">
        <v>21</v>
      </c>
      <c r="L80" s="12">
        <v>27</v>
      </c>
      <c r="M80" s="12">
        <v>24</v>
      </c>
      <c r="N80" s="12">
        <v>37</v>
      </c>
      <c r="O80" s="12">
        <v>0</v>
      </c>
      <c r="P80" s="12">
        <v>15</v>
      </c>
      <c r="Q80" s="12">
        <v>96</v>
      </c>
      <c r="R80" s="12">
        <v>50</v>
      </c>
    </row>
    <row r="81" spans="1:18" s="4" customFormat="1" x14ac:dyDescent="0.15">
      <c r="A81" s="3"/>
      <c r="B81" s="3" t="s">
        <v>1533</v>
      </c>
      <c r="C81" s="12">
        <v>250</v>
      </c>
      <c r="D81" s="12">
        <v>505</v>
      </c>
      <c r="E81" s="12">
        <v>254</v>
      </c>
      <c r="F81" s="12">
        <v>251</v>
      </c>
      <c r="G81" s="12">
        <v>20</v>
      </c>
      <c r="H81" s="12">
        <v>40</v>
      </c>
      <c r="I81" s="12">
        <v>53</v>
      </c>
      <c r="J81" s="12">
        <v>42</v>
      </c>
      <c r="K81" s="12">
        <v>64</v>
      </c>
      <c r="L81" s="12">
        <v>70</v>
      </c>
      <c r="M81" s="12">
        <v>53</v>
      </c>
      <c r="N81" s="12">
        <v>163</v>
      </c>
      <c r="O81" s="12">
        <v>0</v>
      </c>
      <c r="P81" s="12">
        <v>39</v>
      </c>
      <c r="Q81" s="12">
        <v>278</v>
      </c>
      <c r="R81" s="12">
        <v>188</v>
      </c>
    </row>
    <row r="82" spans="1:18" s="4" customFormat="1" x14ac:dyDescent="0.15">
      <c r="A82" s="3"/>
      <c r="B82" s="3" t="s">
        <v>1534</v>
      </c>
      <c r="C82" s="12">
        <v>160</v>
      </c>
      <c r="D82" s="12">
        <v>359</v>
      </c>
      <c r="E82" s="12">
        <v>186</v>
      </c>
      <c r="F82" s="12">
        <v>173</v>
      </c>
      <c r="G82" s="12">
        <v>37</v>
      </c>
      <c r="H82" s="12">
        <v>31</v>
      </c>
      <c r="I82" s="12">
        <v>58</v>
      </c>
      <c r="J82" s="12">
        <v>46</v>
      </c>
      <c r="K82" s="12">
        <v>44</v>
      </c>
      <c r="L82" s="12">
        <v>41</v>
      </c>
      <c r="M82" s="12">
        <v>42</v>
      </c>
      <c r="N82" s="12">
        <v>60</v>
      </c>
      <c r="O82" s="12">
        <v>0</v>
      </c>
      <c r="P82" s="12">
        <v>55</v>
      </c>
      <c r="Q82" s="12">
        <v>223</v>
      </c>
      <c r="R82" s="12">
        <v>81</v>
      </c>
    </row>
    <row r="83" spans="1:18" s="4" customFormat="1" x14ac:dyDescent="0.15">
      <c r="A83" s="3"/>
      <c r="B83" s="3" t="s">
        <v>1535</v>
      </c>
      <c r="C83" s="12">
        <v>788</v>
      </c>
      <c r="D83" s="12">
        <v>1583</v>
      </c>
      <c r="E83" s="12">
        <v>768</v>
      </c>
      <c r="F83" s="12">
        <v>815</v>
      </c>
      <c r="G83" s="12">
        <v>93</v>
      </c>
      <c r="H83" s="12">
        <v>121</v>
      </c>
      <c r="I83" s="12">
        <v>142</v>
      </c>
      <c r="J83" s="12">
        <v>163</v>
      </c>
      <c r="K83" s="12">
        <v>194</v>
      </c>
      <c r="L83" s="12">
        <v>196</v>
      </c>
      <c r="M83" s="12">
        <v>225</v>
      </c>
      <c r="N83" s="12">
        <v>449</v>
      </c>
      <c r="O83" s="12">
        <v>0</v>
      </c>
      <c r="P83" s="12">
        <v>161</v>
      </c>
      <c r="Q83" s="12">
        <v>868</v>
      </c>
      <c r="R83" s="12">
        <v>554</v>
      </c>
    </row>
    <row r="84" spans="1:18" s="4" customFormat="1" x14ac:dyDescent="0.15">
      <c r="A84" s="3"/>
      <c r="B84" s="3" t="s">
        <v>1536</v>
      </c>
      <c r="C84" s="12">
        <v>510</v>
      </c>
      <c r="D84" s="12">
        <v>1022</v>
      </c>
      <c r="E84" s="12">
        <v>480</v>
      </c>
      <c r="F84" s="12">
        <v>542</v>
      </c>
      <c r="G84" s="12">
        <v>82</v>
      </c>
      <c r="H84" s="12">
        <v>84</v>
      </c>
      <c r="I84" s="12">
        <v>111</v>
      </c>
      <c r="J84" s="12">
        <v>134</v>
      </c>
      <c r="K84" s="12">
        <v>136</v>
      </c>
      <c r="L84" s="12">
        <v>101</v>
      </c>
      <c r="M84" s="12">
        <v>125</v>
      </c>
      <c r="N84" s="12">
        <v>249</v>
      </c>
      <c r="O84" s="12">
        <v>0</v>
      </c>
      <c r="P84" s="12">
        <v>118</v>
      </c>
      <c r="Q84" s="12">
        <v>589</v>
      </c>
      <c r="R84" s="12">
        <v>315</v>
      </c>
    </row>
    <row r="85" spans="1:18" s="4" customFormat="1" x14ac:dyDescent="0.15">
      <c r="A85" s="3"/>
      <c r="B85" s="3" t="s">
        <v>1537</v>
      </c>
      <c r="C85" s="12">
        <v>51</v>
      </c>
      <c r="D85" s="12">
        <v>101</v>
      </c>
      <c r="E85" s="12">
        <v>58</v>
      </c>
      <c r="F85" s="12">
        <v>43</v>
      </c>
      <c r="G85" s="12">
        <v>5</v>
      </c>
      <c r="H85" s="12">
        <v>9</v>
      </c>
      <c r="I85" s="12">
        <v>12</v>
      </c>
      <c r="J85" s="12">
        <v>14</v>
      </c>
      <c r="K85" s="12">
        <v>4</v>
      </c>
      <c r="L85" s="12">
        <v>20</v>
      </c>
      <c r="M85" s="12">
        <v>16</v>
      </c>
      <c r="N85" s="12">
        <v>21</v>
      </c>
      <c r="O85" s="12">
        <v>0</v>
      </c>
      <c r="P85" s="12">
        <v>11</v>
      </c>
      <c r="Q85" s="12">
        <v>59</v>
      </c>
      <c r="R85" s="12">
        <v>31</v>
      </c>
    </row>
    <row r="86" spans="1:18" s="4" customFormat="1" x14ac:dyDescent="0.15">
      <c r="A86" s="3"/>
      <c r="B86" s="3" t="s">
        <v>1538</v>
      </c>
      <c r="C86" s="12">
        <v>752</v>
      </c>
      <c r="D86" s="12">
        <v>1851</v>
      </c>
      <c r="E86" s="12">
        <v>934</v>
      </c>
      <c r="F86" s="12">
        <v>917</v>
      </c>
      <c r="G86" s="12">
        <v>146</v>
      </c>
      <c r="H86" s="12">
        <v>282</v>
      </c>
      <c r="I86" s="12">
        <v>195</v>
      </c>
      <c r="J86" s="12">
        <v>192</v>
      </c>
      <c r="K86" s="12">
        <v>354</v>
      </c>
      <c r="L86" s="12">
        <v>255</v>
      </c>
      <c r="M86" s="12">
        <v>200</v>
      </c>
      <c r="N86" s="12">
        <v>227</v>
      </c>
      <c r="O86" s="12">
        <v>0</v>
      </c>
      <c r="P86" s="12">
        <v>274</v>
      </c>
      <c r="Q86" s="12">
        <v>1252</v>
      </c>
      <c r="R86" s="12">
        <v>325</v>
      </c>
    </row>
    <row r="87" spans="1:18" s="4" customFormat="1" x14ac:dyDescent="0.15">
      <c r="A87" s="3"/>
      <c r="B87" s="3" t="s">
        <v>1539</v>
      </c>
      <c r="C87" s="12">
        <v>277</v>
      </c>
      <c r="D87" s="12">
        <v>588</v>
      </c>
      <c r="E87" s="12">
        <v>299</v>
      </c>
      <c r="F87" s="12">
        <v>289</v>
      </c>
      <c r="G87" s="12">
        <v>64</v>
      </c>
      <c r="H87" s="12">
        <v>27</v>
      </c>
      <c r="I87" s="12">
        <v>89</v>
      </c>
      <c r="J87" s="12">
        <v>100</v>
      </c>
      <c r="K87" s="12">
        <v>76</v>
      </c>
      <c r="L87" s="12">
        <v>70</v>
      </c>
      <c r="M87" s="12">
        <v>53</v>
      </c>
      <c r="N87" s="12">
        <v>109</v>
      </c>
      <c r="O87" s="12">
        <v>0</v>
      </c>
      <c r="P87" s="12">
        <v>75</v>
      </c>
      <c r="Q87" s="12">
        <v>383</v>
      </c>
      <c r="R87" s="12">
        <v>130</v>
      </c>
    </row>
    <row r="88" spans="1:18" s="4" customFormat="1" x14ac:dyDescent="0.15">
      <c r="A88" s="3"/>
      <c r="B88" s="3" t="s">
        <v>1540</v>
      </c>
      <c r="C88" s="12">
        <v>745</v>
      </c>
      <c r="D88" s="12">
        <v>1631</v>
      </c>
      <c r="E88" s="12">
        <v>805</v>
      </c>
      <c r="F88" s="12">
        <v>826</v>
      </c>
      <c r="G88" s="12">
        <v>150</v>
      </c>
      <c r="H88" s="12">
        <v>159</v>
      </c>
      <c r="I88" s="12">
        <v>146</v>
      </c>
      <c r="J88" s="12">
        <v>202</v>
      </c>
      <c r="K88" s="12">
        <v>277</v>
      </c>
      <c r="L88" s="12">
        <v>198</v>
      </c>
      <c r="M88" s="12">
        <v>220</v>
      </c>
      <c r="N88" s="12">
        <v>279</v>
      </c>
      <c r="O88" s="12">
        <v>0</v>
      </c>
      <c r="P88" s="12">
        <v>214</v>
      </c>
      <c r="Q88" s="12">
        <v>1019</v>
      </c>
      <c r="R88" s="12">
        <v>398</v>
      </c>
    </row>
    <row r="89" spans="1:18" s="4" customFormat="1" x14ac:dyDescent="0.15">
      <c r="A89" s="3"/>
      <c r="B89" s="3" t="s">
        <v>1541</v>
      </c>
      <c r="C89" s="12">
        <v>119</v>
      </c>
      <c r="D89" s="12">
        <v>231</v>
      </c>
      <c r="E89" s="12">
        <v>116</v>
      </c>
      <c r="F89" s="12">
        <v>115</v>
      </c>
      <c r="G89" s="12">
        <v>11</v>
      </c>
      <c r="H89" s="12">
        <v>18</v>
      </c>
      <c r="I89" s="12">
        <v>40</v>
      </c>
      <c r="J89" s="12">
        <v>20</v>
      </c>
      <c r="K89" s="12">
        <v>38</v>
      </c>
      <c r="L89" s="12">
        <v>34</v>
      </c>
      <c r="M89" s="12">
        <v>19</v>
      </c>
      <c r="N89" s="12">
        <v>51</v>
      </c>
      <c r="O89" s="12">
        <v>0</v>
      </c>
      <c r="P89" s="12">
        <v>21</v>
      </c>
      <c r="Q89" s="12">
        <v>148</v>
      </c>
      <c r="R89" s="12">
        <v>62</v>
      </c>
    </row>
    <row r="90" spans="1:18" s="4" customFormat="1" x14ac:dyDescent="0.15">
      <c r="A90" s="3"/>
      <c r="B90" s="3" t="s">
        <v>1542</v>
      </c>
      <c r="C90" s="12">
        <v>494</v>
      </c>
      <c r="D90" s="12">
        <v>942</v>
      </c>
      <c r="E90" s="12">
        <v>494</v>
      </c>
      <c r="F90" s="12">
        <v>448</v>
      </c>
      <c r="G90" s="12">
        <v>74</v>
      </c>
      <c r="H90" s="12">
        <v>66</v>
      </c>
      <c r="I90" s="12">
        <v>112</v>
      </c>
      <c r="J90" s="12">
        <v>157</v>
      </c>
      <c r="K90" s="12">
        <v>134</v>
      </c>
      <c r="L90" s="12">
        <v>142</v>
      </c>
      <c r="M90" s="12">
        <v>90</v>
      </c>
      <c r="N90" s="12">
        <v>167</v>
      </c>
      <c r="O90" s="12">
        <v>0</v>
      </c>
      <c r="P90" s="12">
        <v>109</v>
      </c>
      <c r="Q90" s="12">
        <v>629</v>
      </c>
      <c r="R90" s="12">
        <v>204</v>
      </c>
    </row>
    <row r="91" spans="1:18" s="4" customFormat="1" x14ac:dyDescent="0.15">
      <c r="A91" s="3"/>
      <c r="B91" s="3" t="s">
        <v>1543</v>
      </c>
      <c r="C91" s="12">
        <v>890</v>
      </c>
      <c r="D91" s="12">
        <v>1595</v>
      </c>
      <c r="E91" s="12">
        <v>924</v>
      </c>
      <c r="F91" s="12">
        <v>671</v>
      </c>
      <c r="G91" s="12">
        <v>78</v>
      </c>
      <c r="H91" s="12">
        <v>104</v>
      </c>
      <c r="I91" s="12">
        <v>170</v>
      </c>
      <c r="J91" s="12">
        <v>159</v>
      </c>
      <c r="K91" s="12">
        <v>215</v>
      </c>
      <c r="L91" s="12">
        <v>208</v>
      </c>
      <c r="M91" s="12">
        <v>227</v>
      </c>
      <c r="N91" s="12">
        <v>434</v>
      </c>
      <c r="O91" s="12">
        <v>0</v>
      </c>
      <c r="P91" s="12">
        <v>129</v>
      </c>
      <c r="Q91" s="12">
        <v>918</v>
      </c>
      <c r="R91" s="12">
        <v>548</v>
      </c>
    </row>
    <row r="92" spans="1:18" s="4" customFormat="1" x14ac:dyDescent="0.15">
      <c r="A92" s="3"/>
      <c r="B92" s="3" t="s">
        <v>1544</v>
      </c>
      <c r="C92" s="12">
        <v>84</v>
      </c>
      <c r="D92" s="12">
        <v>149</v>
      </c>
      <c r="E92" s="12">
        <v>71</v>
      </c>
      <c r="F92" s="12">
        <v>78</v>
      </c>
      <c r="G92" s="12">
        <v>4</v>
      </c>
      <c r="H92" s="12">
        <v>13</v>
      </c>
      <c r="I92" s="12">
        <v>6</v>
      </c>
      <c r="J92" s="12">
        <v>10</v>
      </c>
      <c r="K92" s="12">
        <v>16</v>
      </c>
      <c r="L92" s="12">
        <v>14</v>
      </c>
      <c r="M92" s="12">
        <v>18</v>
      </c>
      <c r="N92" s="12">
        <v>68</v>
      </c>
      <c r="O92" s="12">
        <v>0</v>
      </c>
      <c r="P92" s="12">
        <v>11</v>
      </c>
      <c r="Q92" s="12">
        <v>64</v>
      </c>
      <c r="R92" s="12">
        <v>74</v>
      </c>
    </row>
    <row r="93" spans="1:18" s="4" customFormat="1" x14ac:dyDescent="0.15">
      <c r="A93" s="3"/>
      <c r="B93" s="3" t="s">
        <v>1545</v>
      </c>
      <c r="C93" s="12">
        <v>428</v>
      </c>
      <c r="D93" s="12">
        <v>883</v>
      </c>
      <c r="E93" s="12">
        <v>446</v>
      </c>
      <c r="F93" s="12">
        <v>437</v>
      </c>
      <c r="G93" s="12">
        <v>67</v>
      </c>
      <c r="H93" s="12">
        <v>69</v>
      </c>
      <c r="I93" s="12">
        <v>126</v>
      </c>
      <c r="J93" s="12">
        <v>97</v>
      </c>
      <c r="K93" s="12">
        <v>117</v>
      </c>
      <c r="L93" s="12">
        <v>132</v>
      </c>
      <c r="M93" s="12">
        <v>83</v>
      </c>
      <c r="N93" s="12">
        <v>192</v>
      </c>
      <c r="O93" s="12">
        <v>0</v>
      </c>
      <c r="P93" s="12">
        <v>96</v>
      </c>
      <c r="Q93" s="12">
        <v>554</v>
      </c>
      <c r="R93" s="12">
        <v>233</v>
      </c>
    </row>
    <row r="94" spans="1:18" s="4" customFormat="1" x14ac:dyDescent="0.15">
      <c r="A94" s="3"/>
      <c r="B94" s="3" t="s">
        <v>1546</v>
      </c>
      <c r="C94" s="12">
        <v>136</v>
      </c>
      <c r="D94" s="12">
        <v>273</v>
      </c>
      <c r="E94" s="12">
        <v>129</v>
      </c>
      <c r="F94" s="12">
        <v>144</v>
      </c>
      <c r="G94" s="12">
        <v>16</v>
      </c>
      <c r="H94" s="12">
        <v>22</v>
      </c>
      <c r="I94" s="12">
        <v>46</v>
      </c>
      <c r="J94" s="12">
        <v>45</v>
      </c>
      <c r="K94" s="12">
        <v>34</v>
      </c>
      <c r="L94" s="12">
        <v>41</v>
      </c>
      <c r="M94" s="12">
        <v>28</v>
      </c>
      <c r="N94" s="12">
        <v>41</v>
      </c>
      <c r="O94" s="12">
        <v>0</v>
      </c>
      <c r="P94" s="12">
        <v>23</v>
      </c>
      <c r="Q94" s="12">
        <v>197</v>
      </c>
      <c r="R94" s="12">
        <v>53</v>
      </c>
    </row>
    <row r="95" spans="1:18" s="4" customFormat="1" x14ac:dyDescent="0.15">
      <c r="A95" s="3"/>
      <c r="B95" s="3" t="s">
        <v>1547</v>
      </c>
      <c r="C95" s="12">
        <v>930</v>
      </c>
      <c r="D95" s="12">
        <v>1848</v>
      </c>
      <c r="E95" s="12">
        <v>913</v>
      </c>
      <c r="F95" s="12">
        <v>935</v>
      </c>
      <c r="G95" s="12">
        <v>118</v>
      </c>
      <c r="H95" s="12">
        <v>122</v>
      </c>
      <c r="I95" s="12">
        <v>205</v>
      </c>
      <c r="J95" s="12">
        <v>155</v>
      </c>
      <c r="K95" s="12">
        <v>235</v>
      </c>
      <c r="L95" s="12">
        <v>263</v>
      </c>
      <c r="M95" s="12">
        <v>233</v>
      </c>
      <c r="N95" s="12">
        <v>517</v>
      </c>
      <c r="O95" s="12">
        <v>0</v>
      </c>
      <c r="P95" s="12">
        <v>179</v>
      </c>
      <c r="Q95" s="12">
        <v>1020</v>
      </c>
      <c r="R95" s="12">
        <v>649</v>
      </c>
    </row>
    <row r="96" spans="1:18" s="4" customFormat="1" x14ac:dyDescent="0.15">
      <c r="A96" s="3"/>
      <c r="B96" s="3" t="s">
        <v>1548</v>
      </c>
      <c r="C96" s="12">
        <v>45</v>
      </c>
      <c r="D96" s="12">
        <v>56</v>
      </c>
      <c r="E96" s="12">
        <v>40</v>
      </c>
      <c r="F96" s="12">
        <v>16</v>
      </c>
      <c r="G96" s="12">
        <v>1</v>
      </c>
      <c r="H96" s="12">
        <v>3</v>
      </c>
      <c r="I96" s="12">
        <v>10</v>
      </c>
      <c r="J96" s="12">
        <v>8</v>
      </c>
      <c r="K96" s="12">
        <v>8</v>
      </c>
      <c r="L96" s="12">
        <v>12</v>
      </c>
      <c r="M96" s="12">
        <v>6</v>
      </c>
      <c r="N96" s="12">
        <v>8</v>
      </c>
      <c r="O96" s="12">
        <v>0</v>
      </c>
      <c r="P96" s="12">
        <v>1</v>
      </c>
      <c r="Q96" s="12">
        <v>44</v>
      </c>
      <c r="R96" s="12">
        <v>11</v>
      </c>
    </row>
    <row r="97" spans="1:18" s="4" customFormat="1" x14ac:dyDescent="0.15">
      <c r="A97" s="3"/>
      <c r="B97" s="3" t="s">
        <v>1549</v>
      </c>
      <c r="C97" s="12">
        <v>368</v>
      </c>
      <c r="D97" s="12">
        <v>673</v>
      </c>
      <c r="E97" s="12">
        <v>352</v>
      </c>
      <c r="F97" s="12">
        <v>321</v>
      </c>
      <c r="G97" s="12">
        <v>40</v>
      </c>
      <c r="H97" s="12">
        <v>42</v>
      </c>
      <c r="I97" s="12">
        <v>85</v>
      </c>
      <c r="J97" s="12">
        <v>73</v>
      </c>
      <c r="K97" s="12">
        <v>98</v>
      </c>
      <c r="L97" s="12">
        <v>85</v>
      </c>
      <c r="M97" s="12">
        <v>79</v>
      </c>
      <c r="N97" s="12">
        <v>171</v>
      </c>
      <c r="O97" s="12">
        <v>0</v>
      </c>
      <c r="P97" s="12">
        <v>62</v>
      </c>
      <c r="Q97" s="12">
        <v>394</v>
      </c>
      <c r="R97" s="12">
        <v>217</v>
      </c>
    </row>
    <row r="98" spans="1:18" s="4" customFormat="1" x14ac:dyDescent="0.15">
      <c r="A98" s="3"/>
      <c r="B98" s="3" t="s">
        <v>1550</v>
      </c>
      <c r="C98" s="12">
        <v>83</v>
      </c>
      <c r="D98" s="12">
        <v>175</v>
      </c>
      <c r="E98" s="12">
        <v>82</v>
      </c>
      <c r="F98" s="12">
        <v>93</v>
      </c>
      <c r="G98" s="12">
        <v>10</v>
      </c>
      <c r="H98" s="12">
        <v>12</v>
      </c>
      <c r="I98" s="12">
        <v>23</v>
      </c>
      <c r="J98" s="12">
        <v>19</v>
      </c>
      <c r="K98" s="12">
        <v>22</v>
      </c>
      <c r="L98" s="12">
        <v>30</v>
      </c>
      <c r="M98" s="12">
        <v>23</v>
      </c>
      <c r="N98" s="12">
        <v>36</v>
      </c>
      <c r="O98" s="12">
        <v>0</v>
      </c>
      <c r="P98" s="12">
        <v>15</v>
      </c>
      <c r="Q98" s="12">
        <v>109</v>
      </c>
      <c r="R98" s="12">
        <v>51</v>
      </c>
    </row>
    <row r="99" spans="1:18" s="4" customFormat="1" x14ac:dyDescent="0.15">
      <c r="A99" s="3"/>
      <c r="B99" s="3" t="s">
        <v>1551</v>
      </c>
      <c r="C99" s="12">
        <v>1245</v>
      </c>
      <c r="D99" s="12">
        <v>2257</v>
      </c>
      <c r="E99" s="12">
        <v>1145</v>
      </c>
      <c r="F99" s="12">
        <v>1112</v>
      </c>
      <c r="G99" s="12">
        <v>155</v>
      </c>
      <c r="H99" s="12">
        <v>123</v>
      </c>
      <c r="I99" s="12">
        <v>290</v>
      </c>
      <c r="J99" s="12">
        <v>310</v>
      </c>
      <c r="K99" s="12">
        <v>261</v>
      </c>
      <c r="L99" s="12">
        <v>298</v>
      </c>
      <c r="M99" s="12">
        <v>278</v>
      </c>
      <c r="N99" s="12">
        <v>541</v>
      </c>
      <c r="O99" s="12">
        <v>1</v>
      </c>
      <c r="P99" s="12">
        <v>215</v>
      </c>
      <c r="Q99" s="12">
        <v>1346</v>
      </c>
      <c r="R99" s="12">
        <v>695</v>
      </c>
    </row>
    <row r="100" spans="1:18" s="4" customFormat="1" x14ac:dyDescent="0.15">
      <c r="A100" s="3"/>
      <c r="B100" s="3" t="s">
        <v>1552</v>
      </c>
      <c r="C100" s="12">
        <v>533</v>
      </c>
      <c r="D100" s="12">
        <v>1042</v>
      </c>
      <c r="E100" s="12">
        <v>560</v>
      </c>
      <c r="F100" s="12">
        <v>482</v>
      </c>
      <c r="G100" s="12">
        <v>76</v>
      </c>
      <c r="H100" s="12">
        <v>55</v>
      </c>
      <c r="I100" s="12">
        <v>123</v>
      </c>
      <c r="J100" s="12">
        <v>122</v>
      </c>
      <c r="K100" s="12">
        <v>108</v>
      </c>
      <c r="L100" s="12">
        <v>153</v>
      </c>
      <c r="M100" s="12">
        <v>132</v>
      </c>
      <c r="N100" s="12">
        <v>273</v>
      </c>
      <c r="O100" s="12">
        <v>0</v>
      </c>
      <c r="P100" s="12">
        <v>98</v>
      </c>
      <c r="Q100" s="12">
        <v>598</v>
      </c>
      <c r="R100" s="12">
        <v>346</v>
      </c>
    </row>
    <row r="101" spans="1:18" s="4" customFormat="1" x14ac:dyDescent="0.15">
      <c r="A101" s="3"/>
      <c r="B101" s="3" t="s">
        <v>1553</v>
      </c>
      <c r="C101" s="12">
        <v>352</v>
      </c>
      <c r="D101" s="12">
        <v>647</v>
      </c>
      <c r="E101" s="12">
        <v>329</v>
      </c>
      <c r="F101" s="12">
        <v>318</v>
      </c>
      <c r="G101" s="12">
        <v>30</v>
      </c>
      <c r="H101" s="12">
        <v>38</v>
      </c>
      <c r="I101" s="12">
        <v>65</v>
      </c>
      <c r="J101" s="12">
        <v>56</v>
      </c>
      <c r="K101" s="12">
        <v>89</v>
      </c>
      <c r="L101" s="12">
        <v>85</v>
      </c>
      <c r="M101" s="12">
        <v>80</v>
      </c>
      <c r="N101" s="12">
        <v>204</v>
      </c>
      <c r="O101" s="12">
        <v>0</v>
      </c>
      <c r="P101" s="12">
        <v>53</v>
      </c>
      <c r="Q101" s="12">
        <v>335</v>
      </c>
      <c r="R101" s="12">
        <v>259</v>
      </c>
    </row>
    <row r="102" spans="1:18" s="4" customFormat="1" x14ac:dyDescent="0.15">
      <c r="A102" s="3"/>
      <c r="B102" s="3" t="s">
        <v>1554</v>
      </c>
      <c r="C102" s="12">
        <v>654</v>
      </c>
      <c r="D102" s="12">
        <v>1429</v>
      </c>
      <c r="E102" s="12">
        <v>737</v>
      </c>
      <c r="F102" s="12">
        <v>692</v>
      </c>
      <c r="G102" s="12">
        <v>90</v>
      </c>
      <c r="H102" s="12">
        <v>157</v>
      </c>
      <c r="I102" s="12">
        <v>130</v>
      </c>
      <c r="J102" s="12">
        <v>129</v>
      </c>
      <c r="K102" s="12">
        <v>230</v>
      </c>
      <c r="L102" s="12">
        <v>178</v>
      </c>
      <c r="M102" s="12">
        <v>190</v>
      </c>
      <c r="N102" s="12">
        <v>325</v>
      </c>
      <c r="O102" s="12">
        <v>0</v>
      </c>
      <c r="P102" s="12">
        <v>164</v>
      </c>
      <c r="Q102" s="12">
        <v>843</v>
      </c>
      <c r="R102" s="12">
        <v>422</v>
      </c>
    </row>
    <row r="103" spans="1:18" s="4" customFormat="1" x14ac:dyDescent="0.15">
      <c r="A103" s="3"/>
      <c r="B103" s="3" t="s">
        <v>1555</v>
      </c>
      <c r="C103" s="12">
        <v>12</v>
      </c>
      <c r="D103" s="12">
        <v>27</v>
      </c>
      <c r="E103" s="12">
        <v>12</v>
      </c>
      <c r="F103" s="12">
        <v>15</v>
      </c>
      <c r="G103" s="12">
        <v>0</v>
      </c>
      <c r="H103" s="12">
        <v>0</v>
      </c>
      <c r="I103" s="12">
        <v>7</v>
      </c>
      <c r="J103" s="12">
        <v>0</v>
      </c>
      <c r="K103" s="12">
        <v>2</v>
      </c>
      <c r="L103" s="12">
        <v>5</v>
      </c>
      <c r="M103" s="12">
        <v>6</v>
      </c>
      <c r="N103" s="12">
        <v>7</v>
      </c>
      <c r="O103" s="12">
        <v>0</v>
      </c>
      <c r="P103" s="12">
        <v>0</v>
      </c>
      <c r="Q103" s="12">
        <v>18</v>
      </c>
      <c r="R103" s="12">
        <v>9</v>
      </c>
    </row>
    <row r="104" spans="1:18" s="4" customFormat="1" x14ac:dyDescent="0.15">
      <c r="A104" s="3"/>
      <c r="B104" s="3" t="s">
        <v>1556</v>
      </c>
      <c r="C104" s="12">
        <v>831</v>
      </c>
      <c r="D104" s="12">
        <v>1744</v>
      </c>
      <c r="E104" s="12">
        <v>858</v>
      </c>
      <c r="F104" s="12">
        <v>886</v>
      </c>
      <c r="G104" s="12">
        <v>102</v>
      </c>
      <c r="H104" s="12">
        <v>125</v>
      </c>
      <c r="I104" s="12">
        <v>149</v>
      </c>
      <c r="J104" s="12">
        <v>176</v>
      </c>
      <c r="K104" s="12">
        <v>231</v>
      </c>
      <c r="L104" s="12">
        <v>208</v>
      </c>
      <c r="M104" s="12">
        <v>231</v>
      </c>
      <c r="N104" s="12">
        <v>522</v>
      </c>
      <c r="O104" s="12">
        <v>0</v>
      </c>
      <c r="P104" s="12">
        <v>159</v>
      </c>
      <c r="Q104" s="12">
        <v>938</v>
      </c>
      <c r="R104" s="12">
        <v>647</v>
      </c>
    </row>
    <row r="105" spans="1:18" s="4" customFormat="1" x14ac:dyDescent="0.15">
      <c r="A105" s="3"/>
      <c r="B105" s="3" t="s">
        <v>1557</v>
      </c>
      <c r="C105" s="12">
        <v>1123</v>
      </c>
      <c r="D105" s="12">
        <v>1955</v>
      </c>
      <c r="E105" s="12">
        <v>962</v>
      </c>
      <c r="F105" s="12">
        <v>993</v>
      </c>
      <c r="G105" s="12">
        <v>76</v>
      </c>
      <c r="H105" s="12">
        <v>98</v>
      </c>
      <c r="I105" s="12">
        <v>178</v>
      </c>
      <c r="J105" s="12">
        <v>163</v>
      </c>
      <c r="K105" s="12">
        <v>244</v>
      </c>
      <c r="L105" s="12">
        <v>223</v>
      </c>
      <c r="M105" s="12">
        <v>213</v>
      </c>
      <c r="N105" s="12">
        <v>760</v>
      </c>
      <c r="O105" s="12">
        <v>0</v>
      </c>
      <c r="P105" s="12">
        <v>120</v>
      </c>
      <c r="Q105" s="12">
        <v>954</v>
      </c>
      <c r="R105" s="12">
        <v>881</v>
      </c>
    </row>
    <row r="106" spans="1:18" s="4" customFormat="1" x14ac:dyDescent="0.15">
      <c r="A106" s="3"/>
      <c r="B106" s="3" t="s">
        <v>1558</v>
      </c>
      <c r="C106" s="12">
        <v>451</v>
      </c>
      <c r="D106" s="12">
        <v>1012</v>
      </c>
      <c r="E106" s="12">
        <v>507</v>
      </c>
      <c r="F106" s="12">
        <v>505</v>
      </c>
      <c r="G106" s="12">
        <v>181</v>
      </c>
      <c r="H106" s="12">
        <v>43</v>
      </c>
      <c r="I106" s="12">
        <v>106</v>
      </c>
      <c r="J106" s="12">
        <v>260</v>
      </c>
      <c r="K106" s="12">
        <v>168</v>
      </c>
      <c r="L106" s="12">
        <v>90</v>
      </c>
      <c r="M106" s="12">
        <v>55</v>
      </c>
      <c r="N106" s="12">
        <v>109</v>
      </c>
      <c r="O106" s="12">
        <v>0</v>
      </c>
      <c r="P106" s="12">
        <v>204</v>
      </c>
      <c r="Q106" s="12">
        <v>681</v>
      </c>
      <c r="R106" s="12">
        <v>127</v>
      </c>
    </row>
    <row r="107" spans="1:18" s="4" customFormat="1" x14ac:dyDescent="0.15">
      <c r="A107" s="3"/>
      <c r="B107" s="3" t="s">
        <v>1559</v>
      </c>
      <c r="C107" s="12">
        <v>523</v>
      </c>
      <c r="D107" s="12">
        <v>1152</v>
      </c>
      <c r="E107" s="12">
        <v>582</v>
      </c>
      <c r="F107" s="12">
        <v>570</v>
      </c>
      <c r="G107" s="12">
        <v>105</v>
      </c>
      <c r="H107" s="12">
        <v>94</v>
      </c>
      <c r="I107" s="12">
        <v>143</v>
      </c>
      <c r="J107" s="12">
        <v>134</v>
      </c>
      <c r="K107" s="12">
        <v>167</v>
      </c>
      <c r="L107" s="12">
        <v>186</v>
      </c>
      <c r="M107" s="12">
        <v>108</v>
      </c>
      <c r="N107" s="12">
        <v>215</v>
      </c>
      <c r="O107" s="12">
        <v>0</v>
      </c>
      <c r="P107" s="12">
        <v>157</v>
      </c>
      <c r="Q107" s="12">
        <v>730</v>
      </c>
      <c r="R107" s="12">
        <v>265</v>
      </c>
    </row>
    <row r="108" spans="1:18" s="4" customFormat="1" x14ac:dyDescent="0.15">
      <c r="A108" s="3"/>
      <c r="B108" s="3" t="s">
        <v>1560</v>
      </c>
      <c r="C108" s="12">
        <v>1364</v>
      </c>
      <c r="D108" s="12">
        <v>2423</v>
      </c>
      <c r="E108" s="12">
        <v>1169</v>
      </c>
      <c r="F108" s="12">
        <v>1254</v>
      </c>
      <c r="G108" s="12">
        <v>145</v>
      </c>
      <c r="H108" s="12">
        <v>144</v>
      </c>
      <c r="I108" s="12">
        <v>156</v>
      </c>
      <c r="J108" s="12">
        <v>250</v>
      </c>
      <c r="K108" s="12">
        <v>257</v>
      </c>
      <c r="L108" s="12">
        <v>282</v>
      </c>
      <c r="M108" s="12">
        <v>364</v>
      </c>
      <c r="N108" s="12">
        <v>825</v>
      </c>
      <c r="O108" s="12">
        <v>0</v>
      </c>
      <c r="P108" s="12">
        <v>228</v>
      </c>
      <c r="Q108" s="12">
        <v>1161</v>
      </c>
      <c r="R108" s="12">
        <v>1034</v>
      </c>
    </row>
    <row r="109" spans="1:18" s="4" customFormat="1" x14ac:dyDescent="0.15">
      <c r="A109" s="3"/>
      <c r="B109" s="3" t="s">
        <v>1561</v>
      </c>
      <c r="C109" s="12">
        <v>107</v>
      </c>
      <c r="D109" s="12">
        <v>188</v>
      </c>
      <c r="E109" s="12">
        <v>113</v>
      </c>
      <c r="F109" s="12">
        <v>75</v>
      </c>
      <c r="G109" s="12">
        <v>17</v>
      </c>
      <c r="H109" s="12">
        <v>6</v>
      </c>
      <c r="I109" s="12">
        <v>41</v>
      </c>
      <c r="J109" s="12">
        <v>31</v>
      </c>
      <c r="K109" s="12">
        <v>27</v>
      </c>
      <c r="L109" s="12">
        <v>24</v>
      </c>
      <c r="M109" s="12">
        <v>12</v>
      </c>
      <c r="N109" s="12">
        <v>30</v>
      </c>
      <c r="O109" s="12">
        <v>0</v>
      </c>
      <c r="P109" s="12">
        <v>21</v>
      </c>
      <c r="Q109" s="12">
        <v>132</v>
      </c>
      <c r="R109" s="12">
        <v>35</v>
      </c>
    </row>
    <row r="110" spans="1:18" s="4" customFormat="1" x14ac:dyDescent="0.15">
      <c r="A110" s="3"/>
      <c r="B110" s="3" t="s">
        <v>1562</v>
      </c>
      <c r="C110" s="12">
        <v>362</v>
      </c>
      <c r="D110" s="12">
        <v>729</v>
      </c>
      <c r="E110" s="12">
        <v>386</v>
      </c>
      <c r="F110" s="12">
        <v>343</v>
      </c>
      <c r="G110" s="12">
        <v>28</v>
      </c>
      <c r="H110" s="12">
        <v>65</v>
      </c>
      <c r="I110" s="12">
        <v>65</v>
      </c>
      <c r="J110" s="12">
        <v>56</v>
      </c>
      <c r="K110" s="12">
        <v>100</v>
      </c>
      <c r="L110" s="12">
        <v>118</v>
      </c>
      <c r="M110" s="12">
        <v>95</v>
      </c>
      <c r="N110" s="12">
        <v>202</v>
      </c>
      <c r="O110" s="12">
        <v>0</v>
      </c>
      <c r="P110" s="12">
        <v>55</v>
      </c>
      <c r="Q110" s="12">
        <v>426</v>
      </c>
      <c r="R110" s="12">
        <v>248</v>
      </c>
    </row>
    <row r="111" spans="1:18" s="4" customFormat="1" x14ac:dyDescent="0.15">
      <c r="A111" s="3"/>
      <c r="B111" s="3" t="s">
        <v>1563</v>
      </c>
      <c r="C111" s="12">
        <v>210</v>
      </c>
      <c r="D111" s="12">
        <v>421</v>
      </c>
      <c r="E111" s="12">
        <v>213</v>
      </c>
      <c r="F111" s="12">
        <v>208</v>
      </c>
      <c r="G111" s="12">
        <v>21</v>
      </c>
      <c r="H111" s="12">
        <v>29</v>
      </c>
      <c r="I111" s="12">
        <v>64</v>
      </c>
      <c r="J111" s="12">
        <v>39</v>
      </c>
      <c r="K111" s="12">
        <v>52</v>
      </c>
      <c r="L111" s="12">
        <v>70</v>
      </c>
      <c r="M111" s="12">
        <v>62</v>
      </c>
      <c r="N111" s="12">
        <v>84</v>
      </c>
      <c r="O111" s="12">
        <v>0</v>
      </c>
      <c r="P111" s="12">
        <v>36</v>
      </c>
      <c r="Q111" s="12">
        <v>271</v>
      </c>
      <c r="R111" s="12">
        <v>114</v>
      </c>
    </row>
    <row r="112" spans="1:18" s="4" customFormat="1" x14ac:dyDescent="0.15">
      <c r="A112" s="3"/>
      <c r="B112" s="3" t="s">
        <v>1564</v>
      </c>
      <c r="C112" s="12">
        <v>49</v>
      </c>
      <c r="D112" s="12">
        <v>116</v>
      </c>
      <c r="E112" s="12">
        <v>57</v>
      </c>
      <c r="F112" s="12">
        <v>59</v>
      </c>
      <c r="G112" s="12">
        <v>12</v>
      </c>
      <c r="H112" s="12">
        <v>9</v>
      </c>
      <c r="I112" s="12">
        <v>9</v>
      </c>
      <c r="J112" s="12">
        <v>16</v>
      </c>
      <c r="K112" s="12">
        <v>23</v>
      </c>
      <c r="L112" s="12">
        <v>17</v>
      </c>
      <c r="M112" s="12">
        <v>14</v>
      </c>
      <c r="N112" s="12">
        <v>16</v>
      </c>
      <c r="O112" s="12">
        <v>0</v>
      </c>
      <c r="P112" s="12">
        <v>15</v>
      </c>
      <c r="Q112" s="12">
        <v>75</v>
      </c>
      <c r="R112" s="12">
        <v>26</v>
      </c>
    </row>
    <row r="113" spans="1:18" s="4" customFormat="1" x14ac:dyDescent="0.15">
      <c r="A113" s="3"/>
      <c r="B113" s="3" t="s">
        <v>1565</v>
      </c>
      <c r="C113" s="12">
        <v>565</v>
      </c>
      <c r="D113" s="12">
        <v>1151</v>
      </c>
      <c r="E113" s="12">
        <v>633</v>
      </c>
      <c r="F113" s="12">
        <v>518</v>
      </c>
      <c r="G113" s="12">
        <v>113</v>
      </c>
      <c r="H113" s="12">
        <v>84</v>
      </c>
      <c r="I113" s="12">
        <v>146</v>
      </c>
      <c r="J113" s="12">
        <v>165</v>
      </c>
      <c r="K113" s="12">
        <v>152</v>
      </c>
      <c r="L113" s="12">
        <v>139</v>
      </c>
      <c r="M113" s="12">
        <v>128</v>
      </c>
      <c r="N113" s="12">
        <v>224</v>
      </c>
      <c r="O113" s="12">
        <v>0</v>
      </c>
      <c r="P113" s="12">
        <v>157</v>
      </c>
      <c r="Q113" s="12">
        <v>693</v>
      </c>
      <c r="R113" s="12">
        <v>301</v>
      </c>
    </row>
    <row r="114" spans="1:18" s="4" customFormat="1" x14ac:dyDescent="0.15">
      <c r="A114" s="3"/>
      <c r="B114" s="3" t="s">
        <v>1566</v>
      </c>
      <c r="C114" s="12">
        <v>144</v>
      </c>
      <c r="D114" s="12">
        <v>183</v>
      </c>
      <c r="E114" s="12">
        <v>99</v>
      </c>
      <c r="F114" s="12">
        <v>84</v>
      </c>
      <c r="G114" s="12">
        <v>10</v>
      </c>
      <c r="H114" s="12">
        <v>7</v>
      </c>
      <c r="I114" s="12">
        <v>34</v>
      </c>
      <c r="J114" s="12">
        <v>19</v>
      </c>
      <c r="K114" s="12">
        <v>14</v>
      </c>
      <c r="L114" s="12">
        <v>12</v>
      </c>
      <c r="M114" s="12">
        <v>22</v>
      </c>
      <c r="N114" s="12">
        <v>65</v>
      </c>
      <c r="O114" s="12">
        <v>0</v>
      </c>
      <c r="P114" s="12">
        <v>15</v>
      </c>
      <c r="Q114" s="12">
        <v>89</v>
      </c>
      <c r="R114" s="12">
        <v>79</v>
      </c>
    </row>
    <row r="115" spans="1:18" s="4" customFormat="1" x14ac:dyDescent="0.15">
      <c r="A115" s="3"/>
      <c r="B115" s="3" t="s">
        <v>1567</v>
      </c>
      <c r="C115" s="12">
        <v>565</v>
      </c>
      <c r="D115" s="12">
        <v>1134</v>
      </c>
      <c r="E115" s="12">
        <v>594</v>
      </c>
      <c r="F115" s="12">
        <v>540</v>
      </c>
      <c r="G115" s="12">
        <v>70</v>
      </c>
      <c r="H115" s="12">
        <v>91</v>
      </c>
      <c r="I115" s="12">
        <v>136</v>
      </c>
      <c r="J115" s="12">
        <v>152</v>
      </c>
      <c r="K115" s="12">
        <v>159</v>
      </c>
      <c r="L115" s="12">
        <v>171</v>
      </c>
      <c r="M115" s="12">
        <v>141</v>
      </c>
      <c r="N115" s="12">
        <v>214</v>
      </c>
      <c r="O115" s="12">
        <v>0</v>
      </c>
      <c r="P115" s="12">
        <v>121</v>
      </c>
      <c r="Q115" s="12">
        <v>731</v>
      </c>
      <c r="R115" s="12">
        <v>282</v>
      </c>
    </row>
    <row r="116" spans="1:18" s="4" customFormat="1" x14ac:dyDescent="0.15">
      <c r="A116" s="3"/>
      <c r="B116" s="3" t="s">
        <v>1568</v>
      </c>
      <c r="C116" s="12">
        <v>264</v>
      </c>
      <c r="D116" s="12">
        <v>426</v>
      </c>
      <c r="E116" s="12">
        <v>231</v>
      </c>
      <c r="F116" s="12">
        <v>195</v>
      </c>
      <c r="G116" s="12">
        <v>23</v>
      </c>
      <c r="H116" s="12">
        <v>17</v>
      </c>
      <c r="I116" s="12">
        <v>68</v>
      </c>
      <c r="J116" s="12">
        <v>68</v>
      </c>
      <c r="K116" s="12">
        <v>42</v>
      </c>
      <c r="L116" s="12">
        <v>56</v>
      </c>
      <c r="M116" s="12">
        <v>39</v>
      </c>
      <c r="N116" s="12">
        <v>113</v>
      </c>
      <c r="O116" s="12">
        <v>0</v>
      </c>
      <c r="P116" s="12">
        <v>33</v>
      </c>
      <c r="Q116" s="12">
        <v>258</v>
      </c>
      <c r="R116" s="12">
        <v>135</v>
      </c>
    </row>
    <row r="117" spans="1:18" s="4" customFormat="1" x14ac:dyDescent="0.15">
      <c r="A117" s="3"/>
      <c r="B117" s="3" t="s">
        <v>1569</v>
      </c>
      <c r="C117" s="12">
        <v>323</v>
      </c>
      <c r="D117" s="12">
        <v>594</v>
      </c>
      <c r="E117" s="12">
        <v>308</v>
      </c>
      <c r="F117" s="12">
        <v>286</v>
      </c>
      <c r="G117" s="12">
        <v>32</v>
      </c>
      <c r="H117" s="12">
        <v>42</v>
      </c>
      <c r="I117" s="12">
        <v>47</v>
      </c>
      <c r="J117" s="12">
        <v>58</v>
      </c>
      <c r="K117" s="12">
        <v>85</v>
      </c>
      <c r="L117" s="12">
        <v>86</v>
      </c>
      <c r="M117" s="12">
        <v>70</v>
      </c>
      <c r="N117" s="12">
        <v>174</v>
      </c>
      <c r="O117" s="12">
        <v>0</v>
      </c>
      <c r="P117" s="12">
        <v>54</v>
      </c>
      <c r="Q117" s="12">
        <v>324</v>
      </c>
      <c r="R117" s="12">
        <v>216</v>
      </c>
    </row>
    <row r="118" spans="1:18" s="4" customFormat="1" x14ac:dyDescent="0.15">
      <c r="A118" s="3"/>
      <c r="B118" s="3" t="s">
        <v>1570</v>
      </c>
      <c r="C118" s="12">
        <v>497</v>
      </c>
      <c r="D118" s="12">
        <v>1105</v>
      </c>
      <c r="E118" s="12">
        <v>541</v>
      </c>
      <c r="F118" s="12">
        <v>564</v>
      </c>
      <c r="G118" s="12">
        <v>105</v>
      </c>
      <c r="H118" s="12">
        <v>80</v>
      </c>
      <c r="I118" s="12">
        <v>105</v>
      </c>
      <c r="J118" s="12">
        <v>112</v>
      </c>
      <c r="K118" s="12">
        <v>132</v>
      </c>
      <c r="L118" s="12">
        <v>193</v>
      </c>
      <c r="M118" s="12">
        <v>183</v>
      </c>
      <c r="N118" s="12">
        <v>195</v>
      </c>
      <c r="O118" s="12">
        <v>0</v>
      </c>
      <c r="P118" s="12">
        <v>144</v>
      </c>
      <c r="Q118" s="12">
        <v>685</v>
      </c>
      <c r="R118" s="12">
        <v>276</v>
      </c>
    </row>
    <row r="119" spans="1:18" s="4" customFormat="1" x14ac:dyDescent="0.15">
      <c r="A119" s="3"/>
      <c r="B119" s="3" t="s">
        <v>1571</v>
      </c>
      <c r="C119" s="12">
        <v>285</v>
      </c>
      <c r="D119" s="12">
        <v>577</v>
      </c>
      <c r="E119" s="12">
        <v>288</v>
      </c>
      <c r="F119" s="12">
        <v>289</v>
      </c>
      <c r="G119" s="12">
        <v>36</v>
      </c>
      <c r="H119" s="12">
        <v>35</v>
      </c>
      <c r="I119" s="12">
        <v>63</v>
      </c>
      <c r="J119" s="12">
        <v>70</v>
      </c>
      <c r="K119" s="12">
        <v>69</v>
      </c>
      <c r="L119" s="12">
        <v>51</v>
      </c>
      <c r="M119" s="12">
        <v>86</v>
      </c>
      <c r="N119" s="12">
        <v>167</v>
      </c>
      <c r="O119" s="12">
        <v>0</v>
      </c>
      <c r="P119" s="12">
        <v>49</v>
      </c>
      <c r="Q119" s="12">
        <v>320</v>
      </c>
      <c r="R119" s="12">
        <v>208</v>
      </c>
    </row>
    <row r="120" spans="1:18" s="4" customFormat="1" x14ac:dyDescent="0.15">
      <c r="A120" s="3"/>
      <c r="B120" s="3" t="s">
        <v>1572</v>
      </c>
      <c r="C120" s="12">
        <v>30</v>
      </c>
      <c r="D120" s="12">
        <v>62</v>
      </c>
      <c r="E120" s="12">
        <v>34</v>
      </c>
      <c r="F120" s="12">
        <v>28</v>
      </c>
      <c r="G120" s="12">
        <v>7</v>
      </c>
      <c r="H120" s="12">
        <v>3</v>
      </c>
      <c r="I120" s="12">
        <v>9</v>
      </c>
      <c r="J120" s="12">
        <v>15</v>
      </c>
      <c r="K120" s="12">
        <v>10</v>
      </c>
      <c r="L120" s="12">
        <v>11</v>
      </c>
      <c r="M120" s="12">
        <v>4</v>
      </c>
      <c r="N120" s="12">
        <v>3</v>
      </c>
      <c r="O120" s="12">
        <v>0</v>
      </c>
      <c r="P120" s="12">
        <v>8</v>
      </c>
      <c r="Q120" s="12">
        <v>48</v>
      </c>
      <c r="R120" s="12">
        <v>6</v>
      </c>
    </row>
    <row r="121" spans="1:18" s="4" customFormat="1" x14ac:dyDescent="0.15">
      <c r="A121" s="3"/>
      <c r="B121" s="3" t="s">
        <v>1573</v>
      </c>
      <c r="C121" s="12">
        <v>403</v>
      </c>
      <c r="D121" s="12">
        <v>843</v>
      </c>
      <c r="E121" s="12">
        <v>459</v>
      </c>
      <c r="F121" s="12">
        <v>384</v>
      </c>
      <c r="G121" s="12">
        <v>80</v>
      </c>
      <c r="H121" s="12">
        <v>74</v>
      </c>
      <c r="I121" s="12">
        <v>111</v>
      </c>
      <c r="J121" s="12">
        <v>117</v>
      </c>
      <c r="K121" s="12">
        <v>131</v>
      </c>
      <c r="L121" s="12">
        <v>95</v>
      </c>
      <c r="M121" s="12">
        <v>67</v>
      </c>
      <c r="N121" s="12">
        <v>168</v>
      </c>
      <c r="O121" s="12">
        <v>0</v>
      </c>
      <c r="P121" s="12">
        <v>115</v>
      </c>
      <c r="Q121" s="12">
        <v>519</v>
      </c>
      <c r="R121" s="12">
        <v>209</v>
      </c>
    </row>
    <row r="122" spans="1:18" s="4" customFormat="1" x14ac:dyDescent="0.15">
      <c r="A122" s="3"/>
      <c r="B122" s="3" t="s">
        <v>1574</v>
      </c>
      <c r="C122" s="12">
        <v>306</v>
      </c>
      <c r="D122" s="12">
        <v>746</v>
      </c>
      <c r="E122" s="12">
        <v>398</v>
      </c>
      <c r="F122" s="12">
        <v>348</v>
      </c>
      <c r="G122" s="12">
        <v>56</v>
      </c>
      <c r="H122" s="12">
        <v>114</v>
      </c>
      <c r="I122" s="12">
        <v>87</v>
      </c>
      <c r="J122" s="12">
        <v>82</v>
      </c>
      <c r="K122" s="12">
        <v>152</v>
      </c>
      <c r="L122" s="12">
        <v>111</v>
      </c>
      <c r="M122" s="12">
        <v>55</v>
      </c>
      <c r="N122" s="12">
        <v>89</v>
      </c>
      <c r="O122" s="12">
        <v>0</v>
      </c>
      <c r="P122" s="12">
        <v>105</v>
      </c>
      <c r="Q122" s="12">
        <v>522</v>
      </c>
      <c r="R122" s="12">
        <v>119</v>
      </c>
    </row>
    <row r="123" spans="1:18" s="4" customFormat="1" x14ac:dyDescent="0.15">
      <c r="A123" s="3"/>
      <c r="B123" s="3" t="s">
        <v>1575</v>
      </c>
      <c r="C123" s="12">
        <v>84</v>
      </c>
      <c r="D123" s="12">
        <v>198</v>
      </c>
      <c r="E123" s="12">
        <v>98</v>
      </c>
      <c r="F123" s="12">
        <v>100</v>
      </c>
      <c r="G123" s="12">
        <v>17</v>
      </c>
      <c r="H123" s="12">
        <v>27</v>
      </c>
      <c r="I123" s="12">
        <v>18</v>
      </c>
      <c r="J123" s="12">
        <v>21</v>
      </c>
      <c r="K123" s="12">
        <v>47</v>
      </c>
      <c r="L123" s="12">
        <v>26</v>
      </c>
      <c r="M123" s="12">
        <v>19</v>
      </c>
      <c r="N123" s="12">
        <v>23</v>
      </c>
      <c r="O123" s="12">
        <v>0</v>
      </c>
      <c r="P123" s="12">
        <v>27</v>
      </c>
      <c r="Q123" s="12">
        <v>140</v>
      </c>
      <c r="R123" s="12">
        <v>31</v>
      </c>
    </row>
    <row r="124" spans="1:18" s="4" customFormat="1" x14ac:dyDescent="0.15">
      <c r="A124" s="3"/>
      <c r="B124" s="3" t="s">
        <v>1576</v>
      </c>
      <c r="C124" s="12">
        <v>807</v>
      </c>
      <c r="D124" s="12">
        <v>1791</v>
      </c>
      <c r="E124" s="12">
        <v>872</v>
      </c>
      <c r="F124" s="12">
        <v>919</v>
      </c>
      <c r="G124" s="12">
        <v>123</v>
      </c>
      <c r="H124" s="12">
        <v>173</v>
      </c>
      <c r="I124" s="12">
        <v>203</v>
      </c>
      <c r="J124" s="12">
        <v>209</v>
      </c>
      <c r="K124" s="12">
        <v>283</v>
      </c>
      <c r="L124" s="12">
        <v>243</v>
      </c>
      <c r="M124" s="12">
        <v>195</v>
      </c>
      <c r="N124" s="12">
        <v>362</v>
      </c>
      <c r="O124" s="12">
        <v>0</v>
      </c>
      <c r="P124" s="12">
        <v>199</v>
      </c>
      <c r="Q124" s="12">
        <v>1142</v>
      </c>
      <c r="R124" s="12">
        <v>450</v>
      </c>
    </row>
    <row r="125" spans="1:18" s="4" customFormat="1" x14ac:dyDescent="0.15">
      <c r="A125" s="3"/>
      <c r="B125" s="3" t="s">
        <v>1577</v>
      </c>
      <c r="C125" s="12">
        <v>1068</v>
      </c>
      <c r="D125" s="12">
        <v>2134</v>
      </c>
      <c r="E125" s="12">
        <v>1093</v>
      </c>
      <c r="F125" s="12">
        <v>1041</v>
      </c>
      <c r="G125" s="12">
        <v>179</v>
      </c>
      <c r="H125" s="12">
        <v>174</v>
      </c>
      <c r="I125" s="12">
        <v>222</v>
      </c>
      <c r="J125" s="12">
        <v>248</v>
      </c>
      <c r="K125" s="12">
        <v>295</v>
      </c>
      <c r="L125" s="12">
        <v>244</v>
      </c>
      <c r="M125" s="12">
        <v>206</v>
      </c>
      <c r="N125" s="12">
        <v>566</v>
      </c>
      <c r="O125" s="12">
        <v>0</v>
      </c>
      <c r="P125" s="12">
        <v>275</v>
      </c>
      <c r="Q125" s="12">
        <v>1185</v>
      </c>
      <c r="R125" s="12">
        <v>674</v>
      </c>
    </row>
    <row r="126" spans="1:18" s="4" customFormat="1" x14ac:dyDescent="0.15">
      <c r="A126" s="3"/>
      <c r="B126" s="3" t="s">
        <v>1578</v>
      </c>
      <c r="C126" s="12">
        <v>1041</v>
      </c>
      <c r="D126" s="12">
        <v>1897</v>
      </c>
      <c r="E126" s="12">
        <v>944</v>
      </c>
      <c r="F126" s="12">
        <v>953</v>
      </c>
      <c r="G126" s="12">
        <v>86</v>
      </c>
      <c r="H126" s="12">
        <v>146</v>
      </c>
      <c r="I126" s="12">
        <v>198</v>
      </c>
      <c r="J126" s="12">
        <v>185</v>
      </c>
      <c r="K126" s="12">
        <v>249</v>
      </c>
      <c r="L126" s="12">
        <v>280</v>
      </c>
      <c r="M126" s="12">
        <v>218</v>
      </c>
      <c r="N126" s="12">
        <v>535</v>
      </c>
      <c r="O126" s="12">
        <v>0</v>
      </c>
      <c r="P126" s="12">
        <v>158</v>
      </c>
      <c r="Q126" s="12">
        <v>1095</v>
      </c>
      <c r="R126" s="12">
        <v>644</v>
      </c>
    </row>
    <row r="127" spans="1:18" s="4" customFormat="1" x14ac:dyDescent="0.15">
      <c r="A127" s="3"/>
      <c r="B127" s="3" t="s">
        <v>1579</v>
      </c>
      <c r="C127" s="12">
        <v>582</v>
      </c>
      <c r="D127" s="12">
        <v>1081</v>
      </c>
      <c r="E127" s="12">
        <v>591</v>
      </c>
      <c r="F127" s="12">
        <v>490</v>
      </c>
      <c r="G127" s="12">
        <v>39</v>
      </c>
      <c r="H127" s="12">
        <v>92</v>
      </c>
      <c r="I127" s="12">
        <v>133</v>
      </c>
      <c r="J127" s="12">
        <v>96</v>
      </c>
      <c r="K127" s="12">
        <v>169</v>
      </c>
      <c r="L127" s="12">
        <v>181</v>
      </c>
      <c r="M127" s="12">
        <v>125</v>
      </c>
      <c r="N127" s="12">
        <v>246</v>
      </c>
      <c r="O127" s="12">
        <v>0</v>
      </c>
      <c r="P127" s="12">
        <v>78</v>
      </c>
      <c r="Q127" s="12">
        <v>699</v>
      </c>
      <c r="R127" s="12">
        <v>304</v>
      </c>
    </row>
    <row r="128" spans="1:18" s="4" customFormat="1" x14ac:dyDescent="0.15">
      <c r="A128" s="3"/>
      <c r="B128" s="3" t="s">
        <v>1580</v>
      </c>
      <c r="C128" s="12">
        <v>619</v>
      </c>
      <c r="D128" s="12">
        <v>1352</v>
      </c>
      <c r="E128" s="12">
        <v>657</v>
      </c>
      <c r="F128" s="12">
        <v>695</v>
      </c>
      <c r="G128" s="12">
        <v>118</v>
      </c>
      <c r="H128" s="12">
        <v>108</v>
      </c>
      <c r="I128" s="12">
        <v>129</v>
      </c>
      <c r="J128" s="12">
        <v>199</v>
      </c>
      <c r="K128" s="12">
        <v>188</v>
      </c>
      <c r="L128" s="12">
        <v>174</v>
      </c>
      <c r="M128" s="12">
        <v>159</v>
      </c>
      <c r="N128" s="12">
        <v>277</v>
      </c>
      <c r="O128" s="12">
        <v>0</v>
      </c>
      <c r="P128" s="12">
        <v>181</v>
      </c>
      <c r="Q128" s="12">
        <v>826</v>
      </c>
      <c r="R128" s="12">
        <v>345</v>
      </c>
    </row>
    <row r="129" spans="1:18" s="4" customFormat="1" x14ac:dyDescent="0.15">
      <c r="A129" s="3"/>
      <c r="B129" s="3" t="s">
        <v>1581</v>
      </c>
      <c r="C129" s="12">
        <v>1781</v>
      </c>
      <c r="D129" s="12">
        <v>3385</v>
      </c>
      <c r="E129" s="12">
        <v>1755</v>
      </c>
      <c r="F129" s="12">
        <v>1630</v>
      </c>
      <c r="G129" s="12">
        <v>219</v>
      </c>
      <c r="H129" s="12">
        <v>256</v>
      </c>
      <c r="I129" s="12">
        <v>416</v>
      </c>
      <c r="J129" s="12">
        <v>350</v>
      </c>
      <c r="K129" s="12">
        <v>378</v>
      </c>
      <c r="L129" s="12">
        <v>447</v>
      </c>
      <c r="M129" s="12">
        <v>480</v>
      </c>
      <c r="N129" s="12">
        <v>839</v>
      </c>
      <c r="O129" s="12">
        <v>0</v>
      </c>
      <c r="P129" s="12">
        <v>327</v>
      </c>
      <c r="Q129" s="12">
        <v>1938</v>
      </c>
      <c r="R129" s="12">
        <v>1120</v>
      </c>
    </row>
    <row r="130" spans="1:18" s="4" customFormat="1" x14ac:dyDescent="0.15">
      <c r="A130" s="3"/>
      <c r="B130" s="3" t="s">
        <v>1582</v>
      </c>
      <c r="C130" s="12">
        <v>376</v>
      </c>
      <c r="D130" s="12">
        <v>623</v>
      </c>
      <c r="E130" s="12">
        <v>315</v>
      </c>
      <c r="F130" s="12">
        <v>308</v>
      </c>
      <c r="G130" s="12">
        <v>31</v>
      </c>
      <c r="H130" s="12">
        <v>46</v>
      </c>
      <c r="I130" s="12">
        <v>84</v>
      </c>
      <c r="J130" s="12">
        <v>48</v>
      </c>
      <c r="K130" s="12">
        <v>51</v>
      </c>
      <c r="L130" s="12">
        <v>82</v>
      </c>
      <c r="M130" s="12">
        <v>89</v>
      </c>
      <c r="N130" s="12">
        <v>192</v>
      </c>
      <c r="O130" s="12">
        <v>0</v>
      </c>
      <c r="P130" s="12">
        <v>47</v>
      </c>
      <c r="Q130" s="12">
        <v>328</v>
      </c>
      <c r="R130" s="12">
        <v>248</v>
      </c>
    </row>
    <row r="131" spans="1:18" s="4" customFormat="1" x14ac:dyDescent="0.15">
      <c r="A131" s="3"/>
      <c r="B131" s="3" t="s">
        <v>1583</v>
      </c>
      <c r="C131" s="12">
        <v>932</v>
      </c>
      <c r="D131" s="12">
        <v>1642</v>
      </c>
      <c r="E131" s="12">
        <v>949</v>
      </c>
      <c r="F131" s="12">
        <v>693</v>
      </c>
      <c r="G131" s="12">
        <v>128</v>
      </c>
      <c r="H131" s="12">
        <v>89</v>
      </c>
      <c r="I131" s="12">
        <v>245</v>
      </c>
      <c r="J131" s="12">
        <v>227</v>
      </c>
      <c r="K131" s="12">
        <v>209</v>
      </c>
      <c r="L131" s="12">
        <v>244</v>
      </c>
      <c r="M131" s="12">
        <v>217</v>
      </c>
      <c r="N131" s="12">
        <v>283</v>
      </c>
      <c r="O131" s="12">
        <v>0</v>
      </c>
      <c r="P131" s="12">
        <v>165</v>
      </c>
      <c r="Q131" s="12">
        <v>1087</v>
      </c>
      <c r="R131" s="12">
        <v>390</v>
      </c>
    </row>
    <row r="132" spans="1:18" s="4" customFormat="1" x14ac:dyDescent="0.15">
      <c r="A132" s="3"/>
      <c r="B132" s="3" t="s">
        <v>1584</v>
      </c>
      <c r="C132" s="12">
        <v>398</v>
      </c>
      <c r="D132" s="12">
        <v>891</v>
      </c>
      <c r="E132" s="12">
        <v>451</v>
      </c>
      <c r="F132" s="12">
        <v>440</v>
      </c>
      <c r="G132" s="12">
        <v>90</v>
      </c>
      <c r="H132" s="12">
        <v>81</v>
      </c>
      <c r="I132" s="12">
        <v>79</v>
      </c>
      <c r="J132" s="12">
        <v>151</v>
      </c>
      <c r="K132" s="12">
        <v>109</v>
      </c>
      <c r="L132" s="12">
        <v>99</v>
      </c>
      <c r="M132" s="12">
        <v>92</v>
      </c>
      <c r="N132" s="12">
        <v>190</v>
      </c>
      <c r="O132" s="12">
        <v>0</v>
      </c>
      <c r="P132" s="12">
        <v>133</v>
      </c>
      <c r="Q132" s="12">
        <v>512</v>
      </c>
      <c r="R132" s="12">
        <v>246</v>
      </c>
    </row>
    <row r="133" spans="1:18" s="4" customFormat="1" x14ac:dyDescent="0.15">
      <c r="A133" s="3"/>
      <c r="B133" s="3" t="s">
        <v>1379</v>
      </c>
      <c r="C133" s="12">
        <v>763</v>
      </c>
      <c r="D133" s="12">
        <v>1596</v>
      </c>
      <c r="E133" s="12">
        <v>813</v>
      </c>
      <c r="F133" s="12">
        <v>783</v>
      </c>
      <c r="G133" s="12">
        <v>96</v>
      </c>
      <c r="H133" s="12">
        <v>84</v>
      </c>
      <c r="I133" s="12">
        <v>197</v>
      </c>
      <c r="J133" s="12">
        <v>193</v>
      </c>
      <c r="K133" s="12">
        <v>163</v>
      </c>
      <c r="L133" s="12">
        <v>227</v>
      </c>
      <c r="M133" s="12">
        <v>221</v>
      </c>
      <c r="N133" s="12">
        <v>415</v>
      </c>
      <c r="O133" s="12">
        <v>0</v>
      </c>
      <c r="P133" s="12">
        <v>138</v>
      </c>
      <c r="Q133" s="12">
        <v>930</v>
      </c>
      <c r="R133" s="12">
        <v>528</v>
      </c>
    </row>
    <row r="134" spans="1:18" s="4" customFormat="1" x14ac:dyDescent="0.15">
      <c r="A134" s="3"/>
      <c r="B134" s="3" t="s">
        <v>1585</v>
      </c>
      <c r="C134" s="12">
        <v>63</v>
      </c>
      <c r="D134" s="12">
        <v>110</v>
      </c>
      <c r="E134" s="12">
        <v>58</v>
      </c>
      <c r="F134" s="12">
        <v>52</v>
      </c>
      <c r="G134" s="12">
        <v>7</v>
      </c>
      <c r="H134" s="12">
        <v>11</v>
      </c>
      <c r="I134" s="12">
        <v>16</v>
      </c>
      <c r="J134" s="12">
        <v>10</v>
      </c>
      <c r="K134" s="12">
        <v>18</v>
      </c>
      <c r="L134" s="12">
        <v>16</v>
      </c>
      <c r="M134" s="12">
        <v>20</v>
      </c>
      <c r="N134" s="12">
        <v>12</v>
      </c>
      <c r="O134" s="12">
        <v>0</v>
      </c>
      <c r="P134" s="12">
        <v>13</v>
      </c>
      <c r="Q134" s="12">
        <v>74</v>
      </c>
      <c r="R134" s="12">
        <v>23</v>
      </c>
    </row>
    <row r="135" spans="1:18" s="4" customFormat="1" x14ac:dyDescent="0.15">
      <c r="A135" s="3"/>
      <c r="B135" s="3" t="s">
        <v>1586</v>
      </c>
      <c r="C135" s="12">
        <v>1053</v>
      </c>
      <c r="D135" s="12">
        <v>1665</v>
      </c>
      <c r="E135" s="12">
        <v>913</v>
      </c>
      <c r="F135" s="12">
        <v>752</v>
      </c>
      <c r="G135" s="12">
        <v>79</v>
      </c>
      <c r="H135" s="12">
        <v>121</v>
      </c>
      <c r="I135" s="12">
        <v>177</v>
      </c>
      <c r="J135" s="12">
        <v>182</v>
      </c>
      <c r="K135" s="12">
        <v>215</v>
      </c>
      <c r="L135" s="12">
        <v>200</v>
      </c>
      <c r="M135" s="12">
        <v>216</v>
      </c>
      <c r="N135" s="12">
        <v>475</v>
      </c>
      <c r="O135" s="12">
        <v>0</v>
      </c>
      <c r="P135" s="12">
        <v>135</v>
      </c>
      <c r="Q135" s="12">
        <v>932</v>
      </c>
      <c r="R135" s="12">
        <v>598</v>
      </c>
    </row>
    <row r="136" spans="1:18" s="4" customFormat="1" x14ac:dyDescent="0.15">
      <c r="A136" s="3"/>
      <c r="B136" s="3" t="s">
        <v>1587</v>
      </c>
      <c r="C136" s="12">
        <v>464</v>
      </c>
      <c r="D136" s="12">
        <v>950</v>
      </c>
      <c r="E136" s="12">
        <v>468</v>
      </c>
      <c r="F136" s="12">
        <v>482</v>
      </c>
      <c r="G136" s="12">
        <v>65</v>
      </c>
      <c r="H136" s="12">
        <v>68</v>
      </c>
      <c r="I136" s="12">
        <v>113</v>
      </c>
      <c r="J136" s="12">
        <v>126</v>
      </c>
      <c r="K136" s="12">
        <v>135</v>
      </c>
      <c r="L136" s="12">
        <v>152</v>
      </c>
      <c r="M136" s="12">
        <v>130</v>
      </c>
      <c r="N136" s="12">
        <v>161</v>
      </c>
      <c r="O136" s="12">
        <v>0</v>
      </c>
      <c r="P136" s="12">
        <v>91</v>
      </c>
      <c r="Q136" s="12">
        <v>631</v>
      </c>
      <c r="R136" s="12">
        <v>228</v>
      </c>
    </row>
    <row r="137" spans="1:18" s="4" customFormat="1" x14ac:dyDescent="0.15">
      <c r="A137" s="3"/>
      <c r="B137" s="3" t="s">
        <v>1588</v>
      </c>
      <c r="C137" s="12">
        <v>1047</v>
      </c>
      <c r="D137" s="12">
        <v>2009</v>
      </c>
      <c r="E137" s="12">
        <v>1012</v>
      </c>
      <c r="F137" s="12">
        <v>997</v>
      </c>
      <c r="G137" s="12">
        <v>104</v>
      </c>
      <c r="H137" s="12">
        <v>138</v>
      </c>
      <c r="I137" s="12">
        <v>233</v>
      </c>
      <c r="J137" s="12">
        <v>258</v>
      </c>
      <c r="K137" s="12">
        <v>262</v>
      </c>
      <c r="L137" s="12">
        <v>281</v>
      </c>
      <c r="M137" s="12">
        <v>238</v>
      </c>
      <c r="N137" s="12">
        <v>495</v>
      </c>
      <c r="O137" s="12">
        <v>0</v>
      </c>
      <c r="P137" s="12">
        <v>153</v>
      </c>
      <c r="Q137" s="12">
        <v>1244</v>
      </c>
      <c r="R137" s="12">
        <v>612</v>
      </c>
    </row>
    <row r="138" spans="1:18" s="4" customFormat="1" x14ac:dyDescent="0.15">
      <c r="A138" s="3"/>
      <c r="B138" s="3" t="s">
        <v>1589</v>
      </c>
      <c r="C138" s="12">
        <v>1488</v>
      </c>
      <c r="D138" s="12">
        <v>3067</v>
      </c>
      <c r="E138" s="12">
        <v>1437</v>
      </c>
      <c r="F138" s="12">
        <v>1630</v>
      </c>
      <c r="G138" s="12">
        <v>201</v>
      </c>
      <c r="H138" s="12">
        <v>255</v>
      </c>
      <c r="I138" s="12">
        <v>374</v>
      </c>
      <c r="J138" s="12">
        <v>299</v>
      </c>
      <c r="K138" s="12">
        <v>387</v>
      </c>
      <c r="L138" s="12">
        <v>536</v>
      </c>
      <c r="M138" s="12">
        <v>406</v>
      </c>
      <c r="N138" s="12">
        <v>609</v>
      </c>
      <c r="O138" s="12">
        <v>0</v>
      </c>
      <c r="P138" s="12">
        <v>308</v>
      </c>
      <c r="Q138" s="12">
        <v>1946</v>
      </c>
      <c r="R138" s="12">
        <v>813</v>
      </c>
    </row>
    <row r="139" spans="1:18" s="4" customFormat="1" x14ac:dyDescent="0.15">
      <c r="A139" s="3"/>
      <c r="B139" s="3" t="s">
        <v>1590</v>
      </c>
      <c r="C139" s="12">
        <v>613</v>
      </c>
      <c r="D139" s="12">
        <v>1363</v>
      </c>
      <c r="E139" s="12">
        <v>684</v>
      </c>
      <c r="F139" s="12">
        <v>679</v>
      </c>
      <c r="G139" s="12">
        <v>124</v>
      </c>
      <c r="H139" s="12">
        <v>106</v>
      </c>
      <c r="I139" s="12">
        <v>157</v>
      </c>
      <c r="J139" s="12">
        <v>210</v>
      </c>
      <c r="K139" s="12">
        <v>173</v>
      </c>
      <c r="L139" s="12">
        <v>198</v>
      </c>
      <c r="M139" s="12">
        <v>151</v>
      </c>
      <c r="N139" s="12">
        <v>244</v>
      </c>
      <c r="O139" s="12">
        <v>0</v>
      </c>
      <c r="P139" s="12">
        <v>176</v>
      </c>
      <c r="Q139" s="12">
        <v>860</v>
      </c>
      <c r="R139" s="12">
        <v>327</v>
      </c>
    </row>
    <row r="140" spans="1:18" s="4" customFormat="1" x14ac:dyDescent="0.15">
      <c r="A140" s="3"/>
      <c r="B140" s="3" t="s">
        <v>1591</v>
      </c>
      <c r="C140" s="12">
        <v>721</v>
      </c>
      <c r="D140" s="12">
        <v>1516</v>
      </c>
      <c r="E140" s="12">
        <v>718</v>
      </c>
      <c r="F140" s="12">
        <v>798</v>
      </c>
      <c r="G140" s="12">
        <v>76</v>
      </c>
      <c r="H140" s="12">
        <v>122</v>
      </c>
      <c r="I140" s="12">
        <v>146</v>
      </c>
      <c r="J140" s="12">
        <v>123</v>
      </c>
      <c r="K140" s="12">
        <v>223</v>
      </c>
      <c r="L140" s="12">
        <v>228</v>
      </c>
      <c r="M140" s="12">
        <v>216</v>
      </c>
      <c r="N140" s="12">
        <v>382</v>
      </c>
      <c r="O140" s="12">
        <v>0</v>
      </c>
      <c r="P140" s="12">
        <v>119</v>
      </c>
      <c r="Q140" s="12">
        <v>901</v>
      </c>
      <c r="R140" s="12">
        <v>496</v>
      </c>
    </row>
    <row r="141" spans="1:18" s="4" customFormat="1" x14ac:dyDescent="0.15">
      <c r="A141" s="3"/>
      <c r="B141" s="3" t="s">
        <v>1592</v>
      </c>
      <c r="C141" s="12">
        <v>1</v>
      </c>
      <c r="D141" s="12">
        <v>3</v>
      </c>
      <c r="E141" s="12">
        <v>2</v>
      </c>
      <c r="F141" s="12">
        <v>1</v>
      </c>
      <c r="G141" s="12" t="s">
        <v>132</v>
      </c>
      <c r="H141" s="12" t="s">
        <v>132</v>
      </c>
      <c r="I141" s="12" t="s">
        <v>132</v>
      </c>
      <c r="J141" s="12" t="s">
        <v>132</v>
      </c>
      <c r="K141" s="12" t="s">
        <v>132</v>
      </c>
      <c r="L141" s="12" t="s">
        <v>132</v>
      </c>
      <c r="M141" s="12" t="s">
        <v>132</v>
      </c>
      <c r="N141" s="12" t="s">
        <v>132</v>
      </c>
      <c r="O141" s="12" t="s">
        <v>132</v>
      </c>
      <c r="P141" s="12" t="s">
        <v>132</v>
      </c>
      <c r="Q141" s="12" t="s">
        <v>132</v>
      </c>
      <c r="R141" s="12" t="s">
        <v>132</v>
      </c>
    </row>
    <row r="142" spans="1:18" s="4" customFormat="1" x14ac:dyDescent="0.15">
      <c r="A142" s="3"/>
      <c r="B142" s="3" t="s">
        <v>1593</v>
      </c>
      <c r="C142" s="12">
        <v>811</v>
      </c>
      <c r="D142" s="12">
        <v>1530</v>
      </c>
      <c r="E142" s="12">
        <v>769</v>
      </c>
      <c r="F142" s="12">
        <v>761</v>
      </c>
      <c r="G142" s="12">
        <v>84</v>
      </c>
      <c r="H142" s="12">
        <v>96</v>
      </c>
      <c r="I142" s="12">
        <v>168</v>
      </c>
      <c r="J142" s="12">
        <v>162</v>
      </c>
      <c r="K142" s="12">
        <v>189</v>
      </c>
      <c r="L142" s="12">
        <v>248</v>
      </c>
      <c r="M142" s="12">
        <v>215</v>
      </c>
      <c r="N142" s="12">
        <v>368</v>
      </c>
      <c r="O142" s="12">
        <v>0</v>
      </c>
      <c r="P142" s="12">
        <v>133</v>
      </c>
      <c r="Q142" s="12">
        <v>935</v>
      </c>
      <c r="R142" s="12">
        <v>462</v>
      </c>
    </row>
    <row r="143" spans="1:18" s="4" customFormat="1" x14ac:dyDescent="0.15">
      <c r="A143" s="3"/>
      <c r="B143" s="3" t="s">
        <v>1594</v>
      </c>
      <c r="C143" s="12">
        <v>581</v>
      </c>
      <c r="D143" s="12">
        <v>1012</v>
      </c>
      <c r="E143" s="12">
        <v>532</v>
      </c>
      <c r="F143" s="12">
        <v>480</v>
      </c>
      <c r="G143" s="12">
        <v>45</v>
      </c>
      <c r="H143" s="12">
        <v>45</v>
      </c>
      <c r="I143" s="12">
        <v>126</v>
      </c>
      <c r="J143" s="12">
        <v>99</v>
      </c>
      <c r="K143" s="12">
        <v>114</v>
      </c>
      <c r="L143" s="12">
        <v>133</v>
      </c>
      <c r="M143" s="12">
        <v>159</v>
      </c>
      <c r="N143" s="12">
        <v>291</v>
      </c>
      <c r="O143" s="12">
        <v>0</v>
      </c>
      <c r="P143" s="12">
        <v>63</v>
      </c>
      <c r="Q143" s="12">
        <v>577</v>
      </c>
      <c r="R143" s="12">
        <v>372</v>
      </c>
    </row>
    <row r="144" spans="1:18" s="4" customFormat="1" x14ac:dyDescent="0.15">
      <c r="A144" s="3"/>
      <c r="B144" s="3" t="s">
        <v>1595</v>
      </c>
      <c r="C144" s="12">
        <v>611</v>
      </c>
      <c r="D144" s="12">
        <v>1235</v>
      </c>
      <c r="E144" s="12">
        <v>625</v>
      </c>
      <c r="F144" s="12">
        <v>610</v>
      </c>
      <c r="G144" s="12">
        <v>91</v>
      </c>
      <c r="H144" s="12">
        <v>95</v>
      </c>
      <c r="I144" s="12">
        <v>149</v>
      </c>
      <c r="J144" s="12">
        <v>176</v>
      </c>
      <c r="K144" s="12">
        <v>159</v>
      </c>
      <c r="L144" s="12">
        <v>125</v>
      </c>
      <c r="M144" s="12">
        <v>151</v>
      </c>
      <c r="N144" s="12">
        <v>289</v>
      </c>
      <c r="O144" s="12">
        <v>0</v>
      </c>
      <c r="P144" s="12">
        <v>144</v>
      </c>
      <c r="Q144" s="12">
        <v>729</v>
      </c>
      <c r="R144" s="12">
        <v>362</v>
      </c>
    </row>
    <row r="145" spans="1:18" s="4" customFormat="1" x14ac:dyDescent="0.15">
      <c r="A145" s="3"/>
      <c r="B145" s="3" t="s">
        <v>1596</v>
      </c>
      <c r="C145" s="12">
        <v>671</v>
      </c>
      <c r="D145" s="12">
        <v>1290</v>
      </c>
      <c r="E145" s="12">
        <v>660</v>
      </c>
      <c r="F145" s="12">
        <v>630</v>
      </c>
      <c r="G145" s="12">
        <v>117</v>
      </c>
      <c r="H145" s="12">
        <v>108</v>
      </c>
      <c r="I145" s="12">
        <v>140</v>
      </c>
      <c r="J145" s="12">
        <v>163</v>
      </c>
      <c r="K145" s="12">
        <v>146</v>
      </c>
      <c r="L145" s="12">
        <v>171</v>
      </c>
      <c r="M145" s="12">
        <v>136</v>
      </c>
      <c r="N145" s="12">
        <v>309</v>
      </c>
      <c r="O145" s="12">
        <v>0</v>
      </c>
      <c r="P145" s="12">
        <v>169</v>
      </c>
      <c r="Q145" s="12">
        <v>747</v>
      </c>
      <c r="R145" s="12">
        <v>374</v>
      </c>
    </row>
    <row r="146" spans="1:18" s="4" customFormat="1" x14ac:dyDescent="0.15">
      <c r="A146" s="3"/>
      <c r="B146" s="3" t="s">
        <v>1597</v>
      </c>
      <c r="C146" s="12">
        <v>417</v>
      </c>
      <c r="D146" s="12">
        <v>798</v>
      </c>
      <c r="E146" s="12">
        <v>385</v>
      </c>
      <c r="F146" s="12">
        <v>413</v>
      </c>
      <c r="G146" s="12">
        <v>59</v>
      </c>
      <c r="H146" s="12">
        <v>62</v>
      </c>
      <c r="I146" s="12">
        <v>63</v>
      </c>
      <c r="J146" s="12">
        <v>92</v>
      </c>
      <c r="K146" s="12">
        <v>114</v>
      </c>
      <c r="L146" s="12">
        <v>85</v>
      </c>
      <c r="M146" s="12">
        <v>78</v>
      </c>
      <c r="N146" s="12">
        <v>245</v>
      </c>
      <c r="O146" s="12">
        <v>0</v>
      </c>
      <c r="P146" s="12">
        <v>95</v>
      </c>
      <c r="Q146" s="12">
        <v>416</v>
      </c>
      <c r="R146" s="12">
        <v>287</v>
      </c>
    </row>
    <row r="147" spans="1:18" s="4" customFormat="1" x14ac:dyDescent="0.15">
      <c r="A147" s="3"/>
      <c r="B147" s="3" t="s">
        <v>1598</v>
      </c>
      <c r="C147" s="12">
        <v>530</v>
      </c>
      <c r="D147" s="12">
        <v>1024</v>
      </c>
      <c r="E147" s="12">
        <v>503</v>
      </c>
      <c r="F147" s="12">
        <v>521</v>
      </c>
      <c r="G147" s="12">
        <v>79</v>
      </c>
      <c r="H147" s="12">
        <v>58</v>
      </c>
      <c r="I147" s="12">
        <v>86</v>
      </c>
      <c r="J147" s="12">
        <v>127</v>
      </c>
      <c r="K147" s="12">
        <v>129</v>
      </c>
      <c r="L147" s="12">
        <v>135</v>
      </c>
      <c r="M147" s="12">
        <v>135</v>
      </c>
      <c r="N147" s="12">
        <v>275</v>
      </c>
      <c r="O147" s="12">
        <v>0</v>
      </c>
      <c r="P147" s="12">
        <v>115</v>
      </c>
      <c r="Q147" s="12">
        <v>563</v>
      </c>
      <c r="R147" s="12">
        <v>346</v>
      </c>
    </row>
    <row r="148" spans="1:18" s="4" customFormat="1" x14ac:dyDescent="0.15">
      <c r="A148" s="3"/>
      <c r="B148" s="3" t="s">
        <v>1599</v>
      </c>
      <c r="C148" s="12">
        <v>632</v>
      </c>
      <c r="D148" s="12">
        <v>1217</v>
      </c>
      <c r="E148" s="12">
        <v>657</v>
      </c>
      <c r="F148" s="12">
        <v>560</v>
      </c>
      <c r="G148" s="12">
        <v>93</v>
      </c>
      <c r="H148" s="12">
        <v>106</v>
      </c>
      <c r="I148" s="12">
        <v>113</v>
      </c>
      <c r="J148" s="12">
        <v>170</v>
      </c>
      <c r="K148" s="12">
        <v>187</v>
      </c>
      <c r="L148" s="12">
        <v>145</v>
      </c>
      <c r="M148" s="12">
        <v>148</v>
      </c>
      <c r="N148" s="12">
        <v>255</v>
      </c>
      <c r="O148" s="12">
        <v>0</v>
      </c>
      <c r="P148" s="12">
        <v>149</v>
      </c>
      <c r="Q148" s="12">
        <v>739</v>
      </c>
      <c r="R148" s="12">
        <v>329</v>
      </c>
    </row>
    <row r="149" spans="1:18" s="4" customFormat="1" x14ac:dyDescent="0.15">
      <c r="A149" s="3"/>
      <c r="B149" s="3" t="s">
        <v>1600</v>
      </c>
      <c r="C149" s="12">
        <v>256</v>
      </c>
      <c r="D149" s="12">
        <v>611</v>
      </c>
      <c r="E149" s="12">
        <v>284</v>
      </c>
      <c r="F149" s="12">
        <v>327</v>
      </c>
      <c r="G149" s="12">
        <v>41</v>
      </c>
      <c r="H149" s="12">
        <v>73</v>
      </c>
      <c r="I149" s="12">
        <v>51</v>
      </c>
      <c r="J149" s="12">
        <v>59</v>
      </c>
      <c r="K149" s="12">
        <v>101</v>
      </c>
      <c r="L149" s="12">
        <v>85</v>
      </c>
      <c r="M149" s="12">
        <v>78</v>
      </c>
      <c r="N149" s="12">
        <v>123</v>
      </c>
      <c r="O149" s="12">
        <v>0</v>
      </c>
      <c r="P149" s="12">
        <v>81</v>
      </c>
      <c r="Q149" s="12">
        <v>367</v>
      </c>
      <c r="R149" s="12">
        <v>163</v>
      </c>
    </row>
    <row r="150" spans="1:18" s="4" customFormat="1" x14ac:dyDescent="0.15">
      <c r="A150" s="3"/>
      <c r="B150" s="3"/>
      <c r="C150" s="12"/>
      <c r="D150" s="12"/>
      <c r="E150" s="12"/>
      <c r="F150" s="12"/>
      <c r="G150" s="12"/>
      <c r="H150" s="12"/>
      <c r="I150" s="12"/>
      <c r="J150" s="12"/>
      <c r="K150" s="12"/>
      <c r="L150" s="12"/>
      <c r="M150" s="12"/>
      <c r="N150" s="12"/>
      <c r="O150" s="12"/>
      <c r="P150" s="12"/>
      <c r="Q150" s="12"/>
      <c r="R150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2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1601</v>
      </c>
      <c r="B6" s="3"/>
      <c r="C6" s="12">
        <v>80181</v>
      </c>
      <c r="D6" s="12">
        <v>176084</v>
      </c>
      <c r="E6" s="12">
        <v>87097</v>
      </c>
      <c r="F6" s="12">
        <v>88987</v>
      </c>
      <c r="G6" s="12">
        <v>16469</v>
      </c>
      <c r="H6" s="12">
        <v>17423</v>
      </c>
      <c r="I6" s="12">
        <v>17656</v>
      </c>
      <c r="J6" s="12">
        <v>21202</v>
      </c>
      <c r="K6" s="12">
        <v>27469</v>
      </c>
      <c r="L6" s="12">
        <v>23981</v>
      </c>
      <c r="M6" s="12">
        <v>17495</v>
      </c>
      <c r="N6" s="12">
        <v>34389</v>
      </c>
      <c r="O6" s="12">
        <v>0</v>
      </c>
      <c r="P6" s="12">
        <v>25424</v>
      </c>
      <c r="Q6" s="12">
        <v>107317</v>
      </c>
      <c r="R6" s="12">
        <v>43343</v>
      </c>
    </row>
    <row r="7" spans="1:18" s="4" customFormat="1" x14ac:dyDescent="0.15">
      <c r="A7" s="3"/>
      <c r="B7" s="3" t="s">
        <v>1602</v>
      </c>
      <c r="C7" s="12">
        <v>426</v>
      </c>
      <c r="D7" s="12">
        <v>937</v>
      </c>
      <c r="E7" s="12">
        <v>455</v>
      </c>
      <c r="F7" s="12">
        <v>482</v>
      </c>
      <c r="G7" s="12">
        <v>73</v>
      </c>
      <c r="H7" s="12">
        <v>122</v>
      </c>
      <c r="I7" s="12">
        <v>73</v>
      </c>
      <c r="J7" s="12">
        <v>108</v>
      </c>
      <c r="K7" s="12">
        <v>148</v>
      </c>
      <c r="L7" s="12">
        <v>112</v>
      </c>
      <c r="M7" s="12">
        <v>106</v>
      </c>
      <c r="N7" s="12">
        <v>195</v>
      </c>
      <c r="O7" s="12">
        <v>0</v>
      </c>
      <c r="P7" s="12">
        <v>142</v>
      </c>
      <c r="Q7" s="12">
        <v>536</v>
      </c>
      <c r="R7" s="12">
        <v>259</v>
      </c>
    </row>
    <row r="8" spans="1:18" s="4" customFormat="1" x14ac:dyDescent="0.15">
      <c r="A8" s="3"/>
      <c r="B8" s="3" t="s">
        <v>1603</v>
      </c>
      <c r="C8" s="12">
        <v>357</v>
      </c>
      <c r="D8" s="12">
        <v>686</v>
      </c>
      <c r="E8" s="12">
        <v>360</v>
      </c>
      <c r="F8" s="12">
        <v>326</v>
      </c>
      <c r="G8" s="12">
        <v>55</v>
      </c>
      <c r="H8" s="12">
        <v>49</v>
      </c>
      <c r="I8" s="12">
        <v>82</v>
      </c>
      <c r="J8" s="12">
        <v>95</v>
      </c>
      <c r="K8" s="12">
        <v>102</v>
      </c>
      <c r="L8" s="12">
        <v>70</v>
      </c>
      <c r="M8" s="12">
        <v>91</v>
      </c>
      <c r="N8" s="12">
        <v>142</v>
      </c>
      <c r="O8" s="12">
        <v>0</v>
      </c>
      <c r="P8" s="12">
        <v>75</v>
      </c>
      <c r="Q8" s="12">
        <v>426</v>
      </c>
      <c r="R8" s="12">
        <v>185</v>
      </c>
    </row>
    <row r="9" spans="1:18" s="4" customFormat="1" x14ac:dyDescent="0.15">
      <c r="A9" s="3"/>
      <c r="B9" s="3" t="s">
        <v>1604</v>
      </c>
      <c r="C9" s="12">
        <v>704</v>
      </c>
      <c r="D9" s="12">
        <v>1370</v>
      </c>
      <c r="E9" s="12">
        <v>643</v>
      </c>
      <c r="F9" s="12">
        <v>727</v>
      </c>
      <c r="G9" s="12">
        <v>60</v>
      </c>
      <c r="H9" s="12">
        <v>98</v>
      </c>
      <c r="I9" s="12">
        <v>96</v>
      </c>
      <c r="J9" s="12">
        <v>129</v>
      </c>
      <c r="K9" s="12">
        <v>187</v>
      </c>
      <c r="L9" s="12">
        <v>157</v>
      </c>
      <c r="M9" s="12">
        <v>163</v>
      </c>
      <c r="N9" s="12">
        <v>480</v>
      </c>
      <c r="O9" s="12">
        <v>0</v>
      </c>
      <c r="P9" s="12">
        <v>102</v>
      </c>
      <c r="Q9" s="12">
        <v>692</v>
      </c>
      <c r="R9" s="12">
        <v>576</v>
      </c>
    </row>
    <row r="10" spans="1:18" s="4" customFormat="1" x14ac:dyDescent="0.15">
      <c r="A10" s="3"/>
      <c r="B10" s="3" t="s">
        <v>1605</v>
      </c>
      <c r="C10" s="12">
        <v>63</v>
      </c>
      <c r="D10" s="12">
        <v>139</v>
      </c>
      <c r="E10" s="12">
        <v>74</v>
      </c>
      <c r="F10" s="12">
        <v>65</v>
      </c>
      <c r="G10" s="12">
        <v>8</v>
      </c>
      <c r="H10" s="12">
        <v>8</v>
      </c>
      <c r="I10" s="12">
        <v>7</v>
      </c>
      <c r="J10" s="12">
        <v>16</v>
      </c>
      <c r="K10" s="12">
        <v>27</v>
      </c>
      <c r="L10" s="12">
        <v>14</v>
      </c>
      <c r="M10" s="12">
        <v>8</v>
      </c>
      <c r="N10" s="12">
        <v>51</v>
      </c>
      <c r="O10" s="12">
        <v>0</v>
      </c>
      <c r="P10" s="12">
        <v>12</v>
      </c>
      <c r="Q10" s="12">
        <v>72</v>
      </c>
      <c r="R10" s="12">
        <v>55</v>
      </c>
    </row>
    <row r="11" spans="1:18" s="4" customFormat="1" x14ac:dyDescent="0.15">
      <c r="A11" s="3"/>
      <c r="B11" s="3" t="s">
        <v>1606</v>
      </c>
      <c r="C11" s="12">
        <v>327</v>
      </c>
      <c r="D11" s="12">
        <v>745</v>
      </c>
      <c r="E11" s="12">
        <v>350</v>
      </c>
      <c r="F11" s="12">
        <v>395</v>
      </c>
      <c r="G11" s="12">
        <v>77</v>
      </c>
      <c r="H11" s="12">
        <v>75</v>
      </c>
      <c r="I11" s="12">
        <v>86</v>
      </c>
      <c r="J11" s="12">
        <v>101</v>
      </c>
      <c r="K11" s="12">
        <v>120</v>
      </c>
      <c r="L11" s="12">
        <v>94</v>
      </c>
      <c r="M11" s="12">
        <v>61</v>
      </c>
      <c r="N11" s="12">
        <v>131</v>
      </c>
      <c r="O11" s="12">
        <v>0</v>
      </c>
      <c r="P11" s="12">
        <v>119</v>
      </c>
      <c r="Q11" s="12">
        <v>470</v>
      </c>
      <c r="R11" s="12">
        <v>156</v>
      </c>
    </row>
    <row r="12" spans="1:18" s="4" customFormat="1" x14ac:dyDescent="0.15">
      <c r="A12" s="3"/>
      <c r="B12" s="3" t="s">
        <v>1607</v>
      </c>
      <c r="C12" s="12">
        <v>348</v>
      </c>
      <c r="D12" s="12">
        <v>756</v>
      </c>
      <c r="E12" s="12">
        <v>383</v>
      </c>
      <c r="F12" s="12">
        <v>373</v>
      </c>
      <c r="G12" s="12">
        <v>54</v>
      </c>
      <c r="H12" s="12">
        <v>78</v>
      </c>
      <c r="I12" s="12">
        <v>49</v>
      </c>
      <c r="J12" s="12">
        <v>75</v>
      </c>
      <c r="K12" s="12">
        <v>129</v>
      </c>
      <c r="L12" s="12">
        <v>115</v>
      </c>
      <c r="M12" s="12">
        <v>87</v>
      </c>
      <c r="N12" s="12">
        <v>169</v>
      </c>
      <c r="O12" s="12">
        <v>0</v>
      </c>
      <c r="P12" s="12">
        <v>102</v>
      </c>
      <c r="Q12" s="12">
        <v>440</v>
      </c>
      <c r="R12" s="12">
        <v>214</v>
      </c>
    </row>
    <row r="13" spans="1:18" s="4" customFormat="1" x14ac:dyDescent="0.15">
      <c r="A13" s="3"/>
      <c r="B13" s="3" t="s">
        <v>1608</v>
      </c>
      <c r="C13" s="12">
        <v>381</v>
      </c>
      <c r="D13" s="12">
        <v>932</v>
      </c>
      <c r="E13" s="12">
        <v>447</v>
      </c>
      <c r="F13" s="12">
        <v>485</v>
      </c>
      <c r="G13" s="12">
        <v>81</v>
      </c>
      <c r="H13" s="12">
        <v>107</v>
      </c>
      <c r="I13" s="12">
        <v>89</v>
      </c>
      <c r="J13" s="12">
        <v>84</v>
      </c>
      <c r="K13" s="12">
        <v>135</v>
      </c>
      <c r="L13" s="12">
        <v>152</v>
      </c>
      <c r="M13" s="12">
        <v>110</v>
      </c>
      <c r="N13" s="12">
        <v>174</v>
      </c>
      <c r="O13" s="12">
        <v>0</v>
      </c>
      <c r="P13" s="12">
        <v>144</v>
      </c>
      <c r="Q13" s="12">
        <v>561</v>
      </c>
      <c r="R13" s="12">
        <v>227</v>
      </c>
    </row>
    <row r="14" spans="1:18" s="4" customFormat="1" x14ac:dyDescent="0.15">
      <c r="A14" s="3"/>
      <c r="B14" s="3" t="s">
        <v>1609</v>
      </c>
      <c r="C14" s="12">
        <v>245</v>
      </c>
      <c r="D14" s="12">
        <v>618</v>
      </c>
      <c r="E14" s="12">
        <v>305</v>
      </c>
      <c r="F14" s="12">
        <v>313</v>
      </c>
      <c r="G14" s="12">
        <v>61</v>
      </c>
      <c r="H14" s="12">
        <v>81</v>
      </c>
      <c r="I14" s="12">
        <v>50</v>
      </c>
      <c r="J14" s="12">
        <v>54</v>
      </c>
      <c r="K14" s="12">
        <v>111</v>
      </c>
      <c r="L14" s="12">
        <v>101</v>
      </c>
      <c r="M14" s="12">
        <v>40</v>
      </c>
      <c r="N14" s="12">
        <v>120</v>
      </c>
      <c r="O14" s="12">
        <v>0</v>
      </c>
      <c r="P14" s="12">
        <v>108</v>
      </c>
      <c r="Q14" s="12">
        <v>368</v>
      </c>
      <c r="R14" s="12">
        <v>142</v>
      </c>
    </row>
    <row r="15" spans="1:18" s="4" customFormat="1" x14ac:dyDescent="0.15">
      <c r="A15" s="3"/>
      <c r="B15" s="3" t="s">
        <v>1610</v>
      </c>
      <c r="C15" s="12">
        <v>443</v>
      </c>
      <c r="D15" s="12">
        <v>1053</v>
      </c>
      <c r="E15" s="12">
        <v>520</v>
      </c>
      <c r="F15" s="12">
        <v>533</v>
      </c>
      <c r="G15" s="12">
        <v>138</v>
      </c>
      <c r="H15" s="12">
        <v>96</v>
      </c>
      <c r="I15" s="12">
        <v>84</v>
      </c>
      <c r="J15" s="12">
        <v>164</v>
      </c>
      <c r="K15" s="12">
        <v>170</v>
      </c>
      <c r="L15" s="12">
        <v>142</v>
      </c>
      <c r="M15" s="12">
        <v>128</v>
      </c>
      <c r="N15" s="12">
        <v>131</v>
      </c>
      <c r="O15" s="12">
        <v>0</v>
      </c>
      <c r="P15" s="12">
        <v>194</v>
      </c>
      <c r="Q15" s="12">
        <v>667</v>
      </c>
      <c r="R15" s="12">
        <v>192</v>
      </c>
    </row>
    <row r="16" spans="1:18" s="4" customFormat="1" x14ac:dyDescent="0.15">
      <c r="A16" s="3"/>
      <c r="B16" s="3" t="s">
        <v>1611</v>
      </c>
      <c r="C16" s="12">
        <v>600</v>
      </c>
      <c r="D16" s="12">
        <v>1297</v>
      </c>
      <c r="E16" s="12">
        <v>644</v>
      </c>
      <c r="F16" s="12">
        <v>653</v>
      </c>
      <c r="G16" s="12">
        <v>82</v>
      </c>
      <c r="H16" s="12">
        <v>100</v>
      </c>
      <c r="I16" s="12">
        <v>142</v>
      </c>
      <c r="J16" s="12">
        <v>132</v>
      </c>
      <c r="K16" s="12">
        <v>183</v>
      </c>
      <c r="L16" s="12">
        <v>195</v>
      </c>
      <c r="M16" s="12">
        <v>164</v>
      </c>
      <c r="N16" s="12">
        <v>299</v>
      </c>
      <c r="O16" s="12">
        <v>0</v>
      </c>
      <c r="P16" s="12">
        <v>127</v>
      </c>
      <c r="Q16" s="12">
        <v>779</v>
      </c>
      <c r="R16" s="12">
        <v>391</v>
      </c>
    </row>
    <row r="17" spans="1:18" s="4" customFormat="1" x14ac:dyDescent="0.15">
      <c r="A17" s="3"/>
      <c r="B17" s="3" t="s">
        <v>1612</v>
      </c>
      <c r="C17" s="12">
        <v>460</v>
      </c>
      <c r="D17" s="12">
        <v>985</v>
      </c>
      <c r="E17" s="12">
        <v>486</v>
      </c>
      <c r="F17" s="12">
        <v>499</v>
      </c>
      <c r="G17" s="12">
        <v>76</v>
      </c>
      <c r="H17" s="12">
        <v>82</v>
      </c>
      <c r="I17" s="12">
        <v>100</v>
      </c>
      <c r="J17" s="12">
        <v>89</v>
      </c>
      <c r="K17" s="12">
        <v>124</v>
      </c>
      <c r="L17" s="12">
        <v>153</v>
      </c>
      <c r="M17" s="12">
        <v>143</v>
      </c>
      <c r="N17" s="12">
        <v>218</v>
      </c>
      <c r="O17" s="12">
        <v>0</v>
      </c>
      <c r="P17" s="12">
        <v>119</v>
      </c>
      <c r="Q17" s="12">
        <v>583</v>
      </c>
      <c r="R17" s="12">
        <v>283</v>
      </c>
    </row>
    <row r="18" spans="1:18" s="4" customFormat="1" x14ac:dyDescent="0.15">
      <c r="A18" s="3"/>
      <c r="B18" s="3" t="s">
        <v>1613</v>
      </c>
      <c r="C18" s="12">
        <v>293</v>
      </c>
      <c r="D18" s="12">
        <v>596</v>
      </c>
      <c r="E18" s="12">
        <v>290</v>
      </c>
      <c r="F18" s="12">
        <v>306</v>
      </c>
      <c r="G18" s="12">
        <v>37</v>
      </c>
      <c r="H18" s="12">
        <v>50</v>
      </c>
      <c r="I18" s="12">
        <v>70</v>
      </c>
      <c r="J18" s="12">
        <v>71</v>
      </c>
      <c r="K18" s="12">
        <v>90</v>
      </c>
      <c r="L18" s="12">
        <v>81</v>
      </c>
      <c r="M18" s="12">
        <v>56</v>
      </c>
      <c r="N18" s="12">
        <v>141</v>
      </c>
      <c r="O18" s="12">
        <v>0</v>
      </c>
      <c r="P18" s="12">
        <v>67</v>
      </c>
      <c r="Q18" s="12">
        <v>358</v>
      </c>
      <c r="R18" s="12">
        <v>171</v>
      </c>
    </row>
    <row r="19" spans="1:18" s="4" customFormat="1" x14ac:dyDescent="0.15">
      <c r="A19" s="3"/>
      <c r="B19" s="3" t="s">
        <v>1614</v>
      </c>
      <c r="C19" s="12">
        <v>734</v>
      </c>
      <c r="D19" s="12">
        <v>1582</v>
      </c>
      <c r="E19" s="12">
        <v>770</v>
      </c>
      <c r="F19" s="12">
        <v>812</v>
      </c>
      <c r="G19" s="12">
        <v>120</v>
      </c>
      <c r="H19" s="12">
        <v>132</v>
      </c>
      <c r="I19" s="12">
        <v>190</v>
      </c>
      <c r="J19" s="12">
        <v>210</v>
      </c>
      <c r="K19" s="12">
        <v>223</v>
      </c>
      <c r="L19" s="12">
        <v>250</v>
      </c>
      <c r="M19" s="12">
        <v>199</v>
      </c>
      <c r="N19" s="12">
        <v>258</v>
      </c>
      <c r="O19" s="12">
        <v>0</v>
      </c>
      <c r="P19" s="12">
        <v>185</v>
      </c>
      <c r="Q19" s="12">
        <v>1040</v>
      </c>
      <c r="R19" s="12">
        <v>357</v>
      </c>
    </row>
    <row r="20" spans="1:18" s="4" customFormat="1" x14ac:dyDescent="0.15">
      <c r="A20" s="3"/>
      <c r="B20" s="3" t="s">
        <v>1615</v>
      </c>
      <c r="C20" s="12">
        <v>597</v>
      </c>
      <c r="D20" s="12">
        <v>1282</v>
      </c>
      <c r="E20" s="12">
        <v>641</v>
      </c>
      <c r="F20" s="12">
        <v>641</v>
      </c>
      <c r="G20" s="12">
        <v>120</v>
      </c>
      <c r="H20" s="12">
        <v>88</v>
      </c>
      <c r="I20" s="12">
        <v>104</v>
      </c>
      <c r="J20" s="12">
        <v>186</v>
      </c>
      <c r="K20" s="12">
        <v>175</v>
      </c>
      <c r="L20" s="12">
        <v>164</v>
      </c>
      <c r="M20" s="12">
        <v>137</v>
      </c>
      <c r="N20" s="12">
        <v>308</v>
      </c>
      <c r="O20" s="12">
        <v>0</v>
      </c>
      <c r="P20" s="12">
        <v>168</v>
      </c>
      <c r="Q20" s="12">
        <v>746</v>
      </c>
      <c r="R20" s="12">
        <v>368</v>
      </c>
    </row>
    <row r="21" spans="1:18" s="4" customFormat="1" x14ac:dyDescent="0.15">
      <c r="A21" s="3"/>
      <c r="B21" s="3" t="s">
        <v>1616</v>
      </c>
      <c r="C21" s="12">
        <v>247</v>
      </c>
      <c r="D21" s="12">
        <v>613</v>
      </c>
      <c r="E21" s="12">
        <v>289</v>
      </c>
      <c r="F21" s="12">
        <v>324</v>
      </c>
      <c r="G21" s="12">
        <v>79</v>
      </c>
      <c r="H21" s="12">
        <v>64</v>
      </c>
      <c r="I21" s="12">
        <v>48</v>
      </c>
      <c r="J21" s="12">
        <v>97</v>
      </c>
      <c r="K21" s="12">
        <v>93</v>
      </c>
      <c r="L21" s="12">
        <v>78</v>
      </c>
      <c r="M21" s="12">
        <v>58</v>
      </c>
      <c r="N21" s="12">
        <v>96</v>
      </c>
      <c r="O21" s="12">
        <v>0</v>
      </c>
      <c r="P21" s="12">
        <v>110</v>
      </c>
      <c r="Q21" s="12">
        <v>384</v>
      </c>
      <c r="R21" s="12">
        <v>119</v>
      </c>
    </row>
    <row r="22" spans="1:18" s="4" customFormat="1" x14ac:dyDescent="0.15">
      <c r="A22" s="3"/>
      <c r="B22" s="3" t="s">
        <v>1617</v>
      </c>
      <c r="C22" s="12">
        <v>525</v>
      </c>
      <c r="D22" s="12">
        <v>1145</v>
      </c>
      <c r="E22" s="12">
        <v>567</v>
      </c>
      <c r="F22" s="12">
        <v>578</v>
      </c>
      <c r="G22" s="12">
        <v>159</v>
      </c>
      <c r="H22" s="12">
        <v>87</v>
      </c>
      <c r="I22" s="12">
        <v>130</v>
      </c>
      <c r="J22" s="12">
        <v>192</v>
      </c>
      <c r="K22" s="12">
        <v>175</v>
      </c>
      <c r="L22" s="12">
        <v>139</v>
      </c>
      <c r="M22" s="12">
        <v>85</v>
      </c>
      <c r="N22" s="12">
        <v>178</v>
      </c>
      <c r="O22" s="12">
        <v>0</v>
      </c>
      <c r="P22" s="12">
        <v>200</v>
      </c>
      <c r="Q22" s="12">
        <v>716</v>
      </c>
      <c r="R22" s="12">
        <v>229</v>
      </c>
    </row>
    <row r="23" spans="1:18" s="4" customFormat="1" x14ac:dyDescent="0.15">
      <c r="A23" s="3"/>
      <c r="B23" s="3" t="s">
        <v>1618</v>
      </c>
      <c r="C23" s="12">
        <v>514</v>
      </c>
      <c r="D23" s="12">
        <v>1203</v>
      </c>
      <c r="E23" s="12">
        <v>602</v>
      </c>
      <c r="F23" s="12">
        <v>601</v>
      </c>
      <c r="G23" s="12">
        <v>111</v>
      </c>
      <c r="H23" s="12">
        <v>147</v>
      </c>
      <c r="I23" s="12">
        <v>102</v>
      </c>
      <c r="J23" s="12">
        <v>140</v>
      </c>
      <c r="K23" s="12">
        <v>204</v>
      </c>
      <c r="L23" s="12">
        <v>161</v>
      </c>
      <c r="M23" s="12">
        <v>116</v>
      </c>
      <c r="N23" s="12">
        <v>222</v>
      </c>
      <c r="O23" s="12">
        <v>0</v>
      </c>
      <c r="P23" s="12">
        <v>185</v>
      </c>
      <c r="Q23" s="12">
        <v>735</v>
      </c>
      <c r="R23" s="12">
        <v>283</v>
      </c>
    </row>
    <row r="24" spans="1:18" s="4" customFormat="1" x14ac:dyDescent="0.15">
      <c r="A24" s="3"/>
      <c r="B24" s="3" t="s">
        <v>1619</v>
      </c>
      <c r="C24" s="12">
        <v>598</v>
      </c>
      <c r="D24" s="12">
        <v>1464</v>
      </c>
      <c r="E24" s="12">
        <v>715</v>
      </c>
      <c r="F24" s="12">
        <v>749</v>
      </c>
      <c r="G24" s="12">
        <v>102</v>
      </c>
      <c r="H24" s="12">
        <v>194</v>
      </c>
      <c r="I24" s="12">
        <v>132</v>
      </c>
      <c r="J24" s="12">
        <v>118</v>
      </c>
      <c r="K24" s="12">
        <v>252</v>
      </c>
      <c r="L24" s="12">
        <v>241</v>
      </c>
      <c r="M24" s="12">
        <v>161</v>
      </c>
      <c r="N24" s="12">
        <v>264</v>
      </c>
      <c r="O24" s="12">
        <v>0</v>
      </c>
      <c r="P24" s="12">
        <v>203</v>
      </c>
      <c r="Q24" s="12">
        <v>916</v>
      </c>
      <c r="R24" s="12">
        <v>345</v>
      </c>
    </row>
    <row r="25" spans="1:18" s="4" customFormat="1" x14ac:dyDescent="0.15">
      <c r="A25" s="3"/>
      <c r="B25" s="3" t="s">
        <v>1620</v>
      </c>
      <c r="C25" s="12">
        <v>573</v>
      </c>
      <c r="D25" s="12">
        <v>1379</v>
      </c>
      <c r="E25" s="12">
        <v>687</v>
      </c>
      <c r="F25" s="12">
        <v>692</v>
      </c>
      <c r="G25" s="12">
        <v>123</v>
      </c>
      <c r="H25" s="12">
        <v>140</v>
      </c>
      <c r="I25" s="12">
        <v>117</v>
      </c>
      <c r="J25" s="12">
        <v>184</v>
      </c>
      <c r="K25" s="12">
        <v>211</v>
      </c>
      <c r="L25" s="12">
        <v>199</v>
      </c>
      <c r="M25" s="12">
        <v>127</v>
      </c>
      <c r="N25" s="12">
        <v>278</v>
      </c>
      <c r="O25" s="12">
        <v>0</v>
      </c>
      <c r="P25" s="12">
        <v>198</v>
      </c>
      <c r="Q25" s="12">
        <v>838</v>
      </c>
      <c r="R25" s="12">
        <v>343</v>
      </c>
    </row>
    <row r="26" spans="1:18" s="4" customFormat="1" x14ac:dyDescent="0.15">
      <c r="A26" s="3"/>
      <c r="B26" s="3" t="s">
        <v>1621</v>
      </c>
      <c r="C26" s="12">
        <v>508</v>
      </c>
      <c r="D26" s="12">
        <v>1060</v>
      </c>
      <c r="E26" s="12">
        <v>520</v>
      </c>
      <c r="F26" s="12">
        <v>540</v>
      </c>
      <c r="G26" s="12">
        <v>63</v>
      </c>
      <c r="H26" s="12">
        <v>110</v>
      </c>
      <c r="I26" s="12">
        <v>117</v>
      </c>
      <c r="J26" s="12">
        <v>102</v>
      </c>
      <c r="K26" s="12">
        <v>147</v>
      </c>
      <c r="L26" s="12">
        <v>165</v>
      </c>
      <c r="M26" s="12">
        <v>153</v>
      </c>
      <c r="N26" s="12">
        <v>203</v>
      </c>
      <c r="O26" s="12">
        <v>0</v>
      </c>
      <c r="P26" s="12">
        <v>120</v>
      </c>
      <c r="Q26" s="12">
        <v>655</v>
      </c>
      <c r="R26" s="12">
        <v>285</v>
      </c>
    </row>
    <row r="27" spans="1:18" s="4" customFormat="1" x14ac:dyDescent="0.15">
      <c r="A27" s="3"/>
      <c r="B27" s="3" t="s">
        <v>1622</v>
      </c>
      <c r="C27" s="12">
        <v>584</v>
      </c>
      <c r="D27" s="12">
        <v>1175</v>
      </c>
      <c r="E27" s="12">
        <v>576</v>
      </c>
      <c r="F27" s="12">
        <v>599</v>
      </c>
      <c r="G27" s="12">
        <v>98</v>
      </c>
      <c r="H27" s="12">
        <v>79</v>
      </c>
      <c r="I27" s="12">
        <v>104</v>
      </c>
      <c r="J27" s="12">
        <v>159</v>
      </c>
      <c r="K27" s="12">
        <v>170</v>
      </c>
      <c r="L27" s="12">
        <v>136</v>
      </c>
      <c r="M27" s="12">
        <v>140</v>
      </c>
      <c r="N27" s="12">
        <v>289</v>
      </c>
      <c r="O27" s="12">
        <v>0</v>
      </c>
      <c r="P27" s="12">
        <v>140</v>
      </c>
      <c r="Q27" s="12">
        <v>669</v>
      </c>
      <c r="R27" s="12">
        <v>366</v>
      </c>
    </row>
    <row r="28" spans="1:18" s="4" customFormat="1" x14ac:dyDescent="0.15">
      <c r="A28" s="3"/>
      <c r="B28" s="3" t="s">
        <v>1623</v>
      </c>
      <c r="C28" s="12">
        <v>770</v>
      </c>
      <c r="D28" s="12">
        <v>1293</v>
      </c>
      <c r="E28" s="12">
        <v>783</v>
      </c>
      <c r="F28" s="12">
        <v>510</v>
      </c>
      <c r="G28" s="12">
        <v>77</v>
      </c>
      <c r="H28" s="12">
        <v>97</v>
      </c>
      <c r="I28" s="12">
        <v>334</v>
      </c>
      <c r="J28" s="12">
        <v>148</v>
      </c>
      <c r="K28" s="12">
        <v>112</v>
      </c>
      <c r="L28" s="12">
        <v>156</v>
      </c>
      <c r="M28" s="12">
        <v>102</v>
      </c>
      <c r="N28" s="12">
        <v>267</v>
      </c>
      <c r="O28" s="12">
        <v>0</v>
      </c>
      <c r="P28" s="12">
        <v>113</v>
      </c>
      <c r="Q28" s="12">
        <v>856</v>
      </c>
      <c r="R28" s="12">
        <v>324</v>
      </c>
    </row>
    <row r="29" spans="1:18" s="4" customFormat="1" x14ac:dyDescent="0.15">
      <c r="A29" s="3"/>
      <c r="B29" s="3" t="s">
        <v>1624</v>
      </c>
      <c r="C29" s="12">
        <v>713</v>
      </c>
      <c r="D29" s="12">
        <v>1581</v>
      </c>
      <c r="E29" s="12">
        <v>745</v>
      </c>
      <c r="F29" s="12">
        <v>836</v>
      </c>
      <c r="G29" s="12">
        <v>126</v>
      </c>
      <c r="H29" s="12">
        <v>154</v>
      </c>
      <c r="I29" s="12">
        <v>115</v>
      </c>
      <c r="J29" s="12">
        <v>160</v>
      </c>
      <c r="K29" s="12">
        <v>216</v>
      </c>
      <c r="L29" s="12">
        <v>221</v>
      </c>
      <c r="M29" s="12">
        <v>176</v>
      </c>
      <c r="N29" s="12">
        <v>413</v>
      </c>
      <c r="O29" s="12">
        <v>0</v>
      </c>
      <c r="P29" s="12">
        <v>206</v>
      </c>
      <c r="Q29" s="12">
        <v>881</v>
      </c>
      <c r="R29" s="12">
        <v>494</v>
      </c>
    </row>
    <row r="30" spans="1:18" s="4" customFormat="1" x14ac:dyDescent="0.15">
      <c r="A30" s="3"/>
      <c r="B30" s="3" t="s">
        <v>1625</v>
      </c>
      <c r="C30" s="12">
        <v>888</v>
      </c>
      <c r="D30" s="12">
        <v>1776</v>
      </c>
      <c r="E30" s="12">
        <v>899</v>
      </c>
      <c r="F30" s="12">
        <v>877</v>
      </c>
      <c r="G30" s="12">
        <v>101</v>
      </c>
      <c r="H30" s="12">
        <v>158</v>
      </c>
      <c r="I30" s="12">
        <v>138</v>
      </c>
      <c r="J30" s="12">
        <v>174</v>
      </c>
      <c r="K30" s="12">
        <v>285</v>
      </c>
      <c r="L30" s="12">
        <v>314</v>
      </c>
      <c r="M30" s="12">
        <v>241</v>
      </c>
      <c r="N30" s="12">
        <v>365</v>
      </c>
      <c r="O30" s="12">
        <v>0</v>
      </c>
      <c r="P30" s="12">
        <v>167</v>
      </c>
      <c r="Q30" s="12">
        <v>1114</v>
      </c>
      <c r="R30" s="12">
        <v>495</v>
      </c>
    </row>
    <row r="31" spans="1:18" s="4" customFormat="1" x14ac:dyDescent="0.15">
      <c r="A31" s="3"/>
      <c r="B31" s="3" t="s">
        <v>1626</v>
      </c>
      <c r="C31" s="12">
        <v>725</v>
      </c>
      <c r="D31" s="12">
        <v>1661</v>
      </c>
      <c r="E31" s="12">
        <v>834</v>
      </c>
      <c r="F31" s="12">
        <v>827</v>
      </c>
      <c r="G31" s="12">
        <v>104</v>
      </c>
      <c r="H31" s="12">
        <v>146</v>
      </c>
      <c r="I31" s="12">
        <v>170</v>
      </c>
      <c r="J31" s="12">
        <v>168</v>
      </c>
      <c r="K31" s="12">
        <v>266</v>
      </c>
      <c r="L31" s="12">
        <v>271</v>
      </c>
      <c r="M31" s="12">
        <v>202</v>
      </c>
      <c r="N31" s="12">
        <v>334</v>
      </c>
      <c r="O31" s="12">
        <v>0</v>
      </c>
      <c r="P31" s="12">
        <v>167</v>
      </c>
      <c r="Q31" s="12">
        <v>1058</v>
      </c>
      <c r="R31" s="12">
        <v>436</v>
      </c>
    </row>
    <row r="32" spans="1:18" s="4" customFormat="1" x14ac:dyDescent="0.15">
      <c r="A32" s="3"/>
      <c r="B32" s="3" t="s">
        <v>1627</v>
      </c>
      <c r="C32" s="12">
        <v>569</v>
      </c>
      <c r="D32" s="12">
        <v>1312</v>
      </c>
      <c r="E32" s="12">
        <v>659</v>
      </c>
      <c r="F32" s="12">
        <v>653</v>
      </c>
      <c r="G32" s="12">
        <v>123</v>
      </c>
      <c r="H32" s="12">
        <v>133</v>
      </c>
      <c r="I32" s="12">
        <v>152</v>
      </c>
      <c r="J32" s="12">
        <v>204</v>
      </c>
      <c r="K32" s="12">
        <v>176</v>
      </c>
      <c r="L32" s="12">
        <v>206</v>
      </c>
      <c r="M32" s="12">
        <v>131</v>
      </c>
      <c r="N32" s="12">
        <v>187</v>
      </c>
      <c r="O32" s="12">
        <v>0</v>
      </c>
      <c r="P32" s="12">
        <v>194</v>
      </c>
      <c r="Q32" s="12">
        <v>869</v>
      </c>
      <c r="R32" s="12">
        <v>249</v>
      </c>
    </row>
    <row r="33" spans="1:18" s="4" customFormat="1" x14ac:dyDescent="0.15">
      <c r="A33" s="3"/>
      <c r="B33" s="3" t="s">
        <v>1628</v>
      </c>
      <c r="C33" s="12">
        <v>346</v>
      </c>
      <c r="D33" s="12">
        <v>799</v>
      </c>
      <c r="E33" s="12">
        <v>392</v>
      </c>
      <c r="F33" s="12">
        <v>407</v>
      </c>
      <c r="G33" s="12">
        <v>76</v>
      </c>
      <c r="H33" s="12">
        <v>86</v>
      </c>
      <c r="I33" s="12">
        <v>86</v>
      </c>
      <c r="J33" s="12">
        <v>108</v>
      </c>
      <c r="K33" s="12">
        <v>156</v>
      </c>
      <c r="L33" s="12">
        <v>103</v>
      </c>
      <c r="M33" s="12">
        <v>75</v>
      </c>
      <c r="N33" s="12">
        <v>109</v>
      </c>
      <c r="O33" s="12">
        <v>0</v>
      </c>
      <c r="P33" s="12">
        <v>116</v>
      </c>
      <c r="Q33" s="12">
        <v>532</v>
      </c>
      <c r="R33" s="12">
        <v>151</v>
      </c>
    </row>
    <row r="34" spans="1:18" s="4" customFormat="1" x14ac:dyDescent="0.15">
      <c r="A34" s="3"/>
      <c r="B34" s="3" t="s">
        <v>1629</v>
      </c>
      <c r="C34" s="12">
        <v>551</v>
      </c>
      <c r="D34" s="12">
        <v>1129</v>
      </c>
      <c r="E34" s="12">
        <v>585</v>
      </c>
      <c r="F34" s="12">
        <v>544</v>
      </c>
      <c r="G34" s="12">
        <v>86</v>
      </c>
      <c r="H34" s="12">
        <v>102</v>
      </c>
      <c r="I34" s="12">
        <v>93</v>
      </c>
      <c r="J34" s="12">
        <v>119</v>
      </c>
      <c r="K34" s="12">
        <v>176</v>
      </c>
      <c r="L34" s="12">
        <v>181</v>
      </c>
      <c r="M34" s="12">
        <v>130</v>
      </c>
      <c r="N34" s="12">
        <v>242</v>
      </c>
      <c r="O34" s="12">
        <v>0</v>
      </c>
      <c r="P34" s="12">
        <v>133</v>
      </c>
      <c r="Q34" s="12">
        <v>689</v>
      </c>
      <c r="R34" s="12">
        <v>307</v>
      </c>
    </row>
    <row r="35" spans="1:18" s="4" customFormat="1" x14ac:dyDescent="0.15">
      <c r="A35" s="3"/>
      <c r="B35" s="3" t="s">
        <v>1630</v>
      </c>
      <c r="C35" s="12">
        <v>421</v>
      </c>
      <c r="D35" s="12">
        <v>836</v>
      </c>
      <c r="E35" s="12">
        <v>400</v>
      </c>
      <c r="F35" s="12">
        <v>436</v>
      </c>
      <c r="G35" s="12">
        <v>45</v>
      </c>
      <c r="H35" s="12">
        <v>62</v>
      </c>
      <c r="I35" s="12">
        <v>83</v>
      </c>
      <c r="J35" s="12">
        <v>101</v>
      </c>
      <c r="K35" s="12">
        <v>105</v>
      </c>
      <c r="L35" s="12">
        <v>128</v>
      </c>
      <c r="M35" s="12">
        <v>121</v>
      </c>
      <c r="N35" s="12">
        <v>191</v>
      </c>
      <c r="O35" s="12">
        <v>0</v>
      </c>
      <c r="P35" s="12">
        <v>76</v>
      </c>
      <c r="Q35" s="12">
        <v>512</v>
      </c>
      <c r="R35" s="12">
        <v>248</v>
      </c>
    </row>
    <row r="36" spans="1:18" s="4" customFormat="1" x14ac:dyDescent="0.15">
      <c r="A36" s="3"/>
      <c r="B36" s="3" t="s">
        <v>1631</v>
      </c>
      <c r="C36" s="12">
        <v>1035</v>
      </c>
      <c r="D36" s="12">
        <v>2374</v>
      </c>
      <c r="E36" s="12">
        <v>1093</v>
      </c>
      <c r="F36" s="12">
        <v>1281</v>
      </c>
      <c r="G36" s="12">
        <v>168</v>
      </c>
      <c r="H36" s="12">
        <v>290</v>
      </c>
      <c r="I36" s="12">
        <v>253</v>
      </c>
      <c r="J36" s="12">
        <v>233</v>
      </c>
      <c r="K36" s="12">
        <v>376</v>
      </c>
      <c r="L36" s="12">
        <v>470</v>
      </c>
      <c r="M36" s="12">
        <v>231</v>
      </c>
      <c r="N36" s="12">
        <v>353</v>
      </c>
      <c r="O36" s="12">
        <v>0</v>
      </c>
      <c r="P36" s="12">
        <v>282</v>
      </c>
      <c r="Q36" s="12">
        <v>1637</v>
      </c>
      <c r="R36" s="12">
        <v>455</v>
      </c>
    </row>
    <row r="37" spans="1:18" s="4" customFormat="1" x14ac:dyDescent="0.15">
      <c r="A37" s="3"/>
      <c r="B37" s="3" t="s">
        <v>1632</v>
      </c>
      <c r="C37" s="12">
        <v>483</v>
      </c>
      <c r="D37" s="12">
        <v>1008</v>
      </c>
      <c r="E37" s="12">
        <v>515</v>
      </c>
      <c r="F37" s="12">
        <v>493</v>
      </c>
      <c r="G37" s="12">
        <v>124</v>
      </c>
      <c r="H37" s="12">
        <v>78</v>
      </c>
      <c r="I37" s="12">
        <v>114</v>
      </c>
      <c r="J37" s="12">
        <v>162</v>
      </c>
      <c r="K37" s="12">
        <v>161</v>
      </c>
      <c r="L37" s="12">
        <v>123</v>
      </c>
      <c r="M37" s="12">
        <v>87</v>
      </c>
      <c r="N37" s="12">
        <v>159</v>
      </c>
      <c r="O37" s="12">
        <v>0</v>
      </c>
      <c r="P37" s="12">
        <v>175</v>
      </c>
      <c r="Q37" s="12">
        <v>634</v>
      </c>
      <c r="R37" s="12">
        <v>199</v>
      </c>
    </row>
    <row r="38" spans="1:18" s="4" customFormat="1" x14ac:dyDescent="0.15">
      <c r="A38" s="3"/>
      <c r="B38" s="3" t="s">
        <v>1633</v>
      </c>
      <c r="C38" s="12">
        <v>515</v>
      </c>
      <c r="D38" s="12">
        <v>1117</v>
      </c>
      <c r="E38" s="12">
        <v>533</v>
      </c>
      <c r="F38" s="12">
        <v>584</v>
      </c>
      <c r="G38" s="12">
        <v>90</v>
      </c>
      <c r="H38" s="12">
        <v>112</v>
      </c>
      <c r="I38" s="12">
        <v>100</v>
      </c>
      <c r="J38" s="12">
        <v>122</v>
      </c>
      <c r="K38" s="12">
        <v>190</v>
      </c>
      <c r="L38" s="12">
        <v>150</v>
      </c>
      <c r="M38" s="12">
        <v>113</v>
      </c>
      <c r="N38" s="12">
        <v>240</v>
      </c>
      <c r="O38" s="12">
        <v>0</v>
      </c>
      <c r="P38" s="12">
        <v>147</v>
      </c>
      <c r="Q38" s="12">
        <v>678</v>
      </c>
      <c r="R38" s="12">
        <v>292</v>
      </c>
    </row>
    <row r="39" spans="1:18" s="4" customFormat="1" x14ac:dyDescent="0.15">
      <c r="A39" s="3"/>
      <c r="B39" s="3" t="s">
        <v>1634</v>
      </c>
      <c r="C39" s="12">
        <v>543</v>
      </c>
      <c r="D39" s="12">
        <v>1207</v>
      </c>
      <c r="E39" s="12">
        <v>601</v>
      </c>
      <c r="F39" s="12">
        <v>606</v>
      </c>
      <c r="G39" s="12">
        <v>91</v>
      </c>
      <c r="H39" s="12">
        <v>137</v>
      </c>
      <c r="I39" s="12">
        <v>103</v>
      </c>
      <c r="J39" s="12">
        <v>100</v>
      </c>
      <c r="K39" s="12">
        <v>168</v>
      </c>
      <c r="L39" s="12">
        <v>151</v>
      </c>
      <c r="M39" s="12">
        <v>101</v>
      </c>
      <c r="N39" s="12">
        <v>356</v>
      </c>
      <c r="O39" s="12">
        <v>0</v>
      </c>
      <c r="P39" s="12">
        <v>151</v>
      </c>
      <c r="Q39" s="12">
        <v>654</v>
      </c>
      <c r="R39" s="12">
        <v>402</v>
      </c>
    </row>
    <row r="40" spans="1:18" s="4" customFormat="1" x14ac:dyDescent="0.15">
      <c r="A40" s="3"/>
      <c r="B40" s="3" t="s">
        <v>1635</v>
      </c>
      <c r="C40" s="12">
        <v>127</v>
      </c>
      <c r="D40" s="12">
        <v>307</v>
      </c>
      <c r="E40" s="12">
        <v>153</v>
      </c>
      <c r="F40" s="12">
        <v>154</v>
      </c>
      <c r="G40" s="12">
        <v>28</v>
      </c>
      <c r="H40" s="12">
        <v>30</v>
      </c>
      <c r="I40" s="12">
        <v>16</v>
      </c>
      <c r="J40" s="12">
        <v>21</v>
      </c>
      <c r="K40" s="12">
        <v>49</v>
      </c>
      <c r="L40" s="12">
        <v>34</v>
      </c>
      <c r="M40" s="12">
        <v>30</v>
      </c>
      <c r="N40" s="12">
        <v>99</v>
      </c>
      <c r="O40" s="12">
        <v>0</v>
      </c>
      <c r="P40" s="12">
        <v>45</v>
      </c>
      <c r="Q40" s="12">
        <v>148</v>
      </c>
      <c r="R40" s="12">
        <v>114</v>
      </c>
    </row>
    <row r="41" spans="1:18" s="4" customFormat="1" x14ac:dyDescent="0.15">
      <c r="A41" s="3"/>
      <c r="B41" s="3" t="s">
        <v>1636</v>
      </c>
      <c r="C41" s="12">
        <v>249</v>
      </c>
      <c r="D41" s="12">
        <v>451</v>
      </c>
      <c r="E41" s="12">
        <v>216</v>
      </c>
      <c r="F41" s="12">
        <v>235</v>
      </c>
      <c r="G41" s="12">
        <v>17</v>
      </c>
      <c r="H41" s="12">
        <v>22</v>
      </c>
      <c r="I41" s="12">
        <v>16</v>
      </c>
      <c r="J41" s="12">
        <v>19</v>
      </c>
      <c r="K41" s="12">
        <v>59</v>
      </c>
      <c r="L41" s="12">
        <v>30</v>
      </c>
      <c r="M41" s="12">
        <v>77</v>
      </c>
      <c r="N41" s="12">
        <v>211</v>
      </c>
      <c r="O41" s="12">
        <v>0</v>
      </c>
      <c r="P41" s="12">
        <v>30</v>
      </c>
      <c r="Q41" s="12">
        <v>153</v>
      </c>
      <c r="R41" s="12">
        <v>268</v>
      </c>
    </row>
    <row r="42" spans="1:18" s="4" customFormat="1" x14ac:dyDescent="0.15">
      <c r="A42" s="3"/>
      <c r="B42" s="3" t="s">
        <v>1637</v>
      </c>
      <c r="C42" s="12">
        <v>708</v>
      </c>
      <c r="D42" s="12">
        <v>1546</v>
      </c>
      <c r="E42" s="12">
        <v>783</v>
      </c>
      <c r="F42" s="12">
        <v>763</v>
      </c>
      <c r="G42" s="12">
        <v>130</v>
      </c>
      <c r="H42" s="12">
        <v>120</v>
      </c>
      <c r="I42" s="12">
        <v>208</v>
      </c>
      <c r="J42" s="12">
        <v>202</v>
      </c>
      <c r="K42" s="12">
        <v>203</v>
      </c>
      <c r="L42" s="12">
        <v>259</v>
      </c>
      <c r="M42" s="12">
        <v>201</v>
      </c>
      <c r="N42" s="12">
        <v>223</v>
      </c>
      <c r="O42" s="12">
        <v>0</v>
      </c>
      <c r="P42" s="12">
        <v>190</v>
      </c>
      <c r="Q42" s="12">
        <v>1028</v>
      </c>
      <c r="R42" s="12">
        <v>328</v>
      </c>
    </row>
    <row r="43" spans="1:18" s="4" customFormat="1" x14ac:dyDescent="0.15">
      <c r="A43" s="3"/>
      <c r="B43" s="3" t="s">
        <v>1638</v>
      </c>
      <c r="C43" s="12">
        <v>718</v>
      </c>
      <c r="D43" s="12">
        <v>1556</v>
      </c>
      <c r="E43" s="12">
        <v>764</v>
      </c>
      <c r="F43" s="12">
        <v>792</v>
      </c>
      <c r="G43" s="12">
        <v>128</v>
      </c>
      <c r="H43" s="12">
        <v>110</v>
      </c>
      <c r="I43" s="12">
        <v>198</v>
      </c>
      <c r="J43" s="12">
        <v>199</v>
      </c>
      <c r="K43" s="12">
        <v>211</v>
      </c>
      <c r="L43" s="12">
        <v>248</v>
      </c>
      <c r="M43" s="12">
        <v>186</v>
      </c>
      <c r="N43" s="12">
        <v>276</v>
      </c>
      <c r="O43" s="12">
        <v>0</v>
      </c>
      <c r="P43" s="12">
        <v>183</v>
      </c>
      <c r="Q43" s="12">
        <v>1002</v>
      </c>
      <c r="R43" s="12">
        <v>371</v>
      </c>
    </row>
    <row r="44" spans="1:18" s="4" customFormat="1" x14ac:dyDescent="0.15">
      <c r="A44" s="3"/>
      <c r="B44" s="3" t="s">
        <v>1639</v>
      </c>
      <c r="C44" s="12">
        <v>325</v>
      </c>
      <c r="D44" s="12">
        <v>793</v>
      </c>
      <c r="E44" s="12">
        <v>399</v>
      </c>
      <c r="F44" s="12">
        <v>394</v>
      </c>
      <c r="G44" s="12">
        <v>57</v>
      </c>
      <c r="H44" s="12">
        <v>108</v>
      </c>
      <c r="I44" s="12">
        <v>72</v>
      </c>
      <c r="J44" s="12">
        <v>79</v>
      </c>
      <c r="K44" s="12">
        <v>132</v>
      </c>
      <c r="L44" s="12">
        <v>133</v>
      </c>
      <c r="M44" s="12">
        <v>72</v>
      </c>
      <c r="N44" s="12">
        <v>140</v>
      </c>
      <c r="O44" s="12">
        <v>0</v>
      </c>
      <c r="P44" s="12">
        <v>108</v>
      </c>
      <c r="Q44" s="12">
        <v>514</v>
      </c>
      <c r="R44" s="12">
        <v>171</v>
      </c>
    </row>
    <row r="45" spans="1:18" s="4" customFormat="1" x14ac:dyDescent="0.15">
      <c r="A45" s="3"/>
      <c r="B45" s="3" t="s">
        <v>1640</v>
      </c>
      <c r="C45" s="12">
        <v>432</v>
      </c>
      <c r="D45" s="12">
        <v>902</v>
      </c>
      <c r="E45" s="12">
        <v>456</v>
      </c>
      <c r="F45" s="12">
        <v>446</v>
      </c>
      <c r="G45" s="12">
        <v>71</v>
      </c>
      <c r="H45" s="12">
        <v>73</v>
      </c>
      <c r="I45" s="12">
        <v>68</v>
      </c>
      <c r="J45" s="12">
        <v>98</v>
      </c>
      <c r="K45" s="12">
        <v>150</v>
      </c>
      <c r="L45" s="12">
        <v>95</v>
      </c>
      <c r="M45" s="12">
        <v>105</v>
      </c>
      <c r="N45" s="12">
        <v>242</v>
      </c>
      <c r="O45" s="12">
        <v>0</v>
      </c>
      <c r="P45" s="12">
        <v>113</v>
      </c>
      <c r="Q45" s="12">
        <v>487</v>
      </c>
      <c r="R45" s="12">
        <v>302</v>
      </c>
    </row>
    <row r="46" spans="1:18" s="4" customFormat="1" x14ac:dyDescent="0.15">
      <c r="A46" s="3"/>
      <c r="B46" s="3" t="s">
        <v>1641</v>
      </c>
      <c r="C46" s="12">
        <v>597</v>
      </c>
      <c r="D46" s="12">
        <v>1343</v>
      </c>
      <c r="E46" s="12">
        <v>699</v>
      </c>
      <c r="F46" s="12">
        <v>644</v>
      </c>
      <c r="G46" s="12">
        <v>111</v>
      </c>
      <c r="H46" s="12">
        <v>134</v>
      </c>
      <c r="I46" s="12">
        <v>152</v>
      </c>
      <c r="J46" s="12">
        <v>173</v>
      </c>
      <c r="K46" s="12">
        <v>216</v>
      </c>
      <c r="L46" s="12">
        <v>190</v>
      </c>
      <c r="M46" s="12">
        <v>121</v>
      </c>
      <c r="N46" s="12">
        <v>246</v>
      </c>
      <c r="O46" s="12">
        <v>0</v>
      </c>
      <c r="P46" s="12">
        <v>180</v>
      </c>
      <c r="Q46" s="12">
        <v>854</v>
      </c>
      <c r="R46" s="12">
        <v>309</v>
      </c>
    </row>
    <row r="47" spans="1:18" s="4" customFormat="1" x14ac:dyDescent="0.15">
      <c r="A47" s="3"/>
      <c r="B47" s="3" t="s">
        <v>1642</v>
      </c>
      <c r="C47" s="12">
        <v>542</v>
      </c>
      <c r="D47" s="12">
        <v>1277</v>
      </c>
      <c r="E47" s="12">
        <v>632</v>
      </c>
      <c r="F47" s="12">
        <v>645</v>
      </c>
      <c r="G47" s="12">
        <v>142</v>
      </c>
      <c r="H47" s="12">
        <v>134</v>
      </c>
      <c r="I47" s="12">
        <v>121</v>
      </c>
      <c r="J47" s="12">
        <v>210</v>
      </c>
      <c r="K47" s="12">
        <v>213</v>
      </c>
      <c r="L47" s="12">
        <v>140</v>
      </c>
      <c r="M47" s="12">
        <v>115</v>
      </c>
      <c r="N47" s="12">
        <v>202</v>
      </c>
      <c r="O47" s="12">
        <v>0</v>
      </c>
      <c r="P47" s="12">
        <v>217</v>
      </c>
      <c r="Q47" s="12">
        <v>806</v>
      </c>
      <c r="R47" s="12">
        <v>254</v>
      </c>
    </row>
    <row r="48" spans="1:18" s="4" customFormat="1" x14ac:dyDescent="0.15">
      <c r="A48" s="3"/>
      <c r="B48" s="3" t="s">
        <v>1643</v>
      </c>
      <c r="C48" s="12">
        <v>640</v>
      </c>
      <c r="D48" s="12">
        <v>1135</v>
      </c>
      <c r="E48" s="12">
        <v>524</v>
      </c>
      <c r="F48" s="12">
        <v>611</v>
      </c>
      <c r="G48" s="12">
        <v>77</v>
      </c>
      <c r="H48" s="12">
        <v>85</v>
      </c>
      <c r="I48" s="12">
        <v>65</v>
      </c>
      <c r="J48" s="12">
        <v>61</v>
      </c>
      <c r="K48" s="12">
        <v>135</v>
      </c>
      <c r="L48" s="12">
        <v>128</v>
      </c>
      <c r="M48" s="12">
        <v>101</v>
      </c>
      <c r="N48" s="12">
        <v>483</v>
      </c>
      <c r="O48" s="12">
        <v>0</v>
      </c>
      <c r="P48" s="12">
        <v>118</v>
      </c>
      <c r="Q48" s="12">
        <v>462</v>
      </c>
      <c r="R48" s="12">
        <v>555</v>
      </c>
    </row>
    <row r="49" spans="1:18" s="4" customFormat="1" x14ac:dyDescent="0.15">
      <c r="A49" s="3"/>
      <c r="B49" s="3" t="s">
        <v>1644</v>
      </c>
      <c r="C49" s="12">
        <v>291</v>
      </c>
      <c r="D49" s="12">
        <v>537</v>
      </c>
      <c r="E49" s="12">
        <v>297</v>
      </c>
      <c r="F49" s="12">
        <v>240</v>
      </c>
      <c r="G49" s="12">
        <v>38</v>
      </c>
      <c r="H49" s="12">
        <v>37</v>
      </c>
      <c r="I49" s="12">
        <v>57</v>
      </c>
      <c r="J49" s="12">
        <v>73</v>
      </c>
      <c r="K49" s="12">
        <v>74</v>
      </c>
      <c r="L49" s="12">
        <v>58</v>
      </c>
      <c r="M49" s="12">
        <v>54</v>
      </c>
      <c r="N49" s="12">
        <v>146</v>
      </c>
      <c r="O49" s="12">
        <v>0</v>
      </c>
      <c r="P49" s="12">
        <v>55</v>
      </c>
      <c r="Q49" s="12">
        <v>308</v>
      </c>
      <c r="R49" s="12">
        <v>174</v>
      </c>
    </row>
    <row r="50" spans="1:18" s="4" customFormat="1" x14ac:dyDescent="0.15">
      <c r="A50" s="3"/>
      <c r="B50" s="3" t="s">
        <v>1645</v>
      </c>
      <c r="C50" s="12">
        <v>405</v>
      </c>
      <c r="D50" s="12">
        <v>819</v>
      </c>
      <c r="E50" s="12">
        <v>420</v>
      </c>
      <c r="F50" s="12">
        <v>399</v>
      </c>
      <c r="G50" s="12">
        <v>42</v>
      </c>
      <c r="H50" s="12">
        <v>57</v>
      </c>
      <c r="I50" s="12">
        <v>73</v>
      </c>
      <c r="J50" s="12">
        <v>85</v>
      </c>
      <c r="K50" s="12">
        <v>118</v>
      </c>
      <c r="L50" s="12">
        <v>116</v>
      </c>
      <c r="M50" s="12">
        <v>91</v>
      </c>
      <c r="N50" s="12">
        <v>237</v>
      </c>
      <c r="O50" s="12">
        <v>0</v>
      </c>
      <c r="P50" s="12">
        <v>68</v>
      </c>
      <c r="Q50" s="12">
        <v>472</v>
      </c>
      <c r="R50" s="12">
        <v>279</v>
      </c>
    </row>
    <row r="51" spans="1:18" s="4" customFormat="1" x14ac:dyDescent="0.15">
      <c r="A51" s="3"/>
      <c r="B51" s="3" t="s">
        <v>1646</v>
      </c>
      <c r="C51" s="12">
        <v>565</v>
      </c>
      <c r="D51" s="12">
        <v>1344</v>
      </c>
      <c r="E51" s="12">
        <v>675</v>
      </c>
      <c r="F51" s="12">
        <v>669</v>
      </c>
      <c r="G51" s="12">
        <v>154</v>
      </c>
      <c r="H51" s="12">
        <v>104</v>
      </c>
      <c r="I51" s="12">
        <v>146</v>
      </c>
      <c r="J51" s="12">
        <v>222</v>
      </c>
      <c r="K51" s="12">
        <v>211</v>
      </c>
      <c r="L51" s="12">
        <v>167</v>
      </c>
      <c r="M51" s="12">
        <v>144</v>
      </c>
      <c r="N51" s="12">
        <v>196</v>
      </c>
      <c r="O51" s="12">
        <v>0</v>
      </c>
      <c r="P51" s="12">
        <v>200</v>
      </c>
      <c r="Q51" s="12">
        <v>867</v>
      </c>
      <c r="R51" s="12">
        <v>277</v>
      </c>
    </row>
    <row r="52" spans="1:18" s="4" customFormat="1" x14ac:dyDescent="0.15">
      <c r="A52" s="3"/>
      <c r="B52" s="3" t="s">
        <v>1647</v>
      </c>
      <c r="C52" s="12">
        <v>218</v>
      </c>
      <c r="D52" s="12">
        <v>462</v>
      </c>
      <c r="E52" s="12">
        <v>223</v>
      </c>
      <c r="F52" s="12">
        <v>239</v>
      </c>
      <c r="G52" s="12">
        <v>32</v>
      </c>
      <c r="H52" s="12">
        <v>35</v>
      </c>
      <c r="I52" s="12">
        <v>44</v>
      </c>
      <c r="J52" s="12">
        <v>50</v>
      </c>
      <c r="K52" s="12">
        <v>75</v>
      </c>
      <c r="L52" s="12">
        <v>48</v>
      </c>
      <c r="M52" s="12">
        <v>58</v>
      </c>
      <c r="N52" s="12">
        <v>120</v>
      </c>
      <c r="O52" s="12">
        <v>0</v>
      </c>
      <c r="P52" s="12">
        <v>50</v>
      </c>
      <c r="Q52" s="12">
        <v>258</v>
      </c>
      <c r="R52" s="12">
        <v>154</v>
      </c>
    </row>
    <row r="53" spans="1:18" s="4" customFormat="1" x14ac:dyDescent="0.15">
      <c r="A53" s="3"/>
      <c r="B53" s="3" t="s">
        <v>1648</v>
      </c>
      <c r="C53" s="12">
        <v>678</v>
      </c>
      <c r="D53" s="12">
        <v>1480</v>
      </c>
      <c r="E53" s="12">
        <v>740</v>
      </c>
      <c r="F53" s="12">
        <v>740</v>
      </c>
      <c r="G53" s="12">
        <v>151</v>
      </c>
      <c r="H53" s="12">
        <v>127</v>
      </c>
      <c r="I53" s="12">
        <v>221</v>
      </c>
      <c r="J53" s="12">
        <v>193</v>
      </c>
      <c r="K53" s="12">
        <v>191</v>
      </c>
      <c r="L53" s="12">
        <v>267</v>
      </c>
      <c r="M53" s="12">
        <v>147</v>
      </c>
      <c r="N53" s="12">
        <v>183</v>
      </c>
      <c r="O53" s="12">
        <v>0</v>
      </c>
      <c r="P53" s="12">
        <v>203</v>
      </c>
      <c r="Q53" s="12">
        <v>1032</v>
      </c>
      <c r="R53" s="12">
        <v>245</v>
      </c>
    </row>
    <row r="54" spans="1:18" s="4" customFormat="1" x14ac:dyDescent="0.15">
      <c r="A54" s="3"/>
      <c r="B54" s="3" t="s">
        <v>1649</v>
      </c>
      <c r="C54" s="12">
        <v>953</v>
      </c>
      <c r="D54" s="12">
        <v>2036</v>
      </c>
      <c r="E54" s="12">
        <v>1028</v>
      </c>
      <c r="F54" s="12">
        <v>1008</v>
      </c>
      <c r="G54" s="12">
        <v>188</v>
      </c>
      <c r="H54" s="12">
        <v>234</v>
      </c>
      <c r="I54" s="12">
        <v>166</v>
      </c>
      <c r="J54" s="12">
        <v>248</v>
      </c>
      <c r="K54" s="12">
        <v>393</v>
      </c>
      <c r="L54" s="12">
        <v>278</v>
      </c>
      <c r="M54" s="12">
        <v>214</v>
      </c>
      <c r="N54" s="12">
        <v>315</v>
      </c>
      <c r="O54" s="12">
        <v>0</v>
      </c>
      <c r="P54" s="12">
        <v>324</v>
      </c>
      <c r="Q54" s="12">
        <v>1279</v>
      </c>
      <c r="R54" s="12">
        <v>433</v>
      </c>
    </row>
    <row r="55" spans="1:18" s="4" customFormat="1" x14ac:dyDescent="0.15">
      <c r="A55" s="3"/>
      <c r="B55" s="3" t="s">
        <v>1650</v>
      </c>
      <c r="C55" s="12">
        <v>383</v>
      </c>
      <c r="D55" s="12">
        <v>834</v>
      </c>
      <c r="E55" s="12">
        <v>470</v>
      </c>
      <c r="F55" s="12">
        <v>364</v>
      </c>
      <c r="G55" s="12">
        <v>58</v>
      </c>
      <c r="H55" s="12">
        <v>77</v>
      </c>
      <c r="I55" s="12">
        <v>123</v>
      </c>
      <c r="J55" s="12">
        <v>110</v>
      </c>
      <c r="K55" s="12">
        <v>134</v>
      </c>
      <c r="L55" s="12">
        <v>187</v>
      </c>
      <c r="M55" s="12">
        <v>71</v>
      </c>
      <c r="N55" s="12">
        <v>74</v>
      </c>
      <c r="O55" s="12">
        <v>0</v>
      </c>
      <c r="P55" s="12">
        <v>85</v>
      </c>
      <c r="Q55" s="12">
        <v>648</v>
      </c>
      <c r="R55" s="12">
        <v>101</v>
      </c>
    </row>
    <row r="56" spans="1:18" s="4" customFormat="1" x14ac:dyDescent="0.15">
      <c r="A56" s="3"/>
      <c r="B56" s="3" t="s">
        <v>1651</v>
      </c>
      <c r="C56" s="12">
        <v>726</v>
      </c>
      <c r="D56" s="12">
        <v>1704</v>
      </c>
      <c r="E56" s="12">
        <v>823</v>
      </c>
      <c r="F56" s="12">
        <v>881</v>
      </c>
      <c r="G56" s="12">
        <v>130</v>
      </c>
      <c r="H56" s="12">
        <v>210</v>
      </c>
      <c r="I56" s="12">
        <v>187</v>
      </c>
      <c r="J56" s="12">
        <v>177</v>
      </c>
      <c r="K56" s="12">
        <v>287</v>
      </c>
      <c r="L56" s="12">
        <v>257</v>
      </c>
      <c r="M56" s="12">
        <v>168</v>
      </c>
      <c r="N56" s="12">
        <v>288</v>
      </c>
      <c r="O56" s="12">
        <v>0</v>
      </c>
      <c r="P56" s="12">
        <v>228</v>
      </c>
      <c r="Q56" s="12">
        <v>1108</v>
      </c>
      <c r="R56" s="12">
        <v>368</v>
      </c>
    </row>
    <row r="57" spans="1:18" s="4" customFormat="1" x14ac:dyDescent="0.15">
      <c r="A57" s="3"/>
      <c r="B57" s="3" t="s">
        <v>1652</v>
      </c>
      <c r="C57" s="12">
        <v>525</v>
      </c>
      <c r="D57" s="12">
        <v>1080</v>
      </c>
      <c r="E57" s="12">
        <v>521</v>
      </c>
      <c r="F57" s="12">
        <v>559</v>
      </c>
      <c r="G57" s="12">
        <v>90</v>
      </c>
      <c r="H57" s="12">
        <v>113</v>
      </c>
      <c r="I57" s="12">
        <v>116</v>
      </c>
      <c r="J57" s="12">
        <v>136</v>
      </c>
      <c r="K57" s="12">
        <v>168</v>
      </c>
      <c r="L57" s="12">
        <v>138</v>
      </c>
      <c r="M57" s="12">
        <v>120</v>
      </c>
      <c r="N57" s="12">
        <v>199</v>
      </c>
      <c r="O57" s="12">
        <v>0</v>
      </c>
      <c r="P57" s="12">
        <v>152</v>
      </c>
      <c r="Q57" s="12">
        <v>677</v>
      </c>
      <c r="R57" s="12">
        <v>251</v>
      </c>
    </row>
    <row r="58" spans="1:18" s="4" customFormat="1" x14ac:dyDescent="0.15">
      <c r="A58" s="3"/>
      <c r="B58" s="3" t="s">
        <v>1653</v>
      </c>
      <c r="C58" s="12">
        <v>456</v>
      </c>
      <c r="D58" s="12">
        <v>889</v>
      </c>
      <c r="E58" s="12">
        <v>411</v>
      </c>
      <c r="F58" s="12">
        <v>478</v>
      </c>
      <c r="G58" s="12">
        <v>43</v>
      </c>
      <c r="H58" s="12">
        <v>88</v>
      </c>
      <c r="I58" s="12">
        <v>89</v>
      </c>
      <c r="J58" s="12">
        <v>70</v>
      </c>
      <c r="K58" s="12">
        <v>142</v>
      </c>
      <c r="L58" s="12">
        <v>134</v>
      </c>
      <c r="M58" s="12">
        <v>94</v>
      </c>
      <c r="N58" s="12">
        <v>229</v>
      </c>
      <c r="O58" s="12">
        <v>0</v>
      </c>
      <c r="P58" s="12">
        <v>83</v>
      </c>
      <c r="Q58" s="12">
        <v>526</v>
      </c>
      <c r="R58" s="12">
        <v>280</v>
      </c>
    </row>
    <row r="59" spans="1:18" s="4" customFormat="1" x14ac:dyDescent="0.15">
      <c r="A59" s="3"/>
      <c r="B59" s="3" t="s">
        <v>1654</v>
      </c>
      <c r="C59" s="12">
        <v>346</v>
      </c>
      <c r="D59" s="12">
        <v>847</v>
      </c>
      <c r="E59" s="12">
        <v>413</v>
      </c>
      <c r="F59" s="12">
        <v>434</v>
      </c>
      <c r="G59" s="12">
        <v>73</v>
      </c>
      <c r="H59" s="12">
        <v>84</v>
      </c>
      <c r="I59" s="12">
        <v>84</v>
      </c>
      <c r="J59" s="12">
        <v>92</v>
      </c>
      <c r="K59" s="12">
        <v>128</v>
      </c>
      <c r="L59" s="12">
        <v>136</v>
      </c>
      <c r="M59" s="12">
        <v>94</v>
      </c>
      <c r="N59" s="12">
        <v>156</v>
      </c>
      <c r="O59" s="12">
        <v>0</v>
      </c>
      <c r="P59" s="12">
        <v>117</v>
      </c>
      <c r="Q59" s="12">
        <v>535</v>
      </c>
      <c r="R59" s="12">
        <v>195</v>
      </c>
    </row>
    <row r="60" spans="1:18" s="4" customFormat="1" x14ac:dyDescent="0.15">
      <c r="A60" s="3"/>
      <c r="B60" s="3" t="s">
        <v>1655</v>
      </c>
      <c r="C60" s="12">
        <v>408</v>
      </c>
      <c r="D60" s="12">
        <v>812</v>
      </c>
      <c r="E60" s="12">
        <v>403</v>
      </c>
      <c r="F60" s="12">
        <v>409</v>
      </c>
      <c r="G60" s="12">
        <v>41</v>
      </c>
      <c r="H60" s="12">
        <v>64</v>
      </c>
      <c r="I60" s="12">
        <v>109</v>
      </c>
      <c r="J60" s="12">
        <v>78</v>
      </c>
      <c r="K60" s="12">
        <v>104</v>
      </c>
      <c r="L60" s="12">
        <v>134</v>
      </c>
      <c r="M60" s="12">
        <v>112</v>
      </c>
      <c r="N60" s="12">
        <v>170</v>
      </c>
      <c r="O60" s="12">
        <v>0</v>
      </c>
      <c r="P60" s="12">
        <v>69</v>
      </c>
      <c r="Q60" s="12">
        <v>514</v>
      </c>
      <c r="R60" s="12">
        <v>229</v>
      </c>
    </row>
    <row r="61" spans="1:18" s="4" customFormat="1" x14ac:dyDescent="0.15">
      <c r="A61" s="3"/>
      <c r="B61" s="3" t="s">
        <v>1656</v>
      </c>
      <c r="C61" s="12">
        <v>557</v>
      </c>
      <c r="D61" s="12">
        <v>1001</v>
      </c>
      <c r="E61" s="12">
        <v>527</v>
      </c>
      <c r="F61" s="12">
        <v>474</v>
      </c>
      <c r="G61" s="12">
        <v>65</v>
      </c>
      <c r="H61" s="12">
        <v>74</v>
      </c>
      <c r="I61" s="12">
        <v>90</v>
      </c>
      <c r="J61" s="12">
        <v>101</v>
      </c>
      <c r="K61" s="12">
        <v>153</v>
      </c>
      <c r="L61" s="12">
        <v>151</v>
      </c>
      <c r="M61" s="12">
        <v>117</v>
      </c>
      <c r="N61" s="12">
        <v>250</v>
      </c>
      <c r="O61" s="12">
        <v>0</v>
      </c>
      <c r="P61" s="12">
        <v>100</v>
      </c>
      <c r="Q61" s="12">
        <v>587</v>
      </c>
      <c r="R61" s="12">
        <v>314</v>
      </c>
    </row>
    <row r="62" spans="1:18" s="4" customFormat="1" x14ac:dyDescent="0.15">
      <c r="A62" s="3"/>
      <c r="B62" s="3" t="s">
        <v>1657</v>
      </c>
      <c r="C62" s="12">
        <v>927</v>
      </c>
      <c r="D62" s="12">
        <v>1988</v>
      </c>
      <c r="E62" s="12">
        <v>943</v>
      </c>
      <c r="F62" s="12">
        <v>1045</v>
      </c>
      <c r="G62" s="12">
        <v>108</v>
      </c>
      <c r="H62" s="12">
        <v>151</v>
      </c>
      <c r="I62" s="12">
        <v>217</v>
      </c>
      <c r="J62" s="12">
        <v>175</v>
      </c>
      <c r="K62" s="12">
        <v>254</v>
      </c>
      <c r="L62" s="12">
        <v>411</v>
      </c>
      <c r="M62" s="12">
        <v>286</v>
      </c>
      <c r="N62" s="12">
        <v>386</v>
      </c>
      <c r="O62" s="12">
        <v>0</v>
      </c>
      <c r="P62" s="12">
        <v>170</v>
      </c>
      <c r="Q62" s="12">
        <v>1304</v>
      </c>
      <c r="R62" s="12">
        <v>514</v>
      </c>
    </row>
    <row r="63" spans="1:18" s="4" customFormat="1" x14ac:dyDescent="0.15">
      <c r="A63" s="3"/>
      <c r="B63" s="3" t="s">
        <v>1658</v>
      </c>
      <c r="C63" s="12">
        <v>533</v>
      </c>
      <c r="D63" s="12">
        <v>1290</v>
      </c>
      <c r="E63" s="12">
        <v>623</v>
      </c>
      <c r="F63" s="12">
        <v>667</v>
      </c>
      <c r="G63" s="12">
        <v>100</v>
      </c>
      <c r="H63" s="12">
        <v>156</v>
      </c>
      <c r="I63" s="12">
        <v>130</v>
      </c>
      <c r="J63" s="12">
        <v>125</v>
      </c>
      <c r="K63" s="12">
        <v>189</v>
      </c>
      <c r="L63" s="12">
        <v>193</v>
      </c>
      <c r="M63" s="12">
        <v>127</v>
      </c>
      <c r="N63" s="12">
        <v>270</v>
      </c>
      <c r="O63" s="12">
        <v>0</v>
      </c>
      <c r="P63" s="12">
        <v>175</v>
      </c>
      <c r="Q63" s="12">
        <v>780</v>
      </c>
      <c r="R63" s="12">
        <v>335</v>
      </c>
    </row>
    <row r="64" spans="1:18" s="4" customFormat="1" x14ac:dyDescent="0.15">
      <c r="A64" s="3"/>
      <c r="B64" s="3" t="s">
        <v>1659</v>
      </c>
      <c r="C64" s="12">
        <v>560</v>
      </c>
      <c r="D64" s="12">
        <v>1302</v>
      </c>
      <c r="E64" s="12">
        <v>639</v>
      </c>
      <c r="F64" s="12">
        <v>663</v>
      </c>
      <c r="G64" s="12">
        <v>108</v>
      </c>
      <c r="H64" s="12">
        <v>135</v>
      </c>
      <c r="I64" s="12">
        <v>115</v>
      </c>
      <c r="J64" s="12">
        <v>111</v>
      </c>
      <c r="K64" s="12">
        <v>204</v>
      </c>
      <c r="L64" s="12">
        <v>197</v>
      </c>
      <c r="M64" s="12">
        <v>144</v>
      </c>
      <c r="N64" s="12">
        <v>288</v>
      </c>
      <c r="O64" s="12">
        <v>0</v>
      </c>
      <c r="P64" s="12">
        <v>179</v>
      </c>
      <c r="Q64" s="12">
        <v>762</v>
      </c>
      <c r="R64" s="12">
        <v>361</v>
      </c>
    </row>
    <row r="65" spans="1:18" s="4" customFormat="1" x14ac:dyDescent="0.15">
      <c r="A65" s="3"/>
      <c r="B65" s="3" t="s">
        <v>1660</v>
      </c>
      <c r="C65" s="12">
        <v>754</v>
      </c>
      <c r="D65" s="12">
        <v>1391</v>
      </c>
      <c r="E65" s="12">
        <v>656</v>
      </c>
      <c r="F65" s="12">
        <v>735</v>
      </c>
      <c r="G65" s="12">
        <v>98</v>
      </c>
      <c r="H65" s="12">
        <v>106</v>
      </c>
      <c r="I65" s="12">
        <v>179</v>
      </c>
      <c r="J65" s="12">
        <v>182</v>
      </c>
      <c r="K65" s="12">
        <v>193</v>
      </c>
      <c r="L65" s="12">
        <v>186</v>
      </c>
      <c r="M65" s="12">
        <v>149</v>
      </c>
      <c r="N65" s="12">
        <v>298</v>
      </c>
      <c r="O65" s="12">
        <v>0</v>
      </c>
      <c r="P65" s="12">
        <v>155</v>
      </c>
      <c r="Q65" s="12">
        <v>869</v>
      </c>
      <c r="R65" s="12">
        <v>367</v>
      </c>
    </row>
    <row r="66" spans="1:18" s="4" customFormat="1" x14ac:dyDescent="0.15">
      <c r="A66" s="3"/>
      <c r="B66" s="3" t="s">
        <v>1661</v>
      </c>
      <c r="C66" s="12">
        <v>636</v>
      </c>
      <c r="D66" s="12">
        <v>1298</v>
      </c>
      <c r="E66" s="12">
        <v>642</v>
      </c>
      <c r="F66" s="12">
        <v>656</v>
      </c>
      <c r="G66" s="12">
        <v>113</v>
      </c>
      <c r="H66" s="12">
        <v>100</v>
      </c>
      <c r="I66" s="12">
        <v>176</v>
      </c>
      <c r="J66" s="12">
        <v>192</v>
      </c>
      <c r="K66" s="12">
        <v>233</v>
      </c>
      <c r="L66" s="12">
        <v>195</v>
      </c>
      <c r="M66" s="12">
        <v>115</v>
      </c>
      <c r="N66" s="12">
        <v>174</v>
      </c>
      <c r="O66" s="12">
        <v>0</v>
      </c>
      <c r="P66" s="12">
        <v>157</v>
      </c>
      <c r="Q66" s="12">
        <v>914</v>
      </c>
      <c r="R66" s="12">
        <v>227</v>
      </c>
    </row>
    <row r="67" spans="1:18" s="4" customFormat="1" x14ac:dyDescent="0.15">
      <c r="A67" s="3"/>
      <c r="B67" s="3" t="s">
        <v>1662</v>
      </c>
      <c r="C67" s="12">
        <v>470</v>
      </c>
      <c r="D67" s="12">
        <v>1047</v>
      </c>
      <c r="E67" s="12">
        <v>529</v>
      </c>
      <c r="F67" s="12">
        <v>518</v>
      </c>
      <c r="G67" s="12">
        <v>93</v>
      </c>
      <c r="H67" s="12">
        <v>122</v>
      </c>
      <c r="I67" s="12">
        <v>99</v>
      </c>
      <c r="J67" s="12">
        <v>115</v>
      </c>
      <c r="K67" s="12">
        <v>174</v>
      </c>
      <c r="L67" s="12">
        <v>157</v>
      </c>
      <c r="M67" s="12">
        <v>84</v>
      </c>
      <c r="N67" s="12">
        <v>203</v>
      </c>
      <c r="O67" s="12">
        <v>0</v>
      </c>
      <c r="P67" s="12">
        <v>153</v>
      </c>
      <c r="Q67" s="12">
        <v>665</v>
      </c>
      <c r="R67" s="12">
        <v>229</v>
      </c>
    </row>
    <row r="68" spans="1:18" s="4" customFormat="1" x14ac:dyDescent="0.15">
      <c r="A68" s="3"/>
      <c r="B68" s="3" t="s">
        <v>1663</v>
      </c>
      <c r="C68" s="12">
        <v>447</v>
      </c>
      <c r="D68" s="12">
        <v>976</v>
      </c>
      <c r="E68" s="12">
        <v>492</v>
      </c>
      <c r="F68" s="12">
        <v>484</v>
      </c>
      <c r="G68" s="12">
        <v>84</v>
      </c>
      <c r="H68" s="12">
        <v>93</v>
      </c>
      <c r="I68" s="12">
        <v>148</v>
      </c>
      <c r="J68" s="12">
        <v>136</v>
      </c>
      <c r="K68" s="12">
        <v>146</v>
      </c>
      <c r="L68" s="12">
        <v>141</v>
      </c>
      <c r="M68" s="12">
        <v>81</v>
      </c>
      <c r="N68" s="12">
        <v>147</v>
      </c>
      <c r="O68" s="12">
        <v>0</v>
      </c>
      <c r="P68" s="12">
        <v>137</v>
      </c>
      <c r="Q68" s="12">
        <v>647</v>
      </c>
      <c r="R68" s="12">
        <v>192</v>
      </c>
    </row>
    <row r="69" spans="1:18" s="4" customFormat="1" x14ac:dyDescent="0.15">
      <c r="A69" s="3"/>
      <c r="B69" s="3" t="s">
        <v>1664</v>
      </c>
      <c r="C69" s="12">
        <v>612</v>
      </c>
      <c r="D69" s="12">
        <v>1184</v>
      </c>
      <c r="E69" s="12">
        <v>605</v>
      </c>
      <c r="F69" s="12">
        <v>579</v>
      </c>
      <c r="G69" s="12">
        <v>98</v>
      </c>
      <c r="H69" s="12">
        <v>93</v>
      </c>
      <c r="I69" s="12">
        <v>132</v>
      </c>
      <c r="J69" s="12">
        <v>139</v>
      </c>
      <c r="K69" s="12">
        <v>173</v>
      </c>
      <c r="L69" s="12">
        <v>170</v>
      </c>
      <c r="M69" s="12">
        <v>121</v>
      </c>
      <c r="N69" s="12">
        <v>258</v>
      </c>
      <c r="O69" s="12">
        <v>0</v>
      </c>
      <c r="P69" s="12">
        <v>146</v>
      </c>
      <c r="Q69" s="12">
        <v>726</v>
      </c>
      <c r="R69" s="12">
        <v>312</v>
      </c>
    </row>
    <row r="70" spans="1:18" s="4" customFormat="1" x14ac:dyDescent="0.15">
      <c r="A70" s="3"/>
      <c r="B70" s="3" t="s">
        <v>1665</v>
      </c>
      <c r="C70" s="12">
        <v>241</v>
      </c>
      <c r="D70" s="12">
        <v>548</v>
      </c>
      <c r="E70" s="12">
        <v>268</v>
      </c>
      <c r="F70" s="12">
        <v>280</v>
      </c>
      <c r="G70" s="12">
        <v>51</v>
      </c>
      <c r="H70" s="12">
        <v>51</v>
      </c>
      <c r="I70" s="12">
        <v>47</v>
      </c>
      <c r="J70" s="12">
        <v>43</v>
      </c>
      <c r="K70" s="12">
        <v>69</v>
      </c>
      <c r="L70" s="12">
        <v>88</v>
      </c>
      <c r="M70" s="12">
        <v>78</v>
      </c>
      <c r="N70" s="12">
        <v>121</v>
      </c>
      <c r="O70" s="12">
        <v>0</v>
      </c>
      <c r="P70" s="12">
        <v>76</v>
      </c>
      <c r="Q70" s="12">
        <v>310</v>
      </c>
      <c r="R70" s="12">
        <v>162</v>
      </c>
    </row>
    <row r="71" spans="1:18" s="4" customFormat="1" x14ac:dyDescent="0.15">
      <c r="A71" s="3"/>
      <c r="B71" s="3" t="s">
        <v>1666</v>
      </c>
      <c r="C71" s="12">
        <v>384</v>
      </c>
      <c r="D71" s="12">
        <v>894</v>
      </c>
      <c r="E71" s="12">
        <v>450</v>
      </c>
      <c r="F71" s="12">
        <v>444</v>
      </c>
      <c r="G71" s="12">
        <v>77</v>
      </c>
      <c r="H71" s="12">
        <v>97</v>
      </c>
      <c r="I71" s="12">
        <v>54</v>
      </c>
      <c r="J71" s="12">
        <v>76</v>
      </c>
      <c r="K71" s="12">
        <v>143</v>
      </c>
      <c r="L71" s="12">
        <v>123</v>
      </c>
      <c r="M71" s="12">
        <v>99</v>
      </c>
      <c r="N71" s="12">
        <v>225</v>
      </c>
      <c r="O71" s="12">
        <v>0</v>
      </c>
      <c r="P71" s="12">
        <v>129</v>
      </c>
      <c r="Q71" s="12">
        <v>495</v>
      </c>
      <c r="R71" s="12">
        <v>270</v>
      </c>
    </row>
    <row r="72" spans="1:18" s="4" customFormat="1" x14ac:dyDescent="0.15">
      <c r="A72" s="3"/>
      <c r="B72" s="3" t="s">
        <v>1667</v>
      </c>
      <c r="C72" s="12">
        <v>223</v>
      </c>
      <c r="D72" s="12">
        <v>577</v>
      </c>
      <c r="E72" s="12">
        <v>284</v>
      </c>
      <c r="F72" s="12">
        <v>293</v>
      </c>
      <c r="G72" s="12">
        <v>69</v>
      </c>
      <c r="H72" s="12">
        <v>59</v>
      </c>
      <c r="I72" s="12">
        <v>32</v>
      </c>
      <c r="J72" s="12">
        <v>51</v>
      </c>
      <c r="K72" s="12">
        <v>99</v>
      </c>
      <c r="L72" s="12">
        <v>92</v>
      </c>
      <c r="M72" s="12">
        <v>48</v>
      </c>
      <c r="N72" s="12">
        <v>127</v>
      </c>
      <c r="O72" s="12">
        <v>0</v>
      </c>
      <c r="P72" s="12">
        <v>102</v>
      </c>
      <c r="Q72" s="12">
        <v>320</v>
      </c>
      <c r="R72" s="12">
        <v>155</v>
      </c>
    </row>
    <row r="73" spans="1:18" s="4" customFormat="1" x14ac:dyDescent="0.15">
      <c r="A73" s="3"/>
      <c r="B73" s="3" t="s">
        <v>1668</v>
      </c>
      <c r="C73" s="12">
        <v>864</v>
      </c>
      <c r="D73" s="12">
        <v>1928</v>
      </c>
      <c r="E73" s="12">
        <v>910</v>
      </c>
      <c r="F73" s="12">
        <v>1018</v>
      </c>
      <c r="G73" s="12">
        <v>129</v>
      </c>
      <c r="H73" s="12">
        <v>238</v>
      </c>
      <c r="I73" s="12">
        <v>203</v>
      </c>
      <c r="J73" s="12">
        <v>171</v>
      </c>
      <c r="K73" s="12">
        <v>314</v>
      </c>
      <c r="L73" s="12">
        <v>325</v>
      </c>
      <c r="M73" s="12">
        <v>201</v>
      </c>
      <c r="N73" s="12">
        <v>347</v>
      </c>
      <c r="O73" s="12">
        <v>0</v>
      </c>
      <c r="P73" s="12">
        <v>246</v>
      </c>
      <c r="Q73" s="12">
        <v>1257</v>
      </c>
      <c r="R73" s="12">
        <v>425</v>
      </c>
    </row>
    <row r="74" spans="1:18" s="4" customFormat="1" x14ac:dyDescent="0.15">
      <c r="A74" s="3"/>
      <c r="B74" s="3" t="s">
        <v>1669</v>
      </c>
      <c r="C74" s="12">
        <v>512</v>
      </c>
      <c r="D74" s="12">
        <v>883</v>
      </c>
      <c r="E74" s="12">
        <v>424</v>
      </c>
      <c r="F74" s="12">
        <v>459</v>
      </c>
      <c r="G74" s="12">
        <v>40</v>
      </c>
      <c r="H74" s="12">
        <v>71</v>
      </c>
      <c r="I74" s="12">
        <v>70</v>
      </c>
      <c r="J74" s="12">
        <v>80</v>
      </c>
      <c r="K74" s="12">
        <v>99</v>
      </c>
      <c r="L74" s="12">
        <v>117</v>
      </c>
      <c r="M74" s="12">
        <v>127</v>
      </c>
      <c r="N74" s="12">
        <v>279</v>
      </c>
      <c r="O74" s="12">
        <v>0</v>
      </c>
      <c r="P74" s="12">
        <v>75</v>
      </c>
      <c r="Q74" s="12">
        <v>464</v>
      </c>
      <c r="R74" s="12">
        <v>344</v>
      </c>
    </row>
    <row r="75" spans="1:18" s="4" customFormat="1" x14ac:dyDescent="0.15">
      <c r="A75" s="3"/>
      <c r="B75" s="3" t="s">
        <v>1670</v>
      </c>
      <c r="C75" s="12">
        <v>414</v>
      </c>
      <c r="D75" s="12">
        <v>934</v>
      </c>
      <c r="E75" s="12">
        <v>449</v>
      </c>
      <c r="F75" s="12">
        <v>485</v>
      </c>
      <c r="G75" s="12">
        <v>104</v>
      </c>
      <c r="H75" s="12">
        <v>91</v>
      </c>
      <c r="I75" s="12">
        <v>90</v>
      </c>
      <c r="J75" s="12">
        <v>123</v>
      </c>
      <c r="K75" s="12">
        <v>158</v>
      </c>
      <c r="L75" s="12">
        <v>111</v>
      </c>
      <c r="M75" s="12">
        <v>82</v>
      </c>
      <c r="N75" s="12">
        <v>175</v>
      </c>
      <c r="O75" s="12">
        <v>0</v>
      </c>
      <c r="P75" s="12">
        <v>149</v>
      </c>
      <c r="Q75" s="12">
        <v>570</v>
      </c>
      <c r="R75" s="12">
        <v>215</v>
      </c>
    </row>
    <row r="76" spans="1:18" s="4" customFormat="1" x14ac:dyDescent="0.15">
      <c r="A76" s="3"/>
      <c r="B76" s="3" t="s">
        <v>1671</v>
      </c>
      <c r="C76" s="12">
        <v>639</v>
      </c>
      <c r="D76" s="12">
        <v>1407</v>
      </c>
      <c r="E76" s="12">
        <v>704</v>
      </c>
      <c r="F76" s="12">
        <v>703</v>
      </c>
      <c r="G76" s="12">
        <v>147</v>
      </c>
      <c r="H76" s="12">
        <v>102</v>
      </c>
      <c r="I76" s="12">
        <v>150</v>
      </c>
      <c r="J76" s="12">
        <v>174</v>
      </c>
      <c r="K76" s="12">
        <v>207</v>
      </c>
      <c r="L76" s="12">
        <v>209</v>
      </c>
      <c r="M76" s="12">
        <v>132</v>
      </c>
      <c r="N76" s="12">
        <v>286</v>
      </c>
      <c r="O76" s="12">
        <v>0</v>
      </c>
      <c r="P76" s="12">
        <v>201</v>
      </c>
      <c r="Q76" s="12">
        <v>857</v>
      </c>
      <c r="R76" s="12">
        <v>349</v>
      </c>
    </row>
    <row r="77" spans="1:18" s="4" customFormat="1" x14ac:dyDescent="0.15">
      <c r="A77" s="3"/>
      <c r="B77" s="3" t="s">
        <v>1672</v>
      </c>
      <c r="C77" s="12">
        <v>558</v>
      </c>
      <c r="D77" s="12">
        <v>1198</v>
      </c>
      <c r="E77" s="12">
        <v>571</v>
      </c>
      <c r="F77" s="12">
        <v>627</v>
      </c>
      <c r="G77" s="12">
        <v>91</v>
      </c>
      <c r="H77" s="12">
        <v>99</v>
      </c>
      <c r="I77" s="12">
        <v>130</v>
      </c>
      <c r="J77" s="12">
        <v>138</v>
      </c>
      <c r="K77" s="12">
        <v>178</v>
      </c>
      <c r="L77" s="12">
        <v>191</v>
      </c>
      <c r="M77" s="12">
        <v>150</v>
      </c>
      <c r="N77" s="12">
        <v>221</v>
      </c>
      <c r="O77" s="12">
        <v>0</v>
      </c>
      <c r="P77" s="12">
        <v>140</v>
      </c>
      <c r="Q77" s="12">
        <v>755</v>
      </c>
      <c r="R77" s="12">
        <v>303</v>
      </c>
    </row>
    <row r="78" spans="1:18" s="4" customFormat="1" x14ac:dyDescent="0.15">
      <c r="A78" s="3"/>
      <c r="B78" s="3" t="s">
        <v>1673</v>
      </c>
      <c r="C78" s="12">
        <v>668</v>
      </c>
      <c r="D78" s="12">
        <v>1610</v>
      </c>
      <c r="E78" s="12">
        <v>818</v>
      </c>
      <c r="F78" s="12">
        <v>792</v>
      </c>
      <c r="G78" s="12">
        <v>195</v>
      </c>
      <c r="H78" s="12">
        <v>193</v>
      </c>
      <c r="I78" s="12">
        <v>231</v>
      </c>
      <c r="J78" s="12">
        <v>217</v>
      </c>
      <c r="K78" s="12">
        <v>267</v>
      </c>
      <c r="L78" s="12">
        <v>182</v>
      </c>
      <c r="M78" s="12">
        <v>127</v>
      </c>
      <c r="N78" s="12">
        <v>198</v>
      </c>
      <c r="O78" s="12">
        <v>0</v>
      </c>
      <c r="P78" s="12">
        <v>304</v>
      </c>
      <c r="Q78" s="12">
        <v>1034</v>
      </c>
      <c r="R78" s="12">
        <v>272</v>
      </c>
    </row>
    <row r="79" spans="1:18" s="4" customFormat="1" x14ac:dyDescent="0.15">
      <c r="A79" s="3"/>
      <c r="B79" s="3" t="s">
        <v>1674</v>
      </c>
      <c r="C79" s="12">
        <v>594</v>
      </c>
      <c r="D79" s="12">
        <v>1365</v>
      </c>
      <c r="E79" s="12">
        <v>660</v>
      </c>
      <c r="F79" s="12">
        <v>705</v>
      </c>
      <c r="G79" s="12">
        <v>133</v>
      </c>
      <c r="H79" s="12">
        <v>119</v>
      </c>
      <c r="I79" s="12">
        <v>115</v>
      </c>
      <c r="J79" s="12">
        <v>156</v>
      </c>
      <c r="K79" s="12">
        <v>220</v>
      </c>
      <c r="L79" s="12">
        <v>171</v>
      </c>
      <c r="M79" s="12">
        <v>136</v>
      </c>
      <c r="N79" s="12">
        <v>315</v>
      </c>
      <c r="O79" s="12">
        <v>0</v>
      </c>
      <c r="P79" s="12">
        <v>199</v>
      </c>
      <c r="Q79" s="12">
        <v>780</v>
      </c>
      <c r="R79" s="12">
        <v>386</v>
      </c>
    </row>
    <row r="80" spans="1:18" s="4" customFormat="1" x14ac:dyDescent="0.15">
      <c r="A80" s="3"/>
      <c r="B80" s="3" t="s">
        <v>1675</v>
      </c>
      <c r="C80" s="12">
        <v>485</v>
      </c>
      <c r="D80" s="12">
        <v>1108</v>
      </c>
      <c r="E80" s="12">
        <v>562</v>
      </c>
      <c r="F80" s="12">
        <v>546</v>
      </c>
      <c r="G80" s="12">
        <v>77</v>
      </c>
      <c r="H80" s="12">
        <v>107</v>
      </c>
      <c r="I80" s="12">
        <v>145</v>
      </c>
      <c r="J80" s="12">
        <v>137</v>
      </c>
      <c r="K80" s="12">
        <v>163</v>
      </c>
      <c r="L80" s="12">
        <v>168</v>
      </c>
      <c r="M80" s="12">
        <v>112</v>
      </c>
      <c r="N80" s="12">
        <v>199</v>
      </c>
      <c r="O80" s="12">
        <v>0</v>
      </c>
      <c r="P80" s="12">
        <v>134</v>
      </c>
      <c r="Q80" s="12">
        <v>716</v>
      </c>
      <c r="R80" s="12">
        <v>258</v>
      </c>
    </row>
    <row r="81" spans="1:18" s="4" customFormat="1" x14ac:dyDescent="0.15">
      <c r="A81" s="3"/>
      <c r="B81" s="3" t="s">
        <v>1676</v>
      </c>
      <c r="C81" s="12">
        <v>733</v>
      </c>
      <c r="D81" s="12">
        <v>1436</v>
      </c>
      <c r="E81" s="12">
        <v>684</v>
      </c>
      <c r="F81" s="12">
        <v>752</v>
      </c>
      <c r="G81" s="12">
        <v>98</v>
      </c>
      <c r="H81" s="12">
        <v>146</v>
      </c>
      <c r="I81" s="12">
        <v>166</v>
      </c>
      <c r="J81" s="12">
        <v>138</v>
      </c>
      <c r="K81" s="12">
        <v>219</v>
      </c>
      <c r="L81" s="12">
        <v>200</v>
      </c>
      <c r="M81" s="12">
        <v>152</v>
      </c>
      <c r="N81" s="12">
        <v>317</v>
      </c>
      <c r="O81" s="12">
        <v>0</v>
      </c>
      <c r="P81" s="12">
        <v>169</v>
      </c>
      <c r="Q81" s="12">
        <v>865</v>
      </c>
      <c r="R81" s="12">
        <v>402</v>
      </c>
    </row>
    <row r="82" spans="1:18" s="4" customFormat="1" x14ac:dyDescent="0.15">
      <c r="A82" s="3"/>
      <c r="B82" s="3" t="s">
        <v>1677</v>
      </c>
      <c r="C82" s="12">
        <v>631</v>
      </c>
      <c r="D82" s="12">
        <v>1292</v>
      </c>
      <c r="E82" s="12">
        <v>653</v>
      </c>
      <c r="F82" s="12">
        <v>639</v>
      </c>
      <c r="G82" s="12">
        <v>90</v>
      </c>
      <c r="H82" s="12">
        <v>107</v>
      </c>
      <c r="I82" s="12">
        <v>105</v>
      </c>
      <c r="J82" s="12">
        <v>145</v>
      </c>
      <c r="K82" s="12">
        <v>180</v>
      </c>
      <c r="L82" s="12">
        <v>202</v>
      </c>
      <c r="M82" s="12">
        <v>146</v>
      </c>
      <c r="N82" s="12">
        <v>317</v>
      </c>
      <c r="O82" s="12">
        <v>0</v>
      </c>
      <c r="P82" s="12">
        <v>143</v>
      </c>
      <c r="Q82" s="12">
        <v>767</v>
      </c>
      <c r="R82" s="12">
        <v>382</v>
      </c>
    </row>
    <row r="83" spans="1:18" s="4" customFormat="1" x14ac:dyDescent="0.15">
      <c r="A83" s="3"/>
      <c r="B83" s="3" t="s">
        <v>1678</v>
      </c>
      <c r="C83" s="12">
        <v>512</v>
      </c>
      <c r="D83" s="12">
        <v>1166</v>
      </c>
      <c r="E83" s="12">
        <v>579</v>
      </c>
      <c r="F83" s="12">
        <v>587</v>
      </c>
      <c r="G83" s="12">
        <v>106</v>
      </c>
      <c r="H83" s="12">
        <v>136</v>
      </c>
      <c r="I83" s="12">
        <v>168</v>
      </c>
      <c r="J83" s="12">
        <v>138</v>
      </c>
      <c r="K83" s="12">
        <v>214</v>
      </c>
      <c r="L83" s="12">
        <v>190</v>
      </c>
      <c r="M83" s="12">
        <v>89</v>
      </c>
      <c r="N83" s="12">
        <v>125</v>
      </c>
      <c r="O83" s="12">
        <v>0</v>
      </c>
      <c r="P83" s="12">
        <v>159</v>
      </c>
      <c r="Q83" s="12">
        <v>836</v>
      </c>
      <c r="R83" s="12">
        <v>171</v>
      </c>
    </row>
    <row r="84" spans="1:18" s="4" customFormat="1" x14ac:dyDescent="0.15">
      <c r="A84" s="3"/>
      <c r="B84" s="3" t="s">
        <v>1679</v>
      </c>
      <c r="C84" s="12">
        <v>435</v>
      </c>
      <c r="D84" s="12">
        <v>840</v>
      </c>
      <c r="E84" s="12">
        <v>418</v>
      </c>
      <c r="F84" s="12">
        <v>422</v>
      </c>
      <c r="G84" s="12">
        <v>70</v>
      </c>
      <c r="H84" s="12">
        <v>46</v>
      </c>
      <c r="I84" s="12">
        <v>102</v>
      </c>
      <c r="J84" s="12">
        <v>128</v>
      </c>
      <c r="K84" s="12">
        <v>108</v>
      </c>
      <c r="L84" s="12">
        <v>97</v>
      </c>
      <c r="M84" s="12">
        <v>97</v>
      </c>
      <c r="N84" s="12">
        <v>192</v>
      </c>
      <c r="O84" s="12">
        <v>0</v>
      </c>
      <c r="P84" s="12">
        <v>95</v>
      </c>
      <c r="Q84" s="12">
        <v>497</v>
      </c>
      <c r="R84" s="12">
        <v>248</v>
      </c>
    </row>
    <row r="85" spans="1:18" s="4" customFormat="1" x14ac:dyDescent="0.15">
      <c r="A85" s="3"/>
      <c r="B85" s="3" t="s">
        <v>1680</v>
      </c>
      <c r="C85" s="12">
        <v>619</v>
      </c>
      <c r="D85" s="12">
        <v>1324</v>
      </c>
      <c r="E85" s="12">
        <v>667</v>
      </c>
      <c r="F85" s="12">
        <v>657</v>
      </c>
      <c r="G85" s="12">
        <v>110</v>
      </c>
      <c r="H85" s="12">
        <v>128</v>
      </c>
      <c r="I85" s="12">
        <v>161</v>
      </c>
      <c r="J85" s="12">
        <v>175</v>
      </c>
      <c r="K85" s="12">
        <v>199</v>
      </c>
      <c r="L85" s="12">
        <v>208</v>
      </c>
      <c r="M85" s="12">
        <v>130</v>
      </c>
      <c r="N85" s="12">
        <v>213</v>
      </c>
      <c r="O85" s="12">
        <v>0</v>
      </c>
      <c r="P85" s="12">
        <v>169</v>
      </c>
      <c r="Q85" s="12">
        <v>881</v>
      </c>
      <c r="R85" s="12">
        <v>274</v>
      </c>
    </row>
    <row r="86" spans="1:18" s="4" customFormat="1" x14ac:dyDescent="0.15">
      <c r="A86" s="3"/>
      <c r="B86" s="3" t="s">
        <v>1681</v>
      </c>
      <c r="C86" s="12">
        <v>346</v>
      </c>
      <c r="D86" s="12">
        <v>725</v>
      </c>
      <c r="E86" s="12">
        <v>363</v>
      </c>
      <c r="F86" s="12">
        <v>362</v>
      </c>
      <c r="G86" s="12">
        <v>43</v>
      </c>
      <c r="H86" s="12">
        <v>56</v>
      </c>
      <c r="I86" s="12">
        <v>62</v>
      </c>
      <c r="J86" s="12">
        <v>71</v>
      </c>
      <c r="K86" s="12">
        <v>96</v>
      </c>
      <c r="L86" s="12">
        <v>114</v>
      </c>
      <c r="M86" s="12">
        <v>80</v>
      </c>
      <c r="N86" s="12">
        <v>203</v>
      </c>
      <c r="O86" s="12">
        <v>0</v>
      </c>
      <c r="P86" s="12">
        <v>65</v>
      </c>
      <c r="Q86" s="12">
        <v>409</v>
      </c>
      <c r="R86" s="12">
        <v>251</v>
      </c>
    </row>
    <row r="87" spans="1:18" s="4" customFormat="1" x14ac:dyDescent="0.15">
      <c r="A87" s="3"/>
      <c r="B87" s="3" t="s">
        <v>1682</v>
      </c>
      <c r="C87" s="12">
        <v>487</v>
      </c>
      <c r="D87" s="12">
        <v>1074</v>
      </c>
      <c r="E87" s="12">
        <v>519</v>
      </c>
      <c r="F87" s="12">
        <v>555</v>
      </c>
      <c r="G87" s="12">
        <v>100</v>
      </c>
      <c r="H87" s="12">
        <v>95</v>
      </c>
      <c r="I87" s="12">
        <v>104</v>
      </c>
      <c r="J87" s="12">
        <v>148</v>
      </c>
      <c r="K87" s="12">
        <v>159</v>
      </c>
      <c r="L87" s="12">
        <v>158</v>
      </c>
      <c r="M87" s="12">
        <v>132</v>
      </c>
      <c r="N87" s="12">
        <v>178</v>
      </c>
      <c r="O87" s="12">
        <v>0</v>
      </c>
      <c r="P87" s="12">
        <v>151</v>
      </c>
      <c r="Q87" s="12">
        <v>681</v>
      </c>
      <c r="R87" s="12">
        <v>242</v>
      </c>
    </row>
    <row r="88" spans="1:18" s="4" customFormat="1" x14ac:dyDescent="0.15">
      <c r="A88" s="3"/>
      <c r="B88" s="3" t="s">
        <v>1683</v>
      </c>
      <c r="C88" s="12">
        <v>551</v>
      </c>
      <c r="D88" s="12">
        <v>1242</v>
      </c>
      <c r="E88" s="12">
        <v>625</v>
      </c>
      <c r="F88" s="12">
        <v>617</v>
      </c>
      <c r="G88" s="12">
        <v>133</v>
      </c>
      <c r="H88" s="12">
        <v>114</v>
      </c>
      <c r="I88" s="12">
        <v>134</v>
      </c>
      <c r="J88" s="12">
        <v>173</v>
      </c>
      <c r="K88" s="12">
        <v>210</v>
      </c>
      <c r="L88" s="12">
        <v>156</v>
      </c>
      <c r="M88" s="12">
        <v>105</v>
      </c>
      <c r="N88" s="12">
        <v>217</v>
      </c>
      <c r="O88" s="12">
        <v>0</v>
      </c>
      <c r="P88" s="12">
        <v>182</v>
      </c>
      <c r="Q88" s="12">
        <v>783</v>
      </c>
      <c r="R88" s="12">
        <v>277</v>
      </c>
    </row>
    <row r="89" spans="1:18" s="4" customFormat="1" x14ac:dyDescent="0.15">
      <c r="A89" s="3"/>
      <c r="B89" s="3" t="s">
        <v>1684</v>
      </c>
      <c r="C89" s="12">
        <v>508</v>
      </c>
      <c r="D89" s="12">
        <v>1155</v>
      </c>
      <c r="E89" s="12">
        <v>582</v>
      </c>
      <c r="F89" s="12">
        <v>573</v>
      </c>
      <c r="G89" s="12">
        <v>94</v>
      </c>
      <c r="H89" s="12">
        <v>132</v>
      </c>
      <c r="I89" s="12">
        <v>125</v>
      </c>
      <c r="J89" s="12">
        <v>139</v>
      </c>
      <c r="K89" s="12">
        <v>200</v>
      </c>
      <c r="L89" s="12">
        <v>161</v>
      </c>
      <c r="M89" s="12">
        <v>107</v>
      </c>
      <c r="N89" s="12">
        <v>197</v>
      </c>
      <c r="O89" s="12">
        <v>0</v>
      </c>
      <c r="P89" s="12">
        <v>151</v>
      </c>
      <c r="Q89" s="12">
        <v>752</v>
      </c>
      <c r="R89" s="12">
        <v>252</v>
      </c>
    </row>
    <row r="90" spans="1:18" s="4" customFormat="1" x14ac:dyDescent="0.15">
      <c r="A90" s="3"/>
      <c r="B90" s="3" t="s">
        <v>1685</v>
      </c>
      <c r="C90" s="12">
        <v>590</v>
      </c>
      <c r="D90" s="12">
        <v>1455</v>
      </c>
      <c r="E90" s="12">
        <v>695</v>
      </c>
      <c r="F90" s="12">
        <v>760</v>
      </c>
      <c r="G90" s="12">
        <v>147</v>
      </c>
      <c r="H90" s="12">
        <v>143</v>
      </c>
      <c r="I90" s="12">
        <v>187</v>
      </c>
      <c r="J90" s="12">
        <v>175</v>
      </c>
      <c r="K90" s="12">
        <v>238</v>
      </c>
      <c r="L90" s="12">
        <v>213</v>
      </c>
      <c r="M90" s="12">
        <v>125</v>
      </c>
      <c r="N90" s="12">
        <v>227</v>
      </c>
      <c r="O90" s="12">
        <v>0</v>
      </c>
      <c r="P90" s="12">
        <v>206</v>
      </c>
      <c r="Q90" s="12">
        <v>963</v>
      </c>
      <c r="R90" s="12">
        <v>286</v>
      </c>
    </row>
    <row r="91" spans="1:18" s="4" customFormat="1" x14ac:dyDescent="0.15">
      <c r="A91" s="3"/>
      <c r="B91" s="3" t="s">
        <v>1686</v>
      </c>
      <c r="C91" s="12">
        <v>477</v>
      </c>
      <c r="D91" s="12">
        <v>1051</v>
      </c>
      <c r="E91" s="12">
        <v>516</v>
      </c>
      <c r="F91" s="12">
        <v>535</v>
      </c>
      <c r="G91" s="12">
        <v>51</v>
      </c>
      <c r="H91" s="12">
        <v>87</v>
      </c>
      <c r="I91" s="12">
        <v>123</v>
      </c>
      <c r="J91" s="12">
        <v>101</v>
      </c>
      <c r="K91" s="12">
        <v>146</v>
      </c>
      <c r="L91" s="12">
        <v>185</v>
      </c>
      <c r="M91" s="12">
        <v>136</v>
      </c>
      <c r="N91" s="12">
        <v>222</v>
      </c>
      <c r="O91" s="12">
        <v>0</v>
      </c>
      <c r="P91" s="12">
        <v>98</v>
      </c>
      <c r="Q91" s="12">
        <v>664</v>
      </c>
      <c r="R91" s="12">
        <v>289</v>
      </c>
    </row>
    <row r="92" spans="1:18" s="4" customFormat="1" x14ac:dyDescent="0.15">
      <c r="A92" s="3"/>
      <c r="B92" s="3" t="s">
        <v>1687</v>
      </c>
      <c r="C92" s="12">
        <v>260</v>
      </c>
      <c r="D92" s="12">
        <v>570</v>
      </c>
      <c r="E92" s="12">
        <v>287</v>
      </c>
      <c r="F92" s="12">
        <v>283</v>
      </c>
      <c r="G92" s="12">
        <v>33</v>
      </c>
      <c r="H92" s="12">
        <v>51</v>
      </c>
      <c r="I92" s="12">
        <v>37</v>
      </c>
      <c r="J92" s="12">
        <v>43</v>
      </c>
      <c r="K92" s="12">
        <v>72</v>
      </c>
      <c r="L92" s="12">
        <v>88</v>
      </c>
      <c r="M92" s="12">
        <v>100</v>
      </c>
      <c r="N92" s="12">
        <v>146</v>
      </c>
      <c r="O92" s="12">
        <v>0</v>
      </c>
      <c r="P92" s="12">
        <v>51</v>
      </c>
      <c r="Q92" s="12">
        <v>321</v>
      </c>
      <c r="R92" s="12">
        <v>198</v>
      </c>
    </row>
    <row r="93" spans="1:18" s="4" customFormat="1" x14ac:dyDescent="0.15">
      <c r="A93" s="3"/>
      <c r="B93" s="3" t="s">
        <v>1688</v>
      </c>
      <c r="C93" s="12">
        <v>840</v>
      </c>
      <c r="D93" s="12">
        <v>1801</v>
      </c>
      <c r="E93" s="12">
        <v>833</v>
      </c>
      <c r="F93" s="12">
        <v>968</v>
      </c>
      <c r="G93" s="12">
        <v>75</v>
      </c>
      <c r="H93" s="12">
        <v>174</v>
      </c>
      <c r="I93" s="12">
        <v>196</v>
      </c>
      <c r="J93" s="12">
        <v>129</v>
      </c>
      <c r="K93" s="12">
        <v>229</v>
      </c>
      <c r="L93" s="12">
        <v>246</v>
      </c>
      <c r="M93" s="12">
        <v>238</v>
      </c>
      <c r="N93" s="12">
        <v>514</v>
      </c>
      <c r="O93" s="12">
        <v>0</v>
      </c>
      <c r="P93" s="12">
        <v>154</v>
      </c>
      <c r="Q93" s="12">
        <v>1009</v>
      </c>
      <c r="R93" s="12">
        <v>638</v>
      </c>
    </row>
    <row r="94" spans="1:18" s="4" customFormat="1" x14ac:dyDescent="0.15">
      <c r="A94" s="3"/>
      <c r="B94" s="3" t="s">
        <v>1689</v>
      </c>
      <c r="C94" s="12">
        <v>642</v>
      </c>
      <c r="D94" s="12">
        <v>1301</v>
      </c>
      <c r="E94" s="12">
        <v>648</v>
      </c>
      <c r="F94" s="12">
        <v>653</v>
      </c>
      <c r="G94" s="12">
        <v>133</v>
      </c>
      <c r="H94" s="12">
        <v>78</v>
      </c>
      <c r="I94" s="12">
        <v>121</v>
      </c>
      <c r="J94" s="12">
        <v>174</v>
      </c>
      <c r="K94" s="12">
        <v>177</v>
      </c>
      <c r="L94" s="12">
        <v>184</v>
      </c>
      <c r="M94" s="12">
        <v>156</v>
      </c>
      <c r="N94" s="12">
        <v>278</v>
      </c>
      <c r="O94" s="12">
        <v>0</v>
      </c>
      <c r="P94" s="12">
        <v>174</v>
      </c>
      <c r="Q94" s="12">
        <v>773</v>
      </c>
      <c r="R94" s="12">
        <v>354</v>
      </c>
    </row>
    <row r="95" spans="1:18" s="4" customFormat="1" x14ac:dyDescent="0.15">
      <c r="A95" s="3"/>
      <c r="B95" s="3" t="s">
        <v>1690</v>
      </c>
      <c r="C95" s="12">
        <v>567</v>
      </c>
      <c r="D95" s="12">
        <v>1303</v>
      </c>
      <c r="E95" s="12">
        <v>632</v>
      </c>
      <c r="F95" s="12">
        <v>671</v>
      </c>
      <c r="G95" s="12">
        <v>148</v>
      </c>
      <c r="H95" s="12">
        <v>120</v>
      </c>
      <c r="I95" s="12">
        <v>129</v>
      </c>
      <c r="J95" s="12">
        <v>202</v>
      </c>
      <c r="K95" s="12">
        <v>243</v>
      </c>
      <c r="L95" s="12">
        <v>169</v>
      </c>
      <c r="M95" s="12">
        <v>108</v>
      </c>
      <c r="N95" s="12">
        <v>184</v>
      </c>
      <c r="O95" s="12">
        <v>0</v>
      </c>
      <c r="P95" s="12">
        <v>225</v>
      </c>
      <c r="Q95" s="12">
        <v>839</v>
      </c>
      <c r="R95" s="12">
        <v>239</v>
      </c>
    </row>
    <row r="96" spans="1:18" s="4" customFormat="1" x14ac:dyDescent="0.15">
      <c r="A96" s="3"/>
      <c r="B96" s="3" t="s">
        <v>1691</v>
      </c>
      <c r="C96" s="12">
        <v>803</v>
      </c>
      <c r="D96" s="12">
        <v>1502</v>
      </c>
      <c r="E96" s="12">
        <v>760</v>
      </c>
      <c r="F96" s="12">
        <v>742</v>
      </c>
      <c r="G96" s="12">
        <v>124</v>
      </c>
      <c r="H96" s="12">
        <v>143</v>
      </c>
      <c r="I96" s="12">
        <v>149</v>
      </c>
      <c r="J96" s="12">
        <v>187</v>
      </c>
      <c r="K96" s="12">
        <v>229</v>
      </c>
      <c r="L96" s="12">
        <v>207</v>
      </c>
      <c r="M96" s="12">
        <v>167</v>
      </c>
      <c r="N96" s="12">
        <v>296</v>
      </c>
      <c r="O96" s="12">
        <v>0</v>
      </c>
      <c r="P96" s="12">
        <v>196</v>
      </c>
      <c r="Q96" s="12">
        <v>923</v>
      </c>
      <c r="R96" s="12">
        <v>383</v>
      </c>
    </row>
    <row r="97" spans="1:18" s="4" customFormat="1" x14ac:dyDescent="0.15">
      <c r="A97" s="3"/>
      <c r="B97" s="3" t="s">
        <v>1692</v>
      </c>
      <c r="C97" s="12">
        <v>378</v>
      </c>
      <c r="D97" s="12">
        <v>772</v>
      </c>
      <c r="E97" s="12">
        <v>373</v>
      </c>
      <c r="F97" s="12">
        <v>399</v>
      </c>
      <c r="G97" s="12">
        <v>43</v>
      </c>
      <c r="H97" s="12">
        <v>58</v>
      </c>
      <c r="I97" s="12">
        <v>89</v>
      </c>
      <c r="J97" s="12">
        <v>81</v>
      </c>
      <c r="K97" s="12">
        <v>117</v>
      </c>
      <c r="L97" s="12">
        <v>127</v>
      </c>
      <c r="M97" s="12">
        <v>90</v>
      </c>
      <c r="N97" s="12">
        <v>167</v>
      </c>
      <c r="O97" s="12">
        <v>0</v>
      </c>
      <c r="P97" s="12">
        <v>70</v>
      </c>
      <c r="Q97" s="12">
        <v>490</v>
      </c>
      <c r="R97" s="12">
        <v>212</v>
      </c>
    </row>
    <row r="98" spans="1:18" s="4" customFormat="1" x14ac:dyDescent="0.15">
      <c r="A98" s="3"/>
      <c r="B98" s="3" t="s">
        <v>1693</v>
      </c>
      <c r="C98" s="12">
        <v>292</v>
      </c>
      <c r="D98" s="12">
        <v>709</v>
      </c>
      <c r="E98" s="12">
        <v>328</v>
      </c>
      <c r="F98" s="12">
        <v>381</v>
      </c>
      <c r="G98" s="12">
        <v>61</v>
      </c>
      <c r="H98" s="12">
        <v>56</v>
      </c>
      <c r="I98" s="12">
        <v>89</v>
      </c>
      <c r="J98" s="12">
        <v>100</v>
      </c>
      <c r="K98" s="12">
        <v>76</v>
      </c>
      <c r="L98" s="12">
        <v>121</v>
      </c>
      <c r="M98" s="12">
        <v>89</v>
      </c>
      <c r="N98" s="12">
        <v>117</v>
      </c>
      <c r="O98" s="12">
        <v>0</v>
      </c>
      <c r="P98" s="12">
        <v>82</v>
      </c>
      <c r="Q98" s="12">
        <v>455</v>
      </c>
      <c r="R98" s="12">
        <v>172</v>
      </c>
    </row>
    <row r="99" spans="1:18" s="4" customFormat="1" x14ac:dyDescent="0.15">
      <c r="A99" s="3"/>
      <c r="B99" s="3" t="s">
        <v>1694</v>
      </c>
      <c r="C99" s="12">
        <v>153</v>
      </c>
      <c r="D99" s="12">
        <v>325</v>
      </c>
      <c r="E99" s="12">
        <v>155</v>
      </c>
      <c r="F99" s="12">
        <v>170</v>
      </c>
      <c r="G99" s="12">
        <v>4</v>
      </c>
      <c r="H99" s="12">
        <v>19</v>
      </c>
      <c r="I99" s="12">
        <v>29</v>
      </c>
      <c r="J99" s="12">
        <v>32</v>
      </c>
      <c r="K99" s="12">
        <v>32</v>
      </c>
      <c r="L99" s="12">
        <v>49</v>
      </c>
      <c r="M99" s="12">
        <v>76</v>
      </c>
      <c r="N99" s="12">
        <v>84</v>
      </c>
      <c r="O99" s="12">
        <v>0</v>
      </c>
      <c r="P99" s="12">
        <v>9</v>
      </c>
      <c r="Q99" s="12">
        <v>193</v>
      </c>
      <c r="R99" s="12">
        <v>123</v>
      </c>
    </row>
    <row r="100" spans="1:18" s="4" customFormat="1" x14ac:dyDescent="0.15">
      <c r="A100" s="3"/>
      <c r="B100" s="3" t="s">
        <v>1695</v>
      </c>
      <c r="C100" s="12">
        <v>198</v>
      </c>
      <c r="D100" s="12">
        <v>395</v>
      </c>
      <c r="E100" s="12">
        <v>194</v>
      </c>
      <c r="F100" s="12">
        <v>201</v>
      </c>
      <c r="G100" s="12">
        <v>23</v>
      </c>
      <c r="H100" s="12">
        <v>30</v>
      </c>
      <c r="I100" s="12">
        <v>42</v>
      </c>
      <c r="J100" s="12">
        <v>41</v>
      </c>
      <c r="K100" s="12">
        <v>38</v>
      </c>
      <c r="L100" s="12">
        <v>65</v>
      </c>
      <c r="M100" s="12">
        <v>53</v>
      </c>
      <c r="N100" s="12">
        <v>103</v>
      </c>
      <c r="O100" s="12">
        <v>0</v>
      </c>
      <c r="P100" s="12">
        <v>33</v>
      </c>
      <c r="Q100" s="12">
        <v>229</v>
      </c>
      <c r="R100" s="12">
        <v>133</v>
      </c>
    </row>
    <row r="101" spans="1:18" s="4" customFormat="1" x14ac:dyDescent="0.15">
      <c r="A101" s="3"/>
      <c r="B101" s="3" t="s">
        <v>1696</v>
      </c>
      <c r="C101" s="12">
        <v>123</v>
      </c>
      <c r="D101" s="12">
        <v>177</v>
      </c>
      <c r="E101" s="12">
        <v>109</v>
      </c>
      <c r="F101" s="12">
        <v>68</v>
      </c>
      <c r="G101" s="12">
        <v>4</v>
      </c>
      <c r="H101" s="12">
        <v>10</v>
      </c>
      <c r="I101" s="12">
        <v>9</v>
      </c>
      <c r="J101" s="12">
        <v>15</v>
      </c>
      <c r="K101" s="12">
        <v>19</v>
      </c>
      <c r="L101" s="12">
        <v>14</v>
      </c>
      <c r="M101" s="12">
        <v>31</v>
      </c>
      <c r="N101" s="12">
        <v>75</v>
      </c>
      <c r="O101" s="12">
        <v>0</v>
      </c>
      <c r="P101" s="12">
        <v>7</v>
      </c>
      <c r="Q101" s="12">
        <v>79</v>
      </c>
      <c r="R101" s="12">
        <v>91</v>
      </c>
    </row>
    <row r="102" spans="1:18" s="4" customFormat="1" x14ac:dyDescent="0.15">
      <c r="A102" s="3"/>
      <c r="B102" s="3" t="s">
        <v>1697</v>
      </c>
      <c r="C102" s="12">
        <v>599</v>
      </c>
      <c r="D102" s="12">
        <v>1406</v>
      </c>
      <c r="E102" s="12">
        <v>693</v>
      </c>
      <c r="F102" s="12">
        <v>713</v>
      </c>
      <c r="G102" s="12">
        <v>104</v>
      </c>
      <c r="H102" s="12">
        <v>150</v>
      </c>
      <c r="I102" s="12">
        <v>125</v>
      </c>
      <c r="J102" s="12">
        <v>162</v>
      </c>
      <c r="K102" s="12">
        <v>246</v>
      </c>
      <c r="L102" s="12">
        <v>243</v>
      </c>
      <c r="M102" s="12">
        <v>144</v>
      </c>
      <c r="N102" s="12">
        <v>232</v>
      </c>
      <c r="O102" s="12">
        <v>0</v>
      </c>
      <c r="P102" s="12">
        <v>164</v>
      </c>
      <c r="Q102" s="12">
        <v>936</v>
      </c>
      <c r="R102" s="12">
        <v>306</v>
      </c>
    </row>
    <row r="103" spans="1:18" s="4" customFormat="1" x14ac:dyDescent="0.15">
      <c r="A103" s="3"/>
      <c r="B103" s="3" t="s">
        <v>1698</v>
      </c>
      <c r="C103" s="12">
        <v>369</v>
      </c>
      <c r="D103" s="12">
        <v>745</v>
      </c>
      <c r="E103" s="12">
        <v>383</v>
      </c>
      <c r="F103" s="12">
        <v>362</v>
      </c>
      <c r="G103" s="12">
        <v>51</v>
      </c>
      <c r="H103" s="12">
        <v>72</v>
      </c>
      <c r="I103" s="12">
        <v>88</v>
      </c>
      <c r="J103" s="12">
        <v>92</v>
      </c>
      <c r="K103" s="12">
        <v>127</v>
      </c>
      <c r="L103" s="12">
        <v>100</v>
      </c>
      <c r="M103" s="12">
        <v>93</v>
      </c>
      <c r="N103" s="12">
        <v>122</v>
      </c>
      <c r="O103" s="12">
        <v>0</v>
      </c>
      <c r="P103" s="12">
        <v>88</v>
      </c>
      <c r="Q103" s="12">
        <v>486</v>
      </c>
      <c r="R103" s="12">
        <v>171</v>
      </c>
    </row>
    <row r="104" spans="1:18" s="4" customFormat="1" x14ac:dyDescent="0.15">
      <c r="A104" s="3"/>
      <c r="B104" s="3" t="s">
        <v>1699</v>
      </c>
      <c r="C104" s="12">
        <v>472</v>
      </c>
      <c r="D104" s="12">
        <v>1071</v>
      </c>
      <c r="E104" s="12">
        <v>549</v>
      </c>
      <c r="F104" s="12">
        <v>522</v>
      </c>
      <c r="G104" s="12">
        <v>115</v>
      </c>
      <c r="H104" s="12">
        <v>105</v>
      </c>
      <c r="I104" s="12">
        <v>109</v>
      </c>
      <c r="J104" s="12">
        <v>145</v>
      </c>
      <c r="K104" s="12">
        <v>157</v>
      </c>
      <c r="L104" s="12">
        <v>147</v>
      </c>
      <c r="M104" s="12">
        <v>104</v>
      </c>
      <c r="N104" s="12">
        <v>189</v>
      </c>
      <c r="O104" s="12">
        <v>0</v>
      </c>
      <c r="P104" s="12">
        <v>171</v>
      </c>
      <c r="Q104" s="12">
        <v>656</v>
      </c>
      <c r="R104" s="12">
        <v>244</v>
      </c>
    </row>
    <row r="105" spans="1:18" s="4" customFormat="1" x14ac:dyDescent="0.15">
      <c r="A105" s="3"/>
      <c r="B105" s="3" t="s">
        <v>1700</v>
      </c>
      <c r="C105" s="12">
        <v>410</v>
      </c>
      <c r="D105" s="12">
        <v>803</v>
      </c>
      <c r="E105" s="12">
        <v>386</v>
      </c>
      <c r="F105" s="12">
        <v>417</v>
      </c>
      <c r="G105" s="12">
        <v>34</v>
      </c>
      <c r="H105" s="12">
        <v>58</v>
      </c>
      <c r="I105" s="12">
        <v>68</v>
      </c>
      <c r="J105" s="12">
        <v>83</v>
      </c>
      <c r="K105" s="12">
        <v>98</v>
      </c>
      <c r="L105" s="12">
        <v>118</v>
      </c>
      <c r="M105" s="12">
        <v>86</v>
      </c>
      <c r="N105" s="12">
        <v>258</v>
      </c>
      <c r="O105" s="12">
        <v>0</v>
      </c>
      <c r="P105" s="12">
        <v>52</v>
      </c>
      <c r="Q105" s="12">
        <v>449</v>
      </c>
      <c r="R105" s="12">
        <v>302</v>
      </c>
    </row>
    <row r="106" spans="1:18" s="4" customFormat="1" x14ac:dyDescent="0.15">
      <c r="A106" s="3"/>
      <c r="B106" s="3" t="s">
        <v>1701</v>
      </c>
      <c r="C106" s="12">
        <v>1879</v>
      </c>
      <c r="D106" s="12">
        <v>3181</v>
      </c>
      <c r="E106" s="12">
        <v>1441</v>
      </c>
      <c r="F106" s="12">
        <v>1740</v>
      </c>
      <c r="G106" s="12">
        <v>118</v>
      </c>
      <c r="H106" s="12">
        <v>217</v>
      </c>
      <c r="I106" s="12">
        <v>162</v>
      </c>
      <c r="J106" s="12">
        <v>225</v>
      </c>
      <c r="K106" s="12">
        <v>366</v>
      </c>
      <c r="L106" s="12">
        <v>394</v>
      </c>
      <c r="M106" s="12">
        <v>450</v>
      </c>
      <c r="N106" s="12">
        <v>1249</v>
      </c>
      <c r="O106" s="12">
        <v>0</v>
      </c>
      <c r="P106" s="12">
        <v>219</v>
      </c>
      <c r="Q106" s="12">
        <v>1471</v>
      </c>
      <c r="R106" s="12">
        <v>1491</v>
      </c>
    </row>
    <row r="107" spans="1:18" s="4" customFormat="1" x14ac:dyDescent="0.15">
      <c r="A107" s="3"/>
      <c r="B107" s="3" t="s">
        <v>1702</v>
      </c>
      <c r="C107" s="12">
        <v>453</v>
      </c>
      <c r="D107" s="12">
        <v>1007</v>
      </c>
      <c r="E107" s="12">
        <v>495</v>
      </c>
      <c r="F107" s="12">
        <v>512</v>
      </c>
      <c r="G107" s="12">
        <v>88</v>
      </c>
      <c r="H107" s="12">
        <v>80</v>
      </c>
      <c r="I107" s="12">
        <v>85</v>
      </c>
      <c r="J107" s="12">
        <v>90</v>
      </c>
      <c r="K107" s="12">
        <v>125</v>
      </c>
      <c r="L107" s="12">
        <v>154</v>
      </c>
      <c r="M107" s="12">
        <v>115</v>
      </c>
      <c r="N107" s="12">
        <v>270</v>
      </c>
      <c r="O107" s="12">
        <v>0</v>
      </c>
      <c r="P107" s="12">
        <v>131</v>
      </c>
      <c r="Q107" s="12">
        <v>555</v>
      </c>
      <c r="R107" s="12">
        <v>321</v>
      </c>
    </row>
    <row r="108" spans="1:18" s="4" customFormat="1" x14ac:dyDescent="0.15">
      <c r="A108" s="3"/>
      <c r="B108" s="3" t="s">
        <v>1703</v>
      </c>
      <c r="C108" s="12">
        <v>644</v>
      </c>
      <c r="D108" s="12">
        <v>1146</v>
      </c>
      <c r="E108" s="12">
        <v>568</v>
      </c>
      <c r="F108" s="12">
        <v>578</v>
      </c>
      <c r="G108" s="12">
        <v>66</v>
      </c>
      <c r="H108" s="12">
        <v>83</v>
      </c>
      <c r="I108" s="12">
        <v>93</v>
      </c>
      <c r="J108" s="12">
        <v>88</v>
      </c>
      <c r="K108" s="12">
        <v>162</v>
      </c>
      <c r="L108" s="12">
        <v>187</v>
      </c>
      <c r="M108" s="12">
        <v>151</v>
      </c>
      <c r="N108" s="12">
        <v>316</v>
      </c>
      <c r="O108" s="12">
        <v>0</v>
      </c>
      <c r="P108" s="12">
        <v>103</v>
      </c>
      <c r="Q108" s="12">
        <v>650</v>
      </c>
      <c r="R108" s="12">
        <v>393</v>
      </c>
    </row>
    <row r="109" spans="1:18" s="4" customFormat="1" x14ac:dyDescent="0.15">
      <c r="A109" s="3"/>
      <c r="B109" s="3" t="s">
        <v>1704</v>
      </c>
      <c r="C109" s="12">
        <v>599</v>
      </c>
      <c r="D109" s="12">
        <v>1137</v>
      </c>
      <c r="E109" s="12">
        <v>562</v>
      </c>
      <c r="F109" s="12">
        <v>575</v>
      </c>
      <c r="G109" s="12">
        <v>68</v>
      </c>
      <c r="H109" s="12">
        <v>59</v>
      </c>
      <c r="I109" s="12">
        <v>147</v>
      </c>
      <c r="J109" s="12">
        <v>140</v>
      </c>
      <c r="K109" s="12">
        <v>157</v>
      </c>
      <c r="L109" s="12">
        <v>163</v>
      </c>
      <c r="M109" s="12">
        <v>125</v>
      </c>
      <c r="N109" s="12">
        <v>278</v>
      </c>
      <c r="O109" s="12">
        <v>0</v>
      </c>
      <c r="P109" s="12">
        <v>91</v>
      </c>
      <c r="Q109" s="12">
        <v>701</v>
      </c>
      <c r="R109" s="12">
        <v>345</v>
      </c>
    </row>
    <row r="110" spans="1:18" s="4" customFormat="1" x14ac:dyDescent="0.15">
      <c r="A110" s="3"/>
      <c r="B110" s="3" t="s">
        <v>1705</v>
      </c>
      <c r="C110" s="12">
        <v>594</v>
      </c>
      <c r="D110" s="12">
        <v>1300</v>
      </c>
      <c r="E110" s="12">
        <v>636</v>
      </c>
      <c r="F110" s="12">
        <v>664</v>
      </c>
      <c r="G110" s="12">
        <v>163</v>
      </c>
      <c r="H110" s="12">
        <v>120</v>
      </c>
      <c r="I110" s="12">
        <v>118</v>
      </c>
      <c r="J110" s="12">
        <v>155</v>
      </c>
      <c r="K110" s="12">
        <v>188</v>
      </c>
      <c r="L110" s="12">
        <v>167</v>
      </c>
      <c r="M110" s="12">
        <v>113</v>
      </c>
      <c r="N110" s="12">
        <v>276</v>
      </c>
      <c r="O110" s="12">
        <v>0</v>
      </c>
      <c r="P110" s="12">
        <v>223</v>
      </c>
      <c r="Q110" s="12">
        <v>729</v>
      </c>
      <c r="R110" s="12">
        <v>348</v>
      </c>
    </row>
    <row r="111" spans="1:18" s="4" customFormat="1" x14ac:dyDescent="0.15">
      <c r="A111" s="3"/>
      <c r="B111" s="3" t="s">
        <v>1706</v>
      </c>
      <c r="C111" s="12">
        <v>497</v>
      </c>
      <c r="D111" s="12">
        <v>1068</v>
      </c>
      <c r="E111" s="12">
        <v>543</v>
      </c>
      <c r="F111" s="12">
        <v>525</v>
      </c>
      <c r="G111" s="12">
        <v>49</v>
      </c>
      <c r="H111" s="12">
        <v>92</v>
      </c>
      <c r="I111" s="12">
        <v>107</v>
      </c>
      <c r="J111" s="12">
        <v>95</v>
      </c>
      <c r="K111" s="12">
        <v>151</v>
      </c>
      <c r="L111" s="12">
        <v>165</v>
      </c>
      <c r="M111" s="12">
        <v>136</v>
      </c>
      <c r="N111" s="12">
        <v>273</v>
      </c>
      <c r="O111" s="12">
        <v>0</v>
      </c>
      <c r="P111" s="12">
        <v>95</v>
      </c>
      <c r="Q111" s="12">
        <v>639</v>
      </c>
      <c r="R111" s="12">
        <v>334</v>
      </c>
    </row>
    <row r="112" spans="1:18" s="4" customFormat="1" x14ac:dyDescent="0.15">
      <c r="A112" s="3"/>
      <c r="B112" s="3" t="s">
        <v>1707</v>
      </c>
      <c r="C112" s="12">
        <v>481</v>
      </c>
      <c r="D112" s="12">
        <v>1070</v>
      </c>
      <c r="E112" s="12">
        <v>532</v>
      </c>
      <c r="F112" s="12">
        <v>538</v>
      </c>
      <c r="G112" s="12">
        <v>102</v>
      </c>
      <c r="H112" s="12">
        <v>93</v>
      </c>
      <c r="I112" s="12">
        <v>107</v>
      </c>
      <c r="J112" s="12">
        <v>125</v>
      </c>
      <c r="K112" s="12">
        <v>170</v>
      </c>
      <c r="L112" s="12">
        <v>148</v>
      </c>
      <c r="M112" s="12">
        <v>100</v>
      </c>
      <c r="N112" s="12">
        <v>225</v>
      </c>
      <c r="O112" s="12">
        <v>0</v>
      </c>
      <c r="P112" s="12">
        <v>151</v>
      </c>
      <c r="Q112" s="12">
        <v>648</v>
      </c>
      <c r="R112" s="12">
        <v>271</v>
      </c>
    </row>
    <row r="113" spans="1:18" s="4" customFormat="1" x14ac:dyDescent="0.15">
      <c r="A113" s="3"/>
      <c r="B113" s="3" t="s">
        <v>1708</v>
      </c>
      <c r="C113" s="12">
        <v>218</v>
      </c>
      <c r="D113" s="12">
        <v>598</v>
      </c>
      <c r="E113" s="12">
        <v>296</v>
      </c>
      <c r="F113" s="12">
        <v>302</v>
      </c>
      <c r="G113" s="12">
        <v>75</v>
      </c>
      <c r="H113" s="12">
        <v>82</v>
      </c>
      <c r="I113" s="12">
        <v>66</v>
      </c>
      <c r="J113" s="12">
        <v>77</v>
      </c>
      <c r="K113" s="12">
        <v>106</v>
      </c>
      <c r="L113" s="12">
        <v>73</v>
      </c>
      <c r="M113" s="12">
        <v>50</v>
      </c>
      <c r="N113" s="12">
        <v>69</v>
      </c>
      <c r="O113" s="12">
        <v>0</v>
      </c>
      <c r="P113" s="12">
        <v>116</v>
      </c>
      <c r="Q113" s="12">
        <v>392</v>
      </c>
      <c r="R113" s="12">
        <v>90</v>
      </c>
    </row>
    <row r="114" spans="1:18" s="4" customFormat="1" x14ac:dyDescent="0.15">
      <c r="A114" s="3"/>
      <c r="B114" s="3" t="s">
        <v>1709</v>
      </c>
      <c r="C114" s="12">
        <v>225</v>
      </c>
      <c r="D114" s="12">
        <v>576</v>
      </c>
      <c r="E114" s="12">
        <v>287</v>
      </c>
      <c r="F114" s="12">
        <v>289</v>
      </c>
      <c r="G114" s="12">
        <v>64</v>
      </c>
      <c r="H114" s="12">
        <v>59</v>
      </c>
      <c r="I114" s="12">
        <v>50</v>
      </c>
      <c r="J114" s="12">
        <v>69</v>
      </c>
      <c r="K114" s="12">
        <v>94</v>
      </c>
      <c r="L114" s="12">
        <v>89</v>
      </c>
      <c r="M114" s="12">
        <v>43</v>
      </c>
      <c r="N114" s="12">
        <v>108</v>
      </c>
      <c r="O114" s="12">
        <v>0</v>
      </c>
      <c r="P114" s="12">
        <v>100</v>
      </c>
      <c r="Q114" s="12">
        <v>342</v>
      </c>
      <c r="R114" s="12">
        <v>134</v>
      </c>
    </row>
    <row r="115" spans="1:18" s="4" customFormat="1" x14ac:dyDescent="0.15">
      <c r="A115" s="3"/>
      <c r="B115" s="3" t="s">
        <v>1710</v>
      </c>
      <c r="C115" s="12">
        <v>357</v>
      </c>
      <c r="D115" s="12">
        <v>853</v>
      </c>
      <c r="E115" s="12">
        <v>427</v>
      </c>
      <c r="F115" s="12">
        <v>426</v>
      </c>
      <c r="G115" s="12">
        <v>92</v>
      </c>
      <c r="H115" s="12">
        <v>75</v>
      </c>
      <c r="I115" s="12">
        <v>57</v>
      </c>
      <c r="J115" s="12">
        <v>110</v>
      </c>
      <c r="K115" s="12">
        <v>129</v>
      </c>
      <c r="L115" s="12">
        <v>112</v>
      </c>
      <c r="M115" s="12">
        <v>101</v>
      </c>
      <c r="N115" s="12">
        <v>177</v>
      </c>
      <c r="O115" s="12">
        <v>0</v>
      </c>
      <c r="P115" s="12">
        <v>138</v>
      </c>
      <c r="Q115" s="12">
        <v>483</v>
      </c>
      <c r="R115" s="12">
        <v>232</v>
      </c>
    </row>
    <row r="116" spans="1:18" s="4" customFormat="1" x14ac:dyDescent="0.15">
      <c r="A116" s="3"/>
      <c r="B116" s="3" t="s">
        <v>1711</v>
      </c>
      <c r="C116" s="12">
        <v>700</v>
      </c>
      <c r="D116" s="12">
        <v>1318</v>
      </c>
      <c r="E116" s="12">
        <v>624</v>
      </c>
      <c r="F116" s="12">
        <v>694</v>
      </c>
      <c r="G116" s="12">
        <v>70</v>
      </c>
      <c r="H116" s="12">
        <v>81</v>
      </c>
      <c r="I116" s="12">
        <v>138</v>
      </c>
      <c r="J116" s="12">
        <v>129</v>
      </c>
      <c r="K116" s="12">
        <v>203</v>
      </c>
      <c r="L116" s="12">
        <v>140</v>
      </c>
      <c r="M116" s="12">
        <v>168</v>
      </c>
      <c r="N116" s="12">
        <v>389</v>
      </c>
      <c r="O116" s="12">
        <v>0</v>
      </c>
      <c r="P116" s="12">
        <v>118</v>
      </c>
      <c r="Q116" s="12">
        <v>719</v>
      </c>
      <c r="R116" s="12">
        <v>481</v>
      </c>
    </row>
    <row r="117" spans="1:18" s="4" customFormat="1" x14ac:dyDescent="0.15">
      <c r="A117" s="3"/>
      <c r="B117" s="3" t="s">
        <v>1712</v>
      </c>
      <c r="C117" s="12">
        <v>286</v>
      </c>
      <c r="D117" s="12">
        <v>668</v>
      </c>
      <c r="E117" s="12">
        <v>331</v>
      </c>
      <c r="F117" s="12">
        <v>337</v>
      </c>
      <c r="G117" s="12">
        <v>65</v>
      </c>
      <c r="H117" s="12">
        <v>66</v>
      </c>
      <c r="I117" s="12">
        <v>73</v>
      </c>
      <c r="J117" s="12">
        <v>74</v>
      </c>
      <c r="K117" s="12">
        <v>100</v>
      </c>
      <c r="L117" s="12">
        <v>104</v>
      </c>
      <c r="M117" s="12">
        <v>50</v>
      </c>
      <c r="N117" s="12">
        <v>136</v>
      </c>
      <c r="O117" s="12">
        <v>0</v>
      </c>
      <c r="P117" s="12">
        <v>100</v>
      </c>
      <c r="Q117" s="12">
        <v>410</v>
      </c>
      <c r="R117" s="12">
        <v>158</v>
      </c>
    </row>
    <row r="118" spans="1:18" s="4" customFormat="1" x14ac:dyDescent="0.15">
      <c r="A118" s="3"/>
      <c r="B118" s="3" t="s">
        <v>1713</v>
      </c>
      <c r="C118" s="12">
        <v>1027</v>
      </c>
      <c r="D118" s="12">
        <v>1791</v>
      </c>
      <c r="E118" s="12">
        <v>829</v>
      </c>
      <c r="F118" s="12">
        <v>962</v>
      </c>
      <c r="G118" s="12">
        <v>59</v>
      </c>
      <c r="H118" s="12">
        <v>116</v>
      </c>
      <c r="I118" s="12">
        <v>137</v>
      </c>
      <c r="J118" s="12">
        <v>122</v>
      </c>
      <c r="K118" s="12">
        <v>224</v>
      </c>
      <c r="L118" s="12">
        <v>251</v>
      </c>
      <c r="M118" s="12">
        <v>225</v>
      </c>
      <c r="N118" s="12">
        <v>657</v>
      </c>
      <c r="O118" s="12">
        <v>0</v>
      </c>
      <c r="P118" s="12">
        <v>111</v>
      </c>
      <c r="Q118" s="12">
        <v>887</v>
      </c>
      <c r="R118" s="12">
        <v>793</v>
      </c>
    </row>
    <row r="119" spans="1:18" s="4" customFormat="1" x14ac:dyDescent="0.15">
      <c r="A119" s="3"/>
      <c r="B119" s="3" t="s">
        <v>1714</v>
      </c>
      <c r="C119" s="12">
        <v>375</v>
      </c>
      <c r="D119" s="12">
        <v>728</v>
      </c>
      <c r="E119" s="12">
        <v>382</v>
      </c>
      <c r="F119" s="12">
        <v>346</v>
      </c>
      <c r="G119" s="12">
        <v>49</v>
      </c>
      <c r="H119" s="12">
        <v>53</v>
      </c>
      <c r="I119" s="12">
        <v>63</v>
      </c>
      <c r="J119" s="12">
        <v>78</v>
      </c>
      <c r="K119" s="12">
        <v>91</v>
      </c>
      <c r="L119" s="12">
        <v>125</v>
      </c>
      <c r="M119" s="12">
        <v>104</v>
      </c>
      <c r="N119" s="12">
        <v>165</v>
      </c>
      <c r="O119" s="12">
        <v>0</v>
      </c>
      <c r="P119" s="12">
        <v>68</v>
      </c>
      <c r="Q119" s="12">
        <v>447</v>
      </c>
      <c r="R119" s="12">
        <v>213</v>
      </c>
    </row>
    <row r="120" spans="1:18" s="4" customFormat="1" x14ac:dyDescent="0.15">
      <c r="A120" s="3"/>
      <c r="B120" s="3" t="s">
        <v>1715</v>
      </c>
      <c r="C120" s="12">
        <v>306</v>
      </c>
      <c r="D120" s="12">
        <v>577</v>
      </c>
      <c r="E120" s="12">
        <v>267</v>
      </c>
      <c r="F120" s="12">
        <v>310</v>
      </c>
      <c r="G120" s="12">
        <v>50</v>
      </c>
      <c r="H120" s="12">
        <v>47</v>
      </c>
      <c r="I120" s="12">
        <v>69</v>
      </c>
      <c r="J120" s="12">
        <v>52</v>
      </c>
      <c r="K120" s="12">
        <v>92</v>
      </c>
      <c r="L120" s="12">
        <v>77</v>
      </c>
      <c r="M120" s="12">
        <v>55</v>
      </c>
      <c r="N120" s="12">
        <v>135</v>
      </c>
      <c r="O120" s="12">
        <v>0</v>
      </c>
      <c r="P120" s="12">
        <v>81</v>
      </c>
      <c r="Q120" s="12">
        <v>328</v>
      </c>
      <c r="R120" s="12">
        <v>168</v>
      </c>
    </row>
    <row r="121" spans="1:18" s="4" customFormat="1" x14ac:dyDescent="0.15">
      <c r="A121" s="3"/>
      <c r="B121" s="3" t="s">
        <v>1716</v>
      </c>
      <c r="C121" s="12">
        <v>362</v>
      </c>
      <c r="D121" s="12">
        <v>712</v>
      </c>
      <c r="E121" s="12">
        <v>333</v>
      </c>
      <c r="F121" s="12">
        <v>379</v>
      </c>
      <c r="G121" s="12">
        <v>45</v>
      </c>
      <c r="H121" s="12">
        <v>58</v>
      </c>
      <c r="I121" s="12">
        <v>66</v>
      </c>
      <c r="J121" s="12">
        <v>59</v>
      </c>
      <c r="K121" s="12">
        <v>106</v>
      </c>
      <c r="L121" s="12">
        <v>97</v>
      </c>
      <c r="M121" s="12">
        <v>74</v>
      </c>
      <c r="N121" s="12">
        <v>207</v>
      </c>
      <c r="O121" s="12">
        <v>0</v>
      </c>
      <c r="P121" s="12">
        <v>65</v>
      </c>
      <c r="Q121" s="12">
        <v>395</v>
      </c>
      <c r="R121" s="12">
        <v>252</v>
      </c>
    </row>
    <row r="122" spans="1:18" s="4" customFormat="1" x14ac:dyDescent="0.15">
      <c r="A122" s="3"/>
      <c r="B122" s="3" t="s">
        <v>1717</v>
      </c>
      <c r="C122" s="12">
        <v>495</v>
      </c>
      <c r="D122" s="12">
        <v>1109</v>
      </c>
      <c r="E122" s="12">
        <v>523</v>
      </c>
      <c r="F122" s="12">
        <v>586</v>
      </c>
      <c r="G122" s="12">
        <v>62</v>
      </c>
      <c r="H122" s="12">
        <v>95</v>
      </c>
      <c r="I122" s="12">
        <v>86</v>
      </c>
      <c r="J122" s="12">
        <v>98</v>
      </c>
      <c r="K122" s="12">
        <v>152</v>
      </c>
      <c r="L122" s="12">
        <v>210</v>
      </c>
      <c r="M122" s="12">
        <v>150</v>
      </c>
      <c r="N122" s="12">
        <v>256</v>
      </c>
      <c r="O122" s="12">
        <v>0</v>
      </c>
      <c r="P122" s="12">
        <v>110</v>
      </c>
      <c r="Q122" s="12">
        <v>667</v>
      </c>
      <c r="R122" s="12">
        <v>332</v>
      </c>
    </row>
    <row r="123" spans="1:18" s="4" customFormat="1" x14ac:dyDescent="0.15">
      <c r="A123" s="3"/>
      <c r="B123" s="3" t="s">
        <v>1718</v>
      </c>
      <c r="C123" s="12">
        <v>630</v>
      </c>
      <c r="D123" s="12">
        <v>1295</v>
      </c>
      <c r="E123" s="12">
        <v>593</v>
      </c>
      <c r="F123" s="12">
        <v>702</v>
      </c>
      <c r="G123" s="12">
        <v>66</v>
      </c>
      <c r="H123" s="12">
        <v>94</v>
      </c>
      <c r="I123" s="12">
        <v>93</v>
      </c>
      <c r="J123" s="12">
        <v>106</v>
      </c>
      <c r="K123" s="12">
        <v>185</v>
      </c>
      <c r="L123" s="12">
        <v>184</v>
      </c>
      <c r="M123" s="12">
        <v>163</v>
      </c>
      <c r="N123" s="12">
        <v>404</v>
      </c>
      <c r="O123" s="12">
        <v>0</v>
      </c>
      <c r="P123" s="12">
        <v>109</v>
      </c>
      <c r="Q123" s="12">
        <v>694</v>
      </c>
      <c r="R123" s="12">
        <v>492</v>
      </c>
    </row>
    <row r="124" spans="1:18" s="4" customFormat="1" x14ac:dyDescent="0.15">
      <c r="A124" s="3"/>
      <c r="B124" s="3" t="s">
        <v>1719</v>
      </c>
      <c r="C124" s="12">
        <v>290</v>
      </c>
      <c r="D124" s="12">
        <v>548</v>
      </c>
      <c r="E124" s="12">
        <v>269</v>
      </c>
      <c r="F124" s="12">
        <v>279</v>
      </c>
      <c r="G124" s="12">
        <v>33</v>
      </c>
      <c r="H124" s="12">
        <v>37</v>
      </c>
      <c r="I124" s="12">
        <v>66</v>
      </c>
      <c r="J124" s="12">
        <v>64</v>
      </c>
      <c r="K124" s="12">
        <v>82</v>
      </c>
      <c r="L124" s="12">
        <v>72</v>
      </c>
      <c r="M124" s="12">
        <v>61</v>
      </c>
      <c r="N124" s="12">
        <v>133</v>
      </c>
      <c r="O124" s="12">
        <v>0</v>
      </c>
      <c r="P124" s="12">
        <v>51</v>
      </c>
      <c r="Q124" s="12">
        <v>338</v>
      </c>
      <c r="R124" s="12">
        <v>159</v>
      </c>
    </row>
    <row r="125" spans="1:18" s="4" customFormat="1" x14ac:dyDescent="0.15">
      <c r="A125" s="3"/>
      <c r="B125" s="3" t="s">
        <v>1720</v>
      </c>
      <c r="C125" s="12">
        <v>371</v>
      </c>
      <c r="D125" s="12">
        <v>826</v>
      </c>
      <c r="E125" s="12">
        <v>388</v>
      </c>
      <c r="F125" s="12">
        <v>438</v>
      </c>
      <c r="G125" s="12">
        <v>76</v>
      </c>
      <c r="H125" s="12">
        <v>87</v>
      </c>
      <c r="I125" s="12">
        <v>68</v>
      </c>
      <c r="J125" s="12">
        <v>98</v>
      </c>
      <c r="K125" s="12">
        <v>140</v>
      </c>
      <c r="L125" s="12">
        <v>105</v>
      </c>
      <c r="M125" s="12">
        <v>89</v>
      </c>
      <c r="N125" s="12">
        <v>163</v>
      </c>
      <c r="O125" s="12">
        <v>0</v>
      </c>
      <c r="P125" s="12">
        <v>120</v>
      </c>
      <c r="Q125" s="12">
        <v>497</v>
      </c>
      <c r="R125" s="12">
        <v>209</v>
      </c>
    </row>
    <row r="126" spans="1:18" s="4" customFormat="1" x14ac:dyDescent="0.15">
      <c r="A126" s="3"/>
      <c r="B126" s="3" t="s">
        <v>1721</v>
      </c>
      <c r="C126" s="12">
        <v>194</v>
      </c>
      <c r="D126" s="12">
        <v>430</v>
      </c>
      <c r="E126" s="12">
        <v>207</v>
      </c>
      <c r="F126" s="12">
        <v>223</v>
      </c>
      <c r="G126" s="12">
        <v>48</v>
      </c>
      <c r="H126" s="12">
        <v>29</v>
      </c>
      <c r="I126" s="12">
        <v>37</v>
      </c>
      <c r="J126" s="12">
        <v>61</v>
      </c>
      <c r="K126" s="12">
        <v>56</v>
      </c>
      <c r="L126" s="12">
        <v>54</v>
      </c>
      <c r="M126" s="12">
        <v>47</v>
      </c>
      <c r="N126" s="12">
        <v>98</v>
      </c>
      <c r="O126" s="12">
        <v>0</v>
      </c>
      <c r="P126" s="12">
        <v>63</v>
      </c>
      <c r="Q126" s="12">
        <v>235</v>
      </c>
      <c r="R126" s="12">
        <v>132</v>
      </c>
    </row>
    <row r="127" spans="1:18" s="4" customFormat="1" x14ac:dyDescent="0.15">
      <c r="A127" s="3"/>
      <c r="B127" s="3" t="s">
        <v>1722</v>
      </c>
      <c r="C127" s="12">
        <v>899</v>
      </c>
      <c r="D127" s="12">
        <v>2163</v>
      </c>
      <c r="E127" s="12">
        <v>1089</v>
      </c>
      <c r="F127" s="12">
        <v>1074</v>
      </c>
      <c r="G127" s="12">
        <v>297</v>
      </c>
      <c r="H127" s="12">
        <v>242</v>
      </c>
      <c r="I127" s="12">
        <v>118</v>
      </c>
      <c r="J127" s="12">
        <v>272</v>
      </c>
      <c r="K127" s="12">
        <v>446</v>
      </c>
      <c r="L127" s="12">
        <v>263</v>
      </c>
      <c r="M127" s="12">
        <v>198</v>
      </c>
      <c r="N127" s="12">
        <v>327</v>
      </c>
      <c r="O127" s="12">
        <v>0</v>
      </c>
      <c r="P127" s="12">
        <v>455</v>
      </c>
      <c r="Q127" s="12">
        <v>1287</v>
      </c>
      <c r="R127" s="12">
        <v>421</v>
      </c>
    </row>
    <row r="128" spans="1:18" s="4" customFormat="1" x14ac:dyDescent="0.15">
      <c r="A128" s="3"/>
      <c r="B128" s="3" t="s">
        <v>1723</v>
      </c>
      <c r="C128" s="12">
        <v>739</v>
      </c>
      <c r="D128" s="12">
        <v>850</v>
      </c>
      <c r="E128" s="12">
        <v>659</v>
      </c>
      <c r="F128" s="12">
        <v>191</v>
      </c>
      <c r="G128" s="12">
        <v>16</v>
      </c>
      <c r="H128" s="12">
        <v>79</v>
      </c>
      <c r="I128" s="12">
        <v>474</v>
      </c>
      <c r="J128" s="12">
        <v>127</v>
      </c>
      <c r="K128" s="12">
        <v>46</v>
      </c>
      <c r="L128" s="12">
        <v>35</v>
      </c>
      <c r="M128" s="12">
        <v>25</v>
      </c>
      <c r="N128" s="12">
        <v>48</v>
      </c>
      <c r="O128" s="12">
        <v>0</v>
      </c>
      <c r="P128" s="12">
        <v>26</v>
      </c>
      <c r="Q128" s="12">
        <v>760</v>
      </c>
      <c r="R128" s="12">
        <v>64</v>
      </c>
    </row>
    <row r="129" spans="1:18" s="4" customFormat="1" x14ac:dyDescent="0.15">
      <c r="A129" s="3"/>
      <c r="B129" s="3" t="s">
        <v>1724</v>
      </c>
      <c r="C129" s="12">
        <v>376</v>
      </c>
      <c r="D129" s="12">
        <v>809</v>
      </c>
      <c r="E129" s="12">
        <v>419</v>
      </c>
      <c r="F129" s="12">
        <v>390</v>
      </c>
      <c r="G129" s="12">
        <v>72</v>
      </c>
      <c r="H129" s="12">
        <v>72</v>
      </c>
      <c r="I129" s="12">
        <v>100</v>
      </c>
      <c r="J129" s="12">
        <v>101</v>
      </c>
      <c r="K129" s="12">
        <v>137</v>
      </c>
      <c r="L129" s="12">
        <v>120</v>
      </c>
      <c r="M129" s="12">
        <v>77</v>
      </c>
      <c r="N129" s="12">
        <v>130</v>
      </c>
      <c r="O129" s="12">
        <v>0</v>
      </c>
      <c r="P129" s="12">
        <v>108</v>
      </c>
      <c r="Q129" s="12">
        <v>535</v>
      </c>
      <c r="R129" s="12">
        <v>166</v>
      </c>
    </row>
    <row r="130" spans="1:18" s="4" customFormat="1" x14ac:dyDescent="0.15">
      <c r="A130" s="3"/>
      <c r="B130" s="3" t="s">
        <v>1725</v>
      </c>
      <c r="C130" s="12">
        <v>556</v>
      </c>
      <c r="D130" s="12">
        <v>1192</v>
      </c>
      <c r="E130" s="12">
        <v>614</v>
      </c>
      <c r="F130" s="12">
        <v>578</v>
      </c>
      <c r="G130" s="12">
        <v>91</v>
      </c>
      <c r="H130" s="12">
        <v>104</v>
      </c>
      <c r="I130" s="12">
        <v>146</v>
      </c>
      <c r="J130" s="12">
        <v>128</v>
      </c>
      <c r="K130" s="12">
        <v>145</v>
      </c>
      <c r="L130" s="12">
        <v>192</v>
      </c>
      <c r="M130" s="12">
        <v>148</v>
      </c>
      <c r="N130" s="12">
        <v>238</v>
      </c>
      <c r="O130" s="12">
        <v>0</v>
      </c>
      <c r="P130" s="12">
        <v>143</v>
      </c>
      <c r="Q130" s="12">
        <v>747</v>
      </c>
      <c r="R130" s="12">
        <v>302</v>
      </c>
    </row>
    <row r="131" spans="1:18" s="4" customFormat="1" x14ac:dyDescent="0.15">
      <c r="A131" s="3"/>
      <c r="B131" s="3" t="s">
        <v>1726</v>
      </c>
      <c r="C131" s="12">
        <v>239</v>
      </c>
      <c r="D131" s="12">
        <v>513</v>
      </c>
      <c r="E131" s="12">
        <v>254</v>
      </c>
      <c r="F131" s="12">
        <v>259</v>
      </c>
      <c r="G131" s="12">
        <v>42</v>
      </c>
      <c r="H131" s="12">
        <v>45</v>
      </c>
      <c r="I131" s="12">
        <v>58</v>
      </c>
      <c r="J131" s="12">
        <v>51</v>
      </c>
      <c r="K131" s="12">
        <v>87</v>
      </c>
      <c r="L131" s="12">
        <v>58</v>
      </c>
      <c r="M131" s="12">
        <v>64</v>
      </c>
      <c r="N131" s="12">
        <v>108</v>
      </c>
      <c r="O131" s="12">
        <v>0</v>
      </c>
      <c r="P131" s="12">
        <v>71</v>
      </c>
      <c r="Q131" s="12">
        <v>301</v>
      </c>
      <c r="R131" s="12">
        <v>141</v>
      </c>
    </row>
    <row r="132" spans="1:18" s="4" customFormat="1" x14ac:dyDescent="0.15">
      <c r="A132" s="3"/>
      <c r="B132" s="3" t="s">
        <v>1727</v>
      </c>
      <c r="C132" s="12">
        <v>770</v>
      </c>
      <c r="D132" s="12">
        <v>1695</v>
      </c>
      <c r="E132" s="12">
        <v>846</v>
      </c>
      <c r="F132" s="12">
        <v>849</v>
      </c>
      <c r="G132" s="12">
        <v>163</v>
      </c>
      <c r="H132" s="12">
        <v>147</v>
      </c>
      <c r="I132" s="12">
        <v>185</v>
      </c>
      <c r="J132" s="12">
        <v>214</v>
      </c>
      <c r="K132" s="12">
        <v>262</v>
      </c>
      <c r="L132" s="12">
        <v>263</v>
      </c>
      <c r="M132" s="12">
        <v>199</v>
      </c>
      <c r="N132" s="12">
        <v>262</v>
      </c>
      <c r="O132" s="12">
        <v>0</v>
      </c>
      <c r="P132" s="12">
        <v>235</v>
      </c>
      <c r="Q132" s="12">
        <v>1100</v>
      </c>
      <c r="R132" s="12">
        <v>360</v>
      </c>
    </row>
    <row r="133" spans="1:18" s="4" customFormat="1" x14ac:dyDescent="0.15">
      <c r="A133" s="3"/>
      <c r="B133" s="3" t="s">
        <v>1728</v>
      </c>
      <c r="C133" s="12">
        <v>238</v>
      </c>
      <c r="D133" s="12">
        <v>483</v>
      </c>
      <c r="E133" s="12">
        <v>224</v>
      </c>
      <c r="F133" s="12">
        <v>259</v>
      </c>
      <c r="G133" s="12">
        <v>40</v>
      </c>
      <c r="H133" s="12">
        <v>43</v>
      </c>
      <c r="I133" s="12">
        <v>29</v>
      </c>
      <c r="J133" s="12">
        <v>40</v>
      </c>
      <c r="K133" s="12">
        <v>89</v>
      </c>
      <c r="L133" s="12">
        <v>52</v>
      </c>
      <c r="M133" s="12">
        <v>39</v>
      </c>
      <c r="N133" s="12">
        <v>151</v>
      </c>
      <c r="O133" s="12">
        <v>0</v>
      </c>
      <c r="P133" s="12">
        <v>65</v>
      </c>
      <c r="Q133" s="12">
        <v>242</v>
      </c>
      <c r="R133" s="12">
        <v>176</v>
      </c>
    </row>
    <row r="134" spans="1:18" s="4" customFormat="1" x14ac:dyDescent="0.15">
      <c r="A134" s="3"/>
      <c r="B134" s="3" t="s">
        <v>1729</v>
      </c>
      <c r="C134" s="12">
        <v>141</v>
      </c>
      <c r="D134" s="12">
        <v>285</v>
      </c>
      <c r="E134" s="12">
        <v>137</v>
      </c>
      <c r="F134" s="12">
        <v>148</v>
      </c>
      <c r="G134" s="12">
        <v>33</v>
      </c>
      <c r="H134" s="12">
        <v>24</v>
      </c>
      <c r="I134" s="12">
        <v>20</v>
      </c>
      <c r="J134" s="12">
        <v>27</v>
      </c>
      <c r="K134" s="12">
        <v>42</v>
      </c>
      <c r="L134" s="12">
        <v>34</v>
      </c>
      <c r="M134" s="12">
        <v>14</v>
      </c>
      <c r="N134" s="12">
        <v>91</v>
      </c>
      <c r="O134" s="12">
        <v>0</v>
      </c>
      <c r="P134" s="12">
        <v>41</v>
      </c>
      <c r="Q134" s="12">
        <v>144</v>
      </c>
      <c r="R134" s="12">
        <v>100</v>
      </c>
    </row>
    <row r="135" spans="1:18" s="4" customFormat="1" x14ac:dyDescent="0.15">
      <c r="A135" s="3"/>
      <c r="B135" s="3" t="s">
        <v>1730</v>
      </c>
      <c r="C135" s="12">
        <v>400</v>
      </c>
      <c r="D135" s="12">
        <v>835</v>
      </c>
      <c r="E135" s="12">
        <v>428</v>
      </c>
      <c r="F135" s="12">
        <v>407</v>
      </c>
      <c r="G135" s="12">
        <v>42</v>
      </c>
      <c r="H135" s="12">
        <v>70</v>
      </c>
      <c r="I135" s="12">
        <v>116</v>
      </c>
      <c r="J135" s="12">
        <v>74</v>
      </c>
      <c r="K135" s="12">
        <v>114</v>
      </c>
      <c r="L135" s="12">
        <v>132</v>
      </c>
      <c r="M135" s="12">
        <v>98</v>
      </c>
      <c r="N135" s="12">
        <v>189</v>
      </c>
      <c r="O135" s="12">
        <v>0</v>
      </c>
      <c r="P135" s="12">
        <v>68</v>
      </c>
      <c r="Q135" s="12">
        <v>530</v>
      </c>
      <c r="R135" s="12">
        <v>237</v>
      </c>
    </row>
    <row r="136" spans="1:18" s="4" customFormat="1" x14ac:dyDescent="0.15">
      <c r="A136" s="3"/>
      <c r="B136" s="3" t="s">
        <v>1731</v>
      </c>
      <c r="C136" s="12">
        <v>45</v>
      </c>
      <c r="D136" s="12">
        <v>52</v>
      </c>
      <c r="E136" s="12">
        <v>19</v>
      </c>
      <c r="F136" s="12">
        <v>33</v>
      </c>
      <c r="G136" s="12" t="s">
        <v>132</v>
      </c>
      <c r="H136" s="12" t="s">
        <v>132</v>
      </c>
      <c r="I136" s="12" t="s">
        <v>132</v>
      </c>
      <c r="J136" s="12" t="s">
        <v>132</v>
      </c>
      <c r="K136" s="12" t="s">
        <v>132</v>
      </c>
      <c r="L136" s="12" t="s">
        <v>132</v>
      </c>
      <c r="M136" s="12" t="s">
        <v>132</v>
      </c>
      <c r="N136" s="12" t="s">
        <v>132</v>
      </c>
      <c r="O136" s="12" t="s">
        <v>132</v>
      </c>
      <c r="P136" s="12" t="s">
        <v>132</v>
      </c>
      <c r="Q136" s="12" t="s">
        <v>132</v>
      </c>
      <c r="R136" s="12" t="s">
        <v>132</v>
      </c>
    </row>
    <row r="137" spans="1:18" s="4" customFormat="1" x14ac:dyDescent="0.15">
      <c r="A137" s="3"/>
      <c r="B137" s="3" t="s">
        <v>1732</v>
      </c>
      <c r="C137" s="12">
        <v>543</v>
      </c>
      <c r="D137" s="12">
        <v>915</v>
      </c>
      <c r="E137" s="12">
        <v>388</v>
      </c>
      <c r="F137" s="12">
        <v>527</v>
      </c>
      <c r="G137" s="12">
        <v>71</v>
      </c>
      <c r="H137" s="12">
        <v>61</v>
      </c>
      <c r="I137" s="12">
        <v>78</v>
      </c>
      <c r="J137" s="12">
        <v>92</v>
      </c>
      <c r="K137" s="12">
        <v>93</v>
      </c>
      <c r="L137" s="12">
        <v>111</v>
      </c>
      <c r="M137" s="12">
        <v>116</v>
      </c>
      <c r="N137" s="12">
        <v>293</v>
      </c>
      <c r="O137" s="12">
        <v>0</v>
      </c>
      <c r="P137" s="12">
        <v>106</v>
      </c>
      <c r="Q137" s="12">
        <v>450</v>
      </c>
      <c r="R137" s="12">
        <v>359</v>
      </c>
    </row>
    <row r="138" spans="1:18" s="4" customFormat="1" x14ac:dyDescent="0.15">
      <c r="A138" s="3"/>
      <c r="B138" s="3" t="s">
        <v>1733</v>
      </c>
      <c r="C138" s="12">
        <v>395</v>
      </c>
      <c r="D138" s="12">
        <v>1026</v>
      </c>
      <c r="E138" s="12">
        <v>493</v>
      </c>
      <c r="F138" s="12">
        <v>533</v>
      </c>
      <c r="G138" s="12">
        <v>122</v>
      </c>
      <c r="H138" s="12">
        <v>186</v>
      </c>
      <c r="I138" s="12">
        <v>106</v>
      </c>
      <c r="J138" s="12">
        <v>131</v>
      </c>
      <c r="K138" s="12">
        <v>216</v>
      </c>
      <c r="L138" s="12">
        <v>154</v>
      </c>
      <c r="M138" s="12">
        <v>48</v>
      </c>
      <c r="N138" s="12">
        <v>63</v>
      </c>
      <c r="O138" s="12">
        <v>0</v>
      </c>
      <c r="P138" s="12">
        <v>221</v>
      </c>
      <c r="Q138" s="12">
        <v>721</v>
      </c>
      <c r="R138" s="12">
        <v>84</v>
      </c>
    </row>
    <row r="139" spans="1:18" s="4" customFormat="1" x14ac:dyDescent="0.15">
      <c r="A139" s="3"/>
      <c r="B139" s="3" t="s">
        <v>1734</v>
      </c>
      <c r="C139" s="12">
        <v>3058</v>
      </c>
      <c r="D139" s="12">
        <v>8272</v>
      </c>
      <c r="E139" s="12">
        <v>4127</v>
      </c>
      <c r="F139" s="12">
        <v>4145</v>
      </c>
      <c r="G139" s="12">
        <v>1796</v>
      </c>
      <c r="H139" s="12">
        <v>764</v>
      </c>
      <c r="I139" s="12">
        <v>624</v>
      </c>
      <c r="J139" s="12">
        <v>1770</v>
      </c>
      <c r="K139" s="12">
        <v>1479</v>
      </c>
      <c r="L139" s="12">
        <v>587</v>
      </c>
      <c r="M139" s="12">
        <v>414</v>
      </c>
      <c r="N139" s="12">
        <v>838</v>
      </c>
      <c r="O139" s="12">
        <v>0</v>
      </c>
      <c r="P139" s="12">
        <v>2301</v>
      </c>
      <c r="Q139" s="12">
        <v>4897</v>
      </c>
      <c r="R139" s="12">
        <v>1074</v>
      </c>
    </row>
    <row r="140" spans="1:18" s="4" customFormat="1" x14ac:dyDescent="0.15">
      <c r="A140" s="3"/>
      <c r="B140" s="3" t="s">
        <v>1735</v>
      </c>
      <c r="C140" s="12">
        <v>103</v>
      </c>
      <c r="D140" s="12">
        <v>310</v>
      </c>
      <c r="E140" s="12">
        <v>158</v>
      </c>
      <c r="F140" s="12">
        <v>152</v>
      </c>
      <c r="G140" s="12">
        <v>74</v>
      </c>
      <c r="H140" s="12">
        <v>35</v>
      </c>
      <c r="I140" s="12">
        <v>39</v>
      </c>
      <c r="J140" s="12">
        <v>55</v>
      </c>
      <c r="K140" s="12">
        <v>63</v>
      </c>
      <c r="L140" s="12">
        <v>19</v>
      </c>
      <c r="M140" s="12">
        <v>10</v>
      </c>
      <c r="N140" s="12">
        <v>15</v>
      </c>
      <c r="O140" s="12">
        <v>0</v>
      </c>
      <c r="P140" s="12">
        <v>102</v>
      </c>
      <c r="Q140" s="12">
        <v>189</v>
      </c>
      <c r="R140" s="12">
        <v>19</v>
      </c>
    </row>
    <row r="141" spans="1:18" s="4" customFormat="1" x14ac:dyDescent="0.15">
      <c r="A141" s="3"/>
      <c r="B141" s="3" t="s">
        <v>1736</v>
      </c>
      <c r="C141" s="12">
        <v>362</v>
      </c>
      <c r="D141" s="12">
        <v>979</v>
      </c>
      <c r="E141" s="12">
        <v>492</v>
      </c>
      <c r="F141" s="12">
        <v>487</v>
      </c>
      <c r="G141" s="12">
        <v>105</v>
      </c>
      <c r="H141" s="12">
        <v>167</v>
      </c>
      <c r="I141" s="12">
        <v>120</v>
      </c>
      <c r="J141" s="12">
        <v>100</v>
      </c>
      <c r="K141" s="12">
        <v>177</v>
      </c>
      <c r="L141" s="12">
        <v>166</v>
      </c>
      <c r="M141" s="12">
        <v>54</v>
      </c>
      <c r="N141" s="12">
        <v>90</v>
      </c>
      <c r="O141" s="12">
        <v>0</v>
      </c>
      <c r="P141" s="12">
        <v>190</v>
      </c>
      <c r="Q141" s="12">
        <v>672</v>
      </c>
      <c r="R141" s="12">
        <v>117</v>
      </c>
    </row>
    <row r="142" spans="1:18" s="4" customFormat="1" x14ac:dyDescent="0.15">
      <c r="A142" s="3"/>
      <c r="B142" s="3" t="s">
        <v>1737</v>
      </c>
      <c r="C142" s="12">
        <v>672</v>
      </c>
      <c r="D142" s="12">
        <v>1712</v>
      </c>
      <c r="E142" s="12">
        <v>816</v>
      </c>
      <c r="F142" s="12">
        <v>896</v>
      </c>
      <c r="G142" s="12">
        <v>164</v>
      </c>
      <c r="H142" s="12">
        <v>283</v>
      </c>
      <c r="I142" s="12">
        <v>246</v>
      </c>
      <c r="J142" s="12">
        <v>189</v>
      </c>
      <c r="K142" s="12">
        <v>311</v>
      </c>
      <c r="L142" s="12">
        <v>285</v>
      </c>
      <c r="M142" s="12">
        <v>90</v>
      </c>
      <c r="N142" s="12">
        <v>144</v>
      </c>
      <c r="O142" s="12">
        <v>0</v>
      </c>
      <c r="P142" s="12">
        <v>288</v>
      </c>
      <c r="Q142" s="12">
        <v>1232</v>
      </c>
      <c r="R142" s="12">
        <v>192</v>
      </c>
    </row>
    <row r="143" spans="1:18" s="4" customFormat="1" x14ac:dyDescent="0.15">
      <c r="A143" s="3"/>
      <c r="B143" s="3" t="s">
        <v>1738</v>
      </c>
      <c r="C143" s="12">
        <v>262</v>
      </c>
      <c r="D143" s="12">
        <v>672</v>
      </c>
      <c r="E143" s="12">
        <v>344</v>
      </c>
      <c r="F143" s="12">
        <v>328</v>
      </c>
      <c r="G143" s="12">
        <v>83</v>
      </c>
      <c r="H143" s="12">
        <v>109</v>
      </c>
      <c r="I143" s="12">
        <v>86</v>
      </c>
      <c r="J143" s="12">
        <v>108</v>
      </c>
      <c r="K143" s="12">
        <v>113</v>
      </c>
      <c r="L143" s="12">
        <v>84</v>
      </c>
      <c r="M143" s="12">
        <v>44</v>
      </c>
      <c r="N143" s="12">
        <v>45</v>
      </c>
      <c r="O143" s="12">
        <v>0</v>
      </c>
      <c r="P143" s="12">
        <v>136</v>
      </c>
      <c r="Q143" s="12">
        <v>474</v>
      </c>
      <c r="R143" s="12">
        <v>62</v>
      </c>
    </row>
    <row r="144" spans="1:18" s="4" customFormat="1" x14ac:dyDescent="0.15">
      <c r="A144" s="3"/>
      <c r="B144" s="3" t="s">
        <v>1739</v>
      </c>
      <c r="C144" s="12">
        <v>269</v>
      </c>
      <c r="D144" s="12">
        <v>645</v>
      </c>
      <c r="E144" s="12">
        <v>319</v>
      </c>
      <c r="F144" s="12">
        <v>326</v>
      </c>
      <c r="G144" s="12">
        <v>84</v>
      </c>
      <c r="H144" s="12">
        <v>84</v>
      </c>
      <c r="I144" s="12">
        <v>105</v>
      </c>
      <c r="J144" s="12">
        <v>83</v>
      </c>
      <c r="K144" s="12">
        <v>120</v>
      </c>
      <c r="L144" s="12">
        <v>91</v>
      </c>
      <c r="M144" s="12">
        <v>24</v>
      </c>
      <c r="N144" s="12">
        <v>54</v>
      </c>
      <c r="O144" s="12">
        <v>0</v>
      </c>
      <c r="P144" s="12">
        <v>121</v>
      </c>
      <c r="Q144" s="12">
        <v>458</v>
      </c>
      <c r="R144" s="12">
        <v>66</v>
      </c>
    </row>
    <row r="145" spans="1:18" s="4" customFormat="1" x14ac:dyDescent="0.15">
      <c r="A145" s="3"/>
      <c r="B145" s="3" t="s">
        <v>1740</v>
      </c>
      <c r="C145" s="12">
        <v>323</v>
      </c>
      <c r="D145" s="12">
        <v>833</v>
      </c>
      <c r="E145" s="12">
        <v>419</v>
      </c>
      <c r="F145" s="12">
        <v>414</v>
      </c>
      <c r="G145" s="12">
        <v>100</v>
      </c>
      <c r="H145" s="12">
        <v>113</v>
      </c>
      <c r="I145" s="12">
        <v>91</v>
      </c>
      <c r="J145" s="12">
        <v>120</v>
      </c>
      <c r="K145" s="12">
        <v>149</v>
      </c>
      <c r="L145" s="12">
        <v>97</v>
      </c>
      <c r="M145" s="12">
        <v>54</v>
      </c>
      <c r="N145" s="12">
        <v>109</v>
      </c>
      <c r="O145" s="12">
        <v>0</v>
      </c>
      <c r="P145" s="12">
        <v>159</v>
      </c>
      <c r="Q145" s="12">
        <v>532</v>
      </c>
      <c r="R145" s="12">
        <v>142</v>
      </c>
    </row>
    <row r="146" spans="1:18" s="4" customFormat="1" x14ac:dyDescent="0.15">
      <c r="A146" s="3"/>
      <c r="B146" s="3" t="s">
        <v>1741</v>
      </c>
      <c r="C146" s="12">
        <v>427</v>
      </c>
      <c r="D146" s="12">
        <v>1085</v>
      </c>
      <c r="E146" s="12">
        <v>556</v>
      </c>
      <c r="F146" s="12">
        <v>529</v>
      </c>
      <c r="G146" s="12">
        <v>137</v>
      </c>
      <c r="H146" s="12">
        <v>179</v>
      </c>
      <c r="I146" s="12">
        <v>135</v>
      </c>
      <c r="J146" s="12">
        <v>156</v>
      </c>
      <c r="K146" s="12">
        <v>203</v>
      </c>
      <c r="L146" s="12">
        <v>131</v>
      </c>
      <c r="M146" s="12">
        <v>64</v>
      </c>
      <c r="N146" s="12">
        <v>80</v>
      </c>
      <c r="O146" s="12">
        <v>0</v>
      </c>
      <c r="P146" s="12">
        <v>232</v>
      </c>
      <c r="Q146" s="12">
        <v>739</v>
      </c>
      <c r="R146" s="12">
        <v>114</v>
      </c>
    </row>
    <row r="147" spans="1:18" s="4" customFormat="1" x14ac:dyDescent="0.15">
      <c r="A147" s="3"/>
      <c r="B147" s="3" t="s">
        <v>1742</v>
      </c>
      <c r="C147" s="12">
        <v>116</v>
      </c>
      <c r="D147" s="12">
        <v>300</v>
      </c>
      <c r="E147" s="12">
        <v>147</v>
      </c>
      <c r="F147" s="12">
        <v>153</v>
      </c>
      <c r="G147" s="12">
        <v>36</v>
      </c>
      <c r="H147" s="12">
        <v>47</v>
      </c>
      <c r="I147" s="12">
        <v>34</v>
      </c>
      <c r="J147" s="12">
        <v>35</v>
      </c>
      <c r="K147" s="12">
        <v>60</v>
      </c>
      <c r="L147" s="12">
        <v>40</v>
      </c>
      <c r="M147" s="12">
        <v>19</v>
      </c>
      <c r="N147" s="12">
        <v>29</v>
      </c>
      <c r="O147" s="12">
        <v>0</v>
      </c>
      <c r="P147" s="12">
        <v>62</v>
      </c>
      <c r="Q147" s="12">
        <v>202</v>
      </c>
      <c r="R147" s="12">
        <v>36</v>
      </c>
    </row>
    <row r="148" spans="1:18" s="4" customFormat="1" x14ac:dyDescent="0.15">
      <c r="A148" s="3"/>
      <c r="B148" s="3" t="s">
        <v>1743</v>
      </c>
      <c r="C148" s="12">
        <v>336</v>
      </c>
      <c r="D148" s="12">
        <v>820</v>
      </c>
      <c r="E148" s="12">
        <v>391</v>
      </c>
      <c r="F148" s="12">
        <v>429</v>
      </c>
      <c r="G148" s="12">
        <v>115</v>
      </c>
      <c r="H148" s="12">
        <v>129</v>
      </c>
      <c r="I148" s="12">
        <v>82</v>
      </c>
      <c r="J148" s="12">
        <v>111</v>
      </c>
      <c r="K148" s="12">
        <v>150</v>
      </c>
      <c r="L148" s="12">
        <v>108</v>
      </c>
      <c r="M148" s="12">
        <v>37</v>
      </c>
      <c r="N148" s="12">
        <v>88</v>
      </c>
      <c r="O148" s="12">
        <v>0</v>
      </c>
      <c r="P148" s="12">
        <v>178</v>
      </c>
      <c r="Q148" s="12">
        <v>531</v>
      </c>
      <c r="R148" s="12">
        <v>111</v>
      </c>
    </row>
    <row r="149" spans="1:18" s="4" customFormat="1" x14ac:dyDescent="0.15">
      <c r="A149" s="3"/>
      <c r="B149" s="3" t="s">
        <v>1744</v>
      </c>
      <c r="C149" s="12">
        <v>198</v>
      </c>
      <c r="D149" s="12">
        <v>490</v>
      </c>
      <c r="E149" s="12">
        <v>247</v>
      </c>
      <c r="F149" s="12">
        <v>243</v>
      </c>
      <c r="G149" s="12">
        <v>39</v>
      </c>
      <c r="H149" s="12">
        <v>85</v>
      </c>
      <c r="I149" s="12">
        <v>54</v>
      </c>
      <c r="J149" s="12">
        <v>53</v>
      </c>
      <c r="K149" s="12">
        <v>95</v>
      </c>
      <c r="L149" s="12">
        <v>75</v>
      </c>
      <c r="M149" s="12">
        <v>33</v>
      </c>
      <c r="N149" s="12">
        <v>56</v>
      </c>
      <c r="O149" s="12">
        <v>0</v>
      </c>
      <c r="P149" s="12">
        <v>83</v>
      </c>
      <c r="Q149" s="12">
        <v>333</v>
      </c>
      <c r="R149" s="12">
        <v>74</v>
      </c>
    </row>
    <row r="150" spans="1:18" s="4" customFormat="1" x14ac:dyDescent="0.15">
      <c r="A150" s="3"/>
      <c r="B150" s="3" t="s">
        <v>1745</v>
      </c>
      <c r="C150" s="12">
        <v>154</v>
      </c>
      <c r="D150" s="12">
        <v>447</v>
      </c>
      <c r="E150" s="12">
        <v>219</v>
      </c>
      <c r="F150" s="12">
        <v>228</v>
      </c>
      <c r="G150" s="12">
        <v>55</v>
      </c>
      <c r="H150" s="12">
        <v>79</v>
      </c>
      <c r="I150" s="12">
        <v>43</v>
      </c>
      <c r="J150" s="12">
        <v>57</v>
      </c>
      <c r="K150" s="12">
        <v>99</v>
      </c>
      <c r="L150" s="12">
        <v>61</v>
      </c>
      <c r="M150" s="12">
        <v>17</v>
      </c>
      <c r="N150" s="12">
        <v>36</v>
      </c>
      <c r="O150" s="12">
        <v>0</v>
      </c>
      <c r="P150" s="12">
        <v>92</v>
      </c>
      <c r="Q150" s="12">
        <v>313</v>
      </c>
      <c r="R150" s="12">
        <v>42</v>
      </c>
    </row>
    <row r="151" spans="1:18" s="4" customFormat="1" x14ac:dyDescent="0.15">
      <c r="A151" s="3"/>
      <c r="B151" s="3" t="s">
        <v>1746</v>
      </c>
      <c r="C151" s="12">
        <v>3005</v>
      </c>
      <c r="D151" s="12">
        <v>7900</v>
      </c>
      <c r="E151" s="12">
        <v>4015</v>
      </c>
      <c r="F151" s="12">
        <v>3885</v>
      </c>
      <c r="G151" s="12">
        <v>1415</v>
      </c>
      <c r="H151" s="12">
        <v>1139</v>
      </c>
      <c r="I151" s="12">
        <v>528</v>
      </c>
      <c r="J151" s="12">
        <v>1335</v>
      </c>
      <c r="K151" s="12">
        <v>1594</v>
      </c>
      <c r="L151" s="12">
        <v>652</v>
      </c>
      <c r="M151" s="12">
        <v>386</v>
      </c>
      <c r="N151" s="12">
        <v>851</v>
      </c>
      <c r="O151" s="12">
        <v>0</v>
      </c>
      <c r="P151" s="12">
        <v>2182</v>
      </c>
      <c r="Q151" s="12">
        <v>4673</v>
      </c>
      <c r="R151" s="12">
        <v>1045</v>
      </c>
    </row>
    <row r="152" spans="1:18" s="4" customFormat="1" x14ac:dyDescent="0.15">
      <c r="A152" s="3"/>
      <c r="B152" s="3" t="s">
        <v>1747</v>
      </c>
      <c r="C152" s="12">
        <v>90</v>
      </c>
      <c r="D152" s="12">
        <v>90</v>
      </c>
      <c r="E152" s="12">
        <v>13</v>
      </c>
      <c r="F152" s="12">
        <v>77</v>
      </c>
      <c r="G152" s="12">
        <v>0</v>
      </c>
      <c r="H152" s="12">
        <v>0</v>
      </c>
      <c r="I152" s="12">
        <v>0</v>
      </c>
      <c r="J152" s="12">
        <v>0</v>
      </c>
      <c r="K152" s="12">
        <v>0</v>
      </c>
      <c r="L152" s="12">
        <v>0</v>
      </c>
      <c r="M152" s="12">
        <v>0</v>
      </c>
      <c r="N152" s="12">
        <v>90</v>
      </c>
      <c r="O152" s="12">
        <v>0</v>
      </c>
      <c r="P152" s="12">
        <v>0</v>
      </c>
      <c r="Q152" s="12">
        <v>0</v>
      </c>
      <c r="R152" s="12">
        <v>90</v>
      </c>
    </row>
    <row r="153" spans="1:18" ht="10.5" customHeight="1" x14ac:dyDescent="0.15">
      <c r="A153" s="3"/>
      <c r="B153" s="3" t="s">
        <v>1748</v>
      </c>
      <c r="C153" s="12">
        <v>532</v>
      </c>
      <c r="D153" s="12">
        <v>1464</v>
      </c>
      <c r="E153" s="12">
        <v>766</v>
      </c>
      <c r="F153" s="12">
        <v>698</v>
      </c>
      <c r="G153" s="12">
        <v>227</v>
      </c>
      <c r="H153" s="12">
        <v>242</v>
      </c>
      <c r="I153" s="12">
        <v>164</v>
      </c>
      <c r="J153" s="12">
        <v>253</v>
      </c>
      <c r="K153" s="12">
        <v>327</v>
      </c>
      <c r="L153" s="12">
        <v>148</v>
      </c>
      <c r="M153" s="12">
        <v>41</v>
      </c>
      <c r="N153" s="12">
        <v>62</v>
      </c>
      <c r="O153" s="12">
        <v>0</v>
      </c>
      <c r="P153" s="12">
        <v>354</v>
      </c>
      <c r="Q153" s="12">
        <v>1032</v>
      </c>
      <c r="R153" s="12">
        <v>78</v>
      </c>
    </row>
    <row r="154" spans="1:18" ht="10.5" customHeight="1" x14ac:dyDescent="0.15">
      <c r="A154" s="3"/>
      <c r="B154" s="3" t="s">
        <v>1749</v>
      </c>
      <c r="C154" s="12">
        <v>2080</v>
      </c>
      <c r="D154" s="12">
        <v>4679</v>
      </c>
      <c r="E154" s="12">
        <v>2314</v>
      </c>
      <c r="F154" s="12">
        <v>2365</v>
      </c>
      <c r="G154" s="12">
        <v>311</v>
      </c>
      <c r="H154" s="12">
        <v>405</v>
      </c>
      <c r="I154" s="12">
        <v>357</v>
      </c>
      <c r="J154" s="12">
        <v>396</v>
      </c>
      <c r="K154" s="12">
        <v>622</v>
      </c>
      <c r="L154" s="12">
        <v>592</v>
      </c>
      <c r="M154" s="12">
        <v>584</v>
      </c>
      <c r="N154" s="12">
        <v>1412</v>
      </c>
      <c r="O154" s="12">
        <v>0</v>
      </c>
      <c r="P154" s="12">
        <v>508</v>
      </c>
      <c r="Q154" s="12">
        <v>2429</v>
      </c>
      <c r="R154" s="12">
        <v>1742</v>
      </c>
    </row>
    <row r="155" spans="1:18" ht="10.5" customHeight="1" x14ac:dyDescent="0.15">
      <c r="A155" s="3"/>
      <c r="B155" s="3" t="s">
        <v>1750</v>
      </c>
      <c r="C155" s="12">
        <v>332</v>
      </c>
      <c r="D155" s="12">
        <v>930</v>
      </c>
      <c r="E155" s="12">
        <v>479</v>
      </c>
      <c r="F155" s="12">
        <v>451</v>
      </c>
      <c r="G155" s="12">
        <v>174</v>
      </c>
      <c r="H155" s="12">
        <v>143</v>
      </c>
      <c r="I155" s="12">
        <v>79</v>
      </c>
      <c r="J155" s="12">
        <v>160</v>
      </c>
      <c r="K155" s="12">
        <v>194</v>
      </c>
      <c r="L155" s="12">
        <v>92</v>
      </c>
      <c r="M155" s="12">
        <v>24</v>
      </c>
      <c r="N155" s="12">
        <v>64</v>
      </c>
      <c r="O155" s="12">
        <v>0</v>
      </c>
      <c r="P155" s="12">
        <v>247</v>
      </c>
      <c r="Q155" s="12">
        <v>611</v>
      </c>
      <c r="R155" s="12">
        <v>72</v>
      </c>
    </row>
    <row r="156" spans="1:18" ht="10.5" customHeight="1" x14ac:dyDescent="0.15">
      <c r="A156" s="3"/>
      <c r="B156" s="3" t="s">
        <v>1751</v>
      </c>
      <c r="C156" s="12">
        <v>3</v>
      </c>
      <c r="D156" s="12">
        <v>3</v>
      </c>
      <c r="E156" s="12">
        <v>0</v>
      </c>
      <c r="F156" s="12">
        <v>3</v>
      </c>
      <c r="G156" s="12" t="s">
        <v>132</v>
      </c>
      <c r="H156" s="12" t="s">
        <v>132</v>
      </c>
      <c r="I156" s="12" t="s">
        <v>132</v>
      </c>
      <c r="J156" s="12" t="s">
        <v>132</v>
      </c>
      <c r="K156" s="12" t="s">
        <v>132</v>
      </c>
      <c r="L156" s="12" t="s">
        <v>132</v>
      </c>
      <c r="M156" s="12" t="s">
        <v>132</v>
      </c>
      <c r="N156" s="12" t="s">
        <v>132</v>
      </c>
      <c r="O156" s="12" t="s">
        <v>132</v>
      </c>
      <c r="P156" s="12" t="s">
        <v>132</v>
      </c>
      <c r="Q156" s="12" t="s">
        <v>132</v>
      </c>
      <c r="R156" s="12" t="s">
        <v>132</v>
      </c>
    </row>
    <row r="157" spans="1:18" ht="10.5" customHeight="1" x14ac:dyDescent="0.15">
      <c r="A157" s="3"/>
      <c r="B157" s="3" t="s">
        <v>1752</v>
      </c>
      <c r="C157" s="12">
        <v>152</v>
      </c>
      <c r="D157" s="12">
        <v>416</v>
      </c>
      <c r="E157" s="12">
        <v>197</v>
      </c>
      <c r="F157" s="12">
        <v>219</v>
      </c>
      <c r="G157" s="12">
        <v>59</v>
      </c>
      <c r="H157" s="12">
        <v>62</v>
      </c>
      <c r="I157" s="12">
        <v>43</v>
      </c>
      <c r="J157" s="12">
        <v>43</v>
      </c>
      <c r="K157" s="12">
        <v>79</v>
      </c>
      <c r="L157" s="12">
        <v>44</v>
      </c>
      <c r="M157" s="12">
        <v>34</v>
      </c>
      <c r="N157" s="12">
        <v>52</v>
      </c>
      <c r="O157" s="12">
        <v>0</v>
      </c>
      <c r="P157" s="12">
        <v>89</v>
      </c>
      <c r="Q157" s="12">
        <v>253</v>
      </c>
      <c r="R157" s="12">
        <v>74</v>
      </c>
    </row>
    <row r="158" spans="1:18" ht="10.5" customHeight="1" x14ac:dyDescent="0.15">
      <c r="A158" s="3"/>
      <c r="B158" s="3" t="s">
        <v>1753</v>
      </c>
      <c r="C158" s="12">
        <v>88</v>
      </c>
      <c r="D158" s="12">
        <v>253</v>
      </c>
      <c r="E158" s="12">
        <v>124</v>
      </c>
      <c r="F158" s="12">
        <v>129</v>
      </c>
      <c r="G158" s="12">
        <v>23</v>
      </c>
      <c r="H158" s="12">
        <v>43</v>
      </c>
      <c r="I158" s="12">
        <v>29</v>
      </c>
      <c r="J158" s="12">
        <v>20</v>
      </c>
      <c r="K158" s="12">
        <v>48</v>
      </c>
      <c r="L158" s="12">
        <v>42</v>
      </c>
      <c r="M158" s="12">
        <v>15</v>
      </c>
      <c r="N158" s="12">
        <v>33</v>
      </c>
      <c r="O158" s="12">
        <v>0</v>
      </c>
      <c r="P158" s="12">
        <v>38</v>
      </c>
      <c r="Q158" s="12">
        <v>179</v>
      </c>
      <c r="R158" s="12">
        <v>36</v>
      </c>
    </row>
    <row r="159" spans="1:18" ht="10.5" customHeight="1" x14ac:dyDescent="0.15">
      <c r="A159" s="3"/>
      <c r="B159" s="3" t="s">
        <v>1754</v>
      </c>
      <c r="C159" s="12">
        <v>272</v>
      </c>
      <c r="D159" s="12">
        <v>672</v>
      </c>
      <c r="E159" s="12">
        <v>320</v>
      </c>
      <c r="F159" s="12">
        <v>352</v>
      </c>
      <c r="G159" s="12">
        <v>58</v>
      </c>
      <c r="H159" s="12">
        <v>95</v>
      </c>
      <c r="I159" s="12">
        <v>45</v>
      </c>
      <c r="J159" s="12">
        <v>56</v>
      </c>
      <c r="K159" s="12">
        <v>101</v>
      </c>
      <c r="L159" s="12">
        <v>93</v>
      </c>
      <c r="M159" s="12">
        <v>80</v>
      </c>
      <c r="N159" s="12">
        <v>144</v>
      </c>
      <c r="O159" s="12">
        <v>0</v>
      </c>
      <c r="P159" s="12">
        <v>103</v>
      </c>
      <c r="Q159" s="12">
        <v>390</v>
      </c>
      <c r="R159" s="12">
        <v>179</v>
      </c>
    </row>
    <row r="160" spans="1:18" ht="10.5" customHeight="1" x14ac:dyDescent="0.15">
      <c r="A160" s="3"/>
      <c r="B160" s="3" t="s">
        <v>1755</v>
      </c>
      <c r="C160" s="12">
        <v>103</v>
      </c>
      <c r="D160" s="12">
        <v>254</v>
      </c>
      <c r="E160" s="12">
        <v>120</v>
      </c>
      <c r="F160" s="12">
        <v>134</v>
      </c>
      <c r="G160" s="12">
        <v>31</v>
      </c>
      <c r="H160" s="12">
        <v>38</v>
      </c>
      <c r="I160" s="12">
        <v>10</v>
      </c>
      <c r="J160" s="12">
        <v>31</v>
      </c>
      <c r="K160" s="12">
        <v>38</v>
      </c>
      <c r="L160" s="12">
        <v>32</v>
      </c>
      <c r="M160" s="12">
        <v>9</v>
      </c>
      <c r="N160" s="12">
        <v>65</v>
      </c>
      <c r="O160" s="12">
        <v>0</v>
      </c>
      <c r="P160" s="12">
        <v>55</v>
      </c>
      <c r="Q160" s="12">
        <v>131</v>
      </c>
      <c r="R160" s="12">
        <v>68</v>
      </c>
    </row>
    <row r="161" spans="1:18" ht="10.5" customHeight="1" x14ac:dyDescent="0.15">
      <c r="A161" s="3"/>
      <c r="B161" s="3" t="s">
        <v>1756</v>
      </c>
      <c r="C161" s="12">
        <v>469</v>
      </c>
      <c r="D161" s="12">
        <v>1269</v>
      </c>
      <c r="E161" s="12">
        <v>611</v>
      </c>
      <c r="F161" s="12">
        <v>658</v>
      </c>
      <c r="G161" s="12">
        <v>123</v>
      </c>
      <c r="H161" s="12">
        <v>226</v>
      </c>
      <c r="I161" s="12">
        <v>104</v>
      </c>
      <c r="J161" s="12">
        <v>138</v>
      </c>
      <c r="K161" s="12">
        <v>268</v>
      </c>
      <c r="L161" s="12">
        <v>144</v>
      </c>
      <c r="M161" s="12">
        <v>94</v>
      </c>
      <c r="N161" s="12">
        <v>172</v>
      </c>
      <c r="O161" s="12">
        <v>0</v>
      </c>
      <c r="P161" s="12">
        <v>246</v>
      </c>
      <c r="Q161" s="12">
        <v>798</v>
      </c>
      <c r="R161" s="12">
        <v>225</v>
      </c>
    </row>
    <row r="162" spans="1:18" ht="10.5" customHeight="1" x14ac:dyDescent="0.15">
      <c r="A162" s="3"/>
      <c r="B162" s="3"/>
      <c r="C162" s="12"/>
      <c r="D162" s="12"/>
      <c r="E162" s="12"/>
      <c r="F162" s="12"/>
      <c r="G162" s="12"/>
      <c r="H162" s="12"/>
      <c r="I162" s="12"/>
      <c r="J162" s="12"/>
      <c r="K162" s="12"/>
      <c r="L162" s="12"/>
      <c r="M162" s="12"/>
      <c r="N162" s="12"/>
      <c r="O162" s="12"/>
      <c r="P162" s="12"/>
      <c r="Q162" s="12"/>
      <c r="R162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308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1757</v>
      </c>
      <c r="B6" s="3"/>
      <c r="C6" s="12">
        <v>106830</v>
      </c>
      <c r="D6" s="12">
        <v>249755</v>
      </c>
      <c r="E6" s="12">
        <v>123711</v>
      </c>
      <c r="F6" s="12">
        <v>126044</v>
      </c>
      <c r="G6" s="12">
        <v>24628</v>
      </c>
      <c r="H6" s="12">
        <v>25627</v>
      </c>
      <c r="I6" s="12">
        <v>25220</v>
      </c>
      <c r="J6" s="12">
        <v>30988</v>
      </c>
      <c r="K6" s="12">
        <v>39632</v>
      </c>
      <c r="L6" s="12">
        <v>34051</v>
      </c>
      <c r="M6" s="12">
        <v>25213</v>
      </c>
      <c r="N6" s="12">
        <v>44396</v>
      </c>
      <c r="O6" s="12">
        <v>0</v>
      </c>
      <c r="P6" s="12">
        <v>37663</v>
      </c>
      <c r="Q6" s="12">
        <v>155130</v>
      </c>
      <c r="R6" s="12">
        <v>56962</v>
      </c>
    </row>
    <row r="7" spans="1:18" s="4" customFormat="1" x14ac:dyDescent="0.15">
      <c r="A7" s="3"/>
      <c r="B7" s="3" t="s">
        <v>1758</v>
      </c>
      <c r="C7" s="12">
        <v>313</v>
      </c>
      <c r="D7" s="12">
        <v>737</v>
      </c>
      <c r="E7" s="12">
        <v>361</v>
      </c>
      <c r="F7" s="12">
        <v>376</v>
      </c>
      <c r="G7" s="12">
        <v>77</v>
      </c>
      <c r="H7" s="12">
        <v>59</v>
      </c>
      <c r="I7" s="12">
        <v>77</v>
      </c>
      <c r="J7" s="12">
        <v>106</v>
      </c>
      <c r="K7" s="12">
        <v>91</v>
      </c>
      <c r="L7" s="12">
        <v>93</v>
      </c>
      <c r="M7" s="12">
        <v>101</v>
      </c>
      <c r="N7" s="12">
        <v>133</v>
      </c>
      <c r="O7" s="12">
        <v>0</v>
      </c>
      <c r="P7" s="12">
        <v>105</v>
      </c>
      <c r="Q7" s="12">
        <v>451</v>
      </c>
      <c r="R7" s="12">
        <v>181</v>
      </c>
    </row>
    <row r="8" spans="1:18" s="4" customFormat="1" x14ac:dyDescent="0.15">
      <c r="A8" s="3"/>
      <c r="B8" s="3" t="s">
        <v>1759</v>
      </c>
      <c r="C8" s="12">
        <v>183</v>
      </c>
      <c r="D8" s="12">
        <v>443</v>
      </c>
      <c r="E8" s="12">
        <v>213</v>
      </c>
      <c r="F8" s="12">
        <v>230</v>
      </c>
      <c r="G8" s="12">
        <v>52</v>
      </c>
      <c r="H8" s="12">
        <v>43</v>
      </c>
      <c r="I8" s="12">
        <v>34</v>
      </c>
      <c r="J8" s="12">
        <v>71</v>
      </c>
      <c r="K8" s="12">
        <v>71</v>
      </c>
      <c r="L8" s="12">
        <v>54</v>
      </c>
      <c r="M8" s="12">
        <v>30</v>
      </c>
      <c r="N8" s="12">
        <v>88</v>
      </c>
      <c r="O8" s="12">
        <v>0</v>
      </c>
      <c r="P8" s="12">
        <v>73</v>
      </c>
      <c r="Q8" s="12">
        <v>265</v>
      </c>
      <c r="R8" s="12">
        <v>105</v>
      </c>
    </row>
    <row r="9" spans="1:18" s="4" customFormat="1" x14ac:dyDescent="0.15">
      <c r="A9" s="3"/>
      <c r="B9" s="3" t="s">
        <v>1760</v>
      </c>
      <c r="C9" s="12">
        <v>410</v>
      </c>
      <c r="D9" s="12">
        <v>928</v>
      </c>
      <c r="E9" s="12">
        <v>459</v>
      </c>
      <c r="F9" s="12">
        <v>469</v>
      </c>
      <c r="G9" s="12">
        <v>59</v>
      </c>
      <c r="H9" s="12">
        <v>85</v>
      </c>
      <c r="I9" s="12">
        <v>85</v>
      </c>
      <c r="J9" s="12">
        <v>102</v>
      </c>
      <c r="K9" s="12">
        <v>139</v>
      </c>
      <c r="L9" s="12">
        <v>125</v>
      </c>
      <c r="M9" s="12">
        <v>134</v>
      </c>
      <c r="N9" s="12">
        <v>199</v>
      </c>
      <c r="O9" s="12">
        <v>0</v>
      </c>
      <c r="P9" s="12">
        <v>95</v>
      </c>
      <c r="Q9" s="12">
        <v>559</v>
      </c>
      <c r="R9" s="12">
        <v>274</v>
      </c>
    </row>
    <row r="10" spans="1:18" s="4" customFormat="1" x14ac:dyDescent="0.15">
      <c r="A10" s="3"/>
      <c r="B10" s="3" t="s">
        <v>1761</v>
      </c>
      <c r="C10" s="12">
        <v>132</v>
      </c>
      <c r="D10" s="12">
        <v>249</v>
      </c>
      <c r="E10" s="12">
        <v>145</v>
      </c>
      <c r="F10" s="12">
        <v>104</v>
      </c>
      <c r="G10" s="12">
        <v>17</v>
      </c>
      <c r="H10" s="12">
        <v>20</v>
      </c>
      <c r="I10" s="12">
        <v>41</v>
      </c>
      <c r="J10" s="12">
        <v>29</v>
      </c>
      <c r="K10" s="12">
        <v>30</v>
      </c>
      <c r="L10" s="12">
        <v>41</v>
      </c>
      <c r="M10" s="12">
        <v>24</v>
      </c>
      <c r="N10" s="12">
        <v>47</v>
      </c>
      <c r="O10" s="12">
        <v>0</v>
      </c>
      <c r="P10" s="12">
        <v>26</v>
      </c>
      <c r="Q10" s="12">
        <v>161</v>
      </c>
      <c r="R10" s="12">
        <v>62</v>
      </c>
    </row>
    <row r="11" spans="1:18" s="4" customFormat="1" x14ac:dyDescent="0.15">
      <c r="A11" s="3"/>
      <c r="B11" s="3" t="s">
        <v>1762</v>
      </c>
      <c r="C11" s="12">
        <v>235</v>
      </c>
      <c r="D11" s="12">
        <v>607</v>
      </c>
      <c r="E11" s="12">
        <v>288</v>
      </c>
      <c r="F11" s="12">
        <v>319</v>
      </c>
      <c r="G11" s="12">
        <v>31</v>
      </c>
      <c r="H11" s="12">
        <v>69</v>
      </c>
      <c r="I11" s="12">
        <v>83</v>
      </c>
      <c r="J11" s="12">
        <v>37</v>
      </c>
      <c r="K11" s="12">
        <v>88</v>
      </c>
      <c r="L11" s="12">
        <v>136</v>
      </c>
      <c r="M11" s="12">
        <v>70</v>
      </c>
      <c r="N11" s="12">
        <v>93</v>
      </c>
      <c r="O11" s="12">
        <v>0</v>
      </c>
      <c r="P11" s="12">
        <v>56</v>
      </c>
      <c r="Q11" s="12">
        <v>419</v>
      </c>
      <c r="R11" s="12">
        <v>132</v>
      </c>
    </row>
    <row r="12" spans="1:18" s="4" customFormat="1" x14ac:dyDescent="0.15">
      <c r="A12" s="3"/>
      <c r="B12" s="3" t="s">
        <v>1763</v>
      </c>
      <c r="C12" s="12">
        <v>488</v>
      </c>
      <c r="D12" s="12">
        <v>1185</v>
      </c>
      <c r="E12" s="12">
        <v>583</v>
      </c>
      <c r="F12" s="12">
        <v>602</v>
      </c>
      <c r="G12" s="12">
        <v>95</v>
      </c>
      <c r="H12" s="12">
        <v>103</v>
      </c>
      <c r="I12" s="12">
        <v>146</v>
      </c>
      <c r="J12" s="12">
        <v>117</v>
      </c>
      <c r="K12" s="12">
        <v>148</v>
      </c>
      <c r="L12" s="12">
        <v>221</v>
      </c>
      <c r="M12" s="12">
        <v>131</v>
      </c>
      <c r="N12" s="12">
        <v>224</v>
      </c>
      <c r="O12" s="12">
        <v>0</v>
      </c>
      <c r="P12" s="12">
        <v>144</v>
      </c>
      <c r="Q12" s="12">
        <v>759</v>
      </c>
      <c r="R12" s="12">
        <v>282</v>
      </c>
    </row>
    <row r="13" spans="1:18" s="4" customFormat="1" x14ac:dyDescent="0.15">
      <c r="A13" s="3"/>
      <c r="B13" s="3" t="s">
        <v>1764</v>
      </c>
      <c r="C13" s="12">
        <v>63</v>
      </c>
      <c r="D13" s="12">
        <v>147</v>
      </c>
      <c r="E13" s="12">
        <v>74</v>
      </c>
      <c r="F13" s="12">
        <v>73</v>
      </c>
      <c r="G13" s="12">
        <v>11</v>
      </c>
      <c r="H13" s="12">
        <v>20</v>
      </c>
      <c r="I13" s="12">
        <v>7</v>
      </c>
      <c r="J13" s="12">
        <v>9</v>
      </c>
      <c r="K13" s="12">
        <v>29</v>
      </c>
      <c r="L13" s="12">
        <v>19</v>
      </c>
      <c r="M13" s="12">
        <v>15</v>
      </c>
      <c r="N13" s="12">
        <v>37</v>
      </c>
      <c r="O13" s="12">
        <v>0</v>
      </c>
      <c r="P13" s="12">
        <v>23</v>
      </c>
      <c r="Q13" s="12">
        <v>78</v>
      </c>
      <c r="R13" s="12">
        <v>46</v>
      </c>
    </row>
    <row r="14" spans="1:18" s="4" customFormat="1" x14ac:dyDescent="0.15">
      <c r="A14" s="3"/>
      <c r="B14" s="3" t="s">
        <v>1765</v>
      </c>
      <c r="C14" s="12">
        <v>119</v>
      </c>
      <c r="D14" s="12">
        <v>280</v>
      </c>
      <c r="E14" s="12">
        <v>127</v>
      </c>
      <c r="F14" s="12">
        <v>153</v>
      </c>
      <c r="G14" s="12">
        <v>19</v>
      </c>
      <c r="H14" s="12">
        <v>19</v>
      </c>
      <c r="I14" s="12">
        <v>16</v>
      </c>
      <c r="J14" s="12">
        <v>36</v>
      </c>
      <c r="K14" s="12">
        <v>40</v>
      </c>
      <c r="L14" s="12">
        <v>40</v>
      </c>
      <c r="M14" s="12">
        <v>38</v>
      </c>
      <c r="N14" s="12">
        <v>72</v>
      </c>
      <c r="O14" s="12">
        <v>0</v>
      </c>
      <c r="P14" s="12">
        <v>25</v>
      </c>
      <c r="Q14" s="12">
        <v>160</v>
      </c>
      <c r="R14" s="12">
        <v>95</v>
      </c>
    </row>
    <row r="15" spans="1:18" s="4" customFormat="1" x14ac:dyDescent="0.15">
      <c r="A15" s="3"/>
      <c r="B15" s="3" t="s">
        <v>1766</v>
      </c>
      <c r="C15" s="12">
        <v>1030</v>
      </c>
      <c r="D15" s="12">
        <v>2293</v>
      </c>
      <c r="E15" s="12">
        <v>1093</v>
      </c>
      <c r="F15" s="12">
        <v>1200</v>
      </c>
      <c r="G15" s="12">
        <v>110</v>
      </c>
      <c r="H15" s="12">
        <v>242</v>
      </c>
      <c r="I15" s="12">
        <v>181</v>
      </c>
      <c r="J15" s="12">
        <v>197</v>
      </c>
      <c r="K15" s="12">
        <v>382</v>
      </c>
      <c r="L15" s="12">
        <v>333</v>
      </c>
      <c r="M15" s="12">
        <v>300</v>
      </c>
      <c r="N15" s="12">
        <v>548</v>
      </c>
      <c r="O15" s="12">
        <v>0</v>
      </c>
      <c r="P15" s="12">
        <v>232</v>
      </c>
      <c r="Q15" s="12">
        <v>1363</v>
      </c>
      <c r="R15" s="12">
        <v>698</v>
      </c>
    </row>
    <row r="16" spans="1:18" s="4" customFormat="1" x14ac:dyDescent="0.15">
      <c r="A16" s="3"/>
      <c r="B16" s="3" t="s">
        <v>1767</v>
      </c>
      <c r="C16" s="12">
        <v>486</v>
      </c>
      <c r="D16" s="12">
        <v>1202</v>
      </c>
      <c r="E16" s="12">
        <v>606</v>
      </c>
      <c r="F16" s="12">
        <v>596</v>
      </c>
      <c r="G16" s="12">
        <v>122</v>
      </c>
      <c r="H16" s="12">
        <v>141</v>
      </c>
      <c r="I16" s="12">
        <v>95</v>
      </c>
      <c r="J16" s="12">
        <v>148</v>
      </c>
      <c r="K16" s="12">
        <v>207</v>
      </c>
      <c r="L16" s="12">
        <v>177</v>
      </c>
      <c r="M16" s="12">
        <v>138</v>
      </c>
      <c r="N16" s="12">
        <v>174</v>
      </c>
      <c r="O16" s="12">
        <v>0</v>
      </c>
      <c r="P16" s="12">
        <v>210</v>
      </c>
      <c r="Q16" s="12">
        <v>750</v>
      </c>
      <c r="R16" s="12">
        <v>242</v>
      </c>
    </row>
    <row r="17" spans="1:18" s="4" customFormat="1" x14ac:dyDescent="0.15">
      <c r="A17" s="3"/>
      <c r="B17" s="3" t="s">
        <v>1768</v>
      </c>
      <c r="C17" s="12">
        <v>528</v>
      </c>
      <c r="D17" s="12">
        <v>1134</v>
      </c>
      <c r="E17" s="12">
        <v>531</v>
      </c>
      <c r="F17" s="12">
        <v>603</v>
      </c>
      <c r="G17" s="12">
        <v>94</v>
      </c>
      <c r="H17" s="12">
        <v>87</v>
      </c>
      <c r="I17" s="12">
        <v>97</v>
      </c>
      <c r="J17" s="12">
        <v>140</v>
      </c>
      <c r="K17" s="12">
        <v>145</v>
      </c>
      <c r="L17" s="12">
        <v>150</v>
      </c>
      <c r="M17" s="12">
        <v>113</v>
      </c>
      <c r="N17" s="12">
        <v>308</v>
      </c>
      <c r="O17" s="12">
        <v>0</v>
      </c>
      <c r="P17" s="12">
        <v>143</v>
      </c>
      <c r="Q17" s="12">
        <v>627</v>
      </c>
      <c r="R17" s="12">
        <v>364</v>
      </c>
    </row>
    <row r="18" spans="1:18" s="4" customFormat="1" x14ac:dyDescent="0.15">
      <c r="A18" s="3"/>
      <c r="B18" s="3" t="s">
        <v>1769</v>
      </c>
      <c r="C18" s="12">
        <v>293</v>
      </c>
      <c r="D18" s="12">
        <v>688</v>
      </c>
      <c r="E18" s="12">
        <v>325</v>
      </c>
      <c r="F18" s="12">
        <v>363</v>
      </c>
      <c r="G18" s="12">
        <v>69</v>
      </c>
      <c r="H18" s="12">
        <v>41</v>
      </c>
      <c r="I18" s="12">
        <v>80</v>
      </c>
      <c r="J18" s="12">
        <v>72</v>
      </c>
      <c r="K18" s="12">
        <v>91</v>
      </c>
      <c r="L18" s="12">
        <v>97</v>
      </c>
      <c r="M18" s="12">
        <v>84</v>
      </c>
      <c r="N18" s="12">
        <v>154</v>
      </c>
      <c r="O18" s="12">
        <v>0</v>
      </c>
      <c r="P18" s="12">
        <v>88</v>
      </c>
      <c r="Q18" s="12">
        <v>405</v>
      </c>
      <c r="R18" s="12">
        <v>195</v>
      </c>
    </row>
    <row r="19" spans="1:18" s="4" customFormat="1" x14ac:dyDescent="0.15">
      <c r="A19" s="3"/>
      <c r="B19" s="3" t="s">
        <v>1770</v>
      </c>
      <c r="C19" s="12">
        <v>301</v>
      </c>
      <c r="D19" s="12">
        <v>639</v>
      </c>
      <c r="E19" s="12">
        <v>289</v>
      </c>
      <c r="F19" s="12">
        <v>350</v>
      </c>
      <c r="G19" s="12">
        <v>54</v>
      </c>
      <c r="H19" s="12">
        <v>55</v>
      </c>
      <c r="I19" s="12">
        <v>105</v>
      </c>
      <c r="J19" s="12">
        <v>79</v>
      </c>
      <c r="K19" s="12">
        <v>82</v>
      </c>
      <c r="L19" s="12">
        <v>96</v>
      </c>
      <c r="M19" s="12">
        <v>50</v>
      </c>
      <c r="N19" s="12">
        <v>118</v>
      </c>
      <c r="O19" s="12">
        <v>0</v>
      </c>
      <c r="P19" s="12">
        <v>78</v>
      </c>
      <c r="Q19" s="12">
        <v>423</v>
      </c>
      <c r="R19" s="12">
        <v>138</v>
      </c>
    </row>
    <row r="20" spans="1:18" s="4" customFormat="1" x14ac:dyDescent="0.15">
      <c r="A20" s="3"/>
      <c r="B20" s="3" t="s">
        <v>1771</v>
      </c>
      <c r="C20" s="12">
        <v>677</v>
      </c>
      <c r="D20" s="12">
        <v>1812</v>
      </c>
      <c r="E20" s="12">
        <v>896</v>
      </c>
      <c r="F20" s="12">
        <v>916</v>
      </c>
      <c r="G20" s="12">
        <v>124</v>
      </c>
      <c r="H20" s="12">
        <v>253</v>
      </c>
      <c r="I20" s="12">
        <v>210</v>
      </c>
      <c r="J20" s="12">
        <v>139</v>
      </c>
      <c r="K20" s="12">
        <v>364</v>
      </c>
      <c r="L20" s="12">
        <v>389</v>
      </c>
      <c r="M20" s="12">
        <v>169</v>
      </c>
      <c r="N20" s="12">
        <v>164</v>
      </c>
      <c r="O20" s="12">
        <v>0</v>
      </c>
      <c r="P20" s="12">
        <v>258</v>
      </c>
      <c r="Q20" s="12">
        <v>1314</v>
      </c>
      <c r="R20" s="12">
        <v>240</v>
      </c>
    </row>
    <row r="21" spans="1:18" s="4" customFormat="1" x14ac:dyDescent="0.15">
      <c r="A21" s="3"/>
      <c r="B21" s="3" t="s">
        <v>1772</v>
      </c>
      <c r="C21" s="12">
        <v>365</v>
      </c>
      <c r="D21" s="12">
        <v>875</v>
      </c>
      <c r="E21" s="12">
        <v>435</v>
      </c>
      <c r="F21" s="12">
        <v>440</v>
      </c>
      <c r="G21" s="12">
        <v>77</v>
      </c>
      <c r="H21" s="12">
        <v>80</v>
      </c>
      <c r="I21" s="12">
        <v>87</v>
      </c>
      <c r="J21" s="12">
        <v>131</v>
      </c>
      <c r="K21" s="12">
        <v>120</v>
      </c>
      <c r="L21" s="12">
        <v>132</v>
      </c>
      <c r="M21" s="12">
        <v>109</v>
      </c>
      <c r="N21" s="12">
        <v>139</v>
      </c>
      <c r="O21" s="12">
        <v>0</v>
      </c>
      <c r="P21" s="12">
        <v>113</v>
      </c>
      <c r="Q21" s="12">
        <v>562</v>
      </c>
      <c r="R21" s="12">
        <v>200</v>
      </c>
    </row>
    <row r="22" spans="1:18" s="4" customFormat="1" x14ac:dyDescent="0.15">
      <c r="A22" s="3"/>
      <c r="B22" s="3" t="s">
        <v>1773</v>
      </c>
      <c r="C22" s="12">
        <v>445</v>
      </c>
      <c r="D22" s="12">
        <v>961</v>
      </c>
      <c r="E22" s="12">
        <v>467</v>
      </c>
      <c r="F22" s="12">
        <v>494</v>
      </c>
      <c r="G22" s="12">
        <v>93</v>
      </c>
      <c r="H22" s="12">
        <v>66</v>
      </c>
      <c r="I22" s="12">
        <v>69</v>
      </c>
      <c r="J22" s="12">
        <v>97</v>
      </c>
      <c r="K22" s="12">
        <v>104</v>
      </c>
      <c r="L22" s="12">
        <v>135</v>
      </c>
      <c r="M22" s="12">
        <v>98</v>
      </c>
      <c r="N22" s="12">
        <v>299</v>
      </c>
      <c r="O22" s="12">
        <v>0</v>
      </c>
      <c r="P22" s="12">
        <v>122</v>
      </c>
      <c r="Q22" s="12">
        <v>490</v>
      </c>
      <c r="R22" s="12">
        <v>349</v>
      </c>
    </row>
    <row r="23" spans="1:18" s="4" customFormat="1" x14ac:dyDescent="0.15">
      <c r="A23" s="3"/>
      <c r="B23" s="3" t="s">
        <v>1774</v>
      </c>
      <c r="C23" s="12">
        <v>314</v>
      </c>
      <c r="D23" s="12">
        <v>747</v>
      </c>
      <c r="E23" s="12">
        <v>367</v>
      </c>
      <c r="F23" s="12">
        <v>380</v>
      </c>
      <c r="G23" s="12">
        <v>104</v>
      </c>
      <c r="H23" s="12">
        <v>62</v>
      </c>
      <c r="I23" s="12">
        <v>76</v>
      </c>
      <c r="J23" s="12">
        <v>142</v>
      </c>
      <c r="K23" s="12">
        <v>80</v>
      </c>
      <c r="L23" s="12">
        <v>81</v>
      </c>
      <c r="M23" s="12">
        <v>63</v>
      </c>
      <c r="N23" s="12">
        <v>139</v>
      </c>
      <c r="O23" s="12">
        <v>0</v>
      </c>
      <c r="P23" s="12">
        <v>138</v>
      </c>
      <c r="Q23" s="12">
        <v>439</v>
      </c>
      <c r="R23" s="12">
        <v>170</v>
      </c>
    </row>
    <row r="24" spans="1:18" s="4" customFormat="1" x14ac:dyDescent="0.15">
      <c r="A24" s="3"/>
      <c r="B24" s="3" t="s">
        <v>1775</v>
      </c>
      <c r="C24" s="12">
        <v>846</v>
      </c>
      <c r="D24" s="12">
        <v>1764</v>
      </c>
      <c r="E24" s="12">
        <v>906</v>
      </c>
      <c r="F24" s="12">
        <v>858</v>
      </c>
      <c r="G24" s="12">
        <v>167</v>
      </c>
      <c r="H24" s="12">
        <v>156</v>
      </c>
      <c r="I24" s="12">
        <v>117</v>
      </c>
      <c r="J24" s="12">
        <v>216</v>
      </c>
      <c r="K24" s="12">
        <v>273</v>
      </c>
      <c r="L24" s="12">
        <v>206</v>
      </c>
      <c r="M24" s="12">
        <v>199</v>
      </c>
      <c r="N24" s="12">
        <v>430</v>
      </c>
      <c r="O24" s="12">
        <v>0</v>
      </c>
      <c r="P24" s="12">
        <v>256</v>
      </c>
      <c r="Q24" s="12">
        <v>966</v>
      </c>
      <c r="R24" s="12">
        <v>542</v>
      </c>
    </row>
    <row r="25" spans="1:18" s="4" customFormat="1" x14ac:dyDescent="0.15">
      <c r="A25" s="3"/>
      <c r="B25" s="3" t="s">
        <v>1776</v>
      </c>
      <c r="C25" s="12">
        <v>97</v>
      </c>
      <c r="D25" s="12">
        <v>205</v>
      </c>
      <c r="E25" s="12">
        <v>109</v>
      </c>
      <c r="F25" s="12">
        <v>96</v>
      </c>
      <c r="G25" s="12">
        <v>21</v>
      </c>
      <c r="H25" s="12">
        <v>7</v>
      </c>
      <c r="I25" s="12">
        <v>31</v>
      </c>
      <c r="J25" s="12">
        <v>37</v>
      </c>
      <c r="K25" s="12">
        <v>29</v>
      </c>
      <c r="L25" s="12">
        <v>23</v>
      </c>
      <c r="M25" s="12">
        <v>19</v>
      </c>
      <c r="N25" s="12">
        <v>38</v>
      </c>
      <c r="O25" s="12">
        <v>0</v>
      </c>
      <c r="P25" s="12">
        <v>27</v>
      </c>
      <c r="Q25" s="12">
        <v>129</v>
      </c>
      <c r="R25" s="12">
        <v>49</v>
      </c>
    </row>
    <row r="26" spans="1:18" s="4" customFormat="1" x14ac:dyDescent="0.15">
      <c r="A26" s="3"/>
      <c r="B26" s="3" t="s">
        <v>1777</v>
      </c>
      <c r="C26" s="12">
        <v>645</v>
      </c>
      <c r="D26" s="12">
        <v>1268</v>
      </c>
      <c r="E26" s="12">
        <v>720</v>
      </c>
      <c r="F26" s="12">
        <v>548</v>
      </c>
      <c r="G26" s="12">
        <v>114</v>
      </c>
      <c r="H26" s="12">
        <v>131</v>
      </c>
      <c r="I26" s="12">
        <v>119</v>
      </c>
      <c r="J26" s="12">
        <v>153</v>
      </c>
      <c r="K26" s="12">
        <v>239</v>
      </c>
      <c r="L26" s="12">
        <v>153</v>
      </c>
      <c r="M26" s="12">
        <v>135</v>
      </c>
      <c r="N26" s="12">
        <v>224</v>
      </c>
      <c r="O26" s="12">
        <v>0</v>
      </c>
      <c r="P26" s="12">
        <v>197</v>
      </c>
      <c r="Q26" s="12">
        <v>772</v>
      </c>
      <c r="R26" s="12">
        <v>299</v>
      </c>
    </row>
    <row r="27" spans="1:18" s="4" customFormat="1" x14ac:dyDescent="0.15">
      <c r="A27" s="3"/>
      <c r="B27" s="3" t="s">
        <v>1778</v>
      </c>
      <c r="C27" s="12">
        <v>1163</v>
      </c>
      <c r="D27" s="12">
        <v>2217</v>
      </c>
      <c r="E27" s="12">
        <v>1032</v>
      </c>
      <c r="F27" s="12">
        <v>1185</v>
      </c>
      <c r="G27" s="12">
        <v>121</v>
      </c>
      <c r="H27" s="12">
        <v>142</v>
      </c>
      <c r="I27" s="12">
        <v>178</v>
      </c>
      <c r="J27" s="12">
        <v>200</v>
      </c>
      <c r="K27" s="12">
        <v>260</v>
      </c>
      <c r="L27" s="12">
        <v>290</v>
      </c>
      <c r="M27" s="12">
        <v>315</v>
      </c>
      <c r="N27" s="12">
        <v>711</v>
      </c>
      <c r="O27" s="12">
        <v>0</v>
      </c>
      <c r="P27" s="12">
        <v>178</v>
      </c>
      <c r="Q27" s="12">
        <v>1143</v>
      </c>
      <c r="R27" s="12">
        <v>896</v>
      </c>
    </row>
    <row r="28" spans="1:18" s="4" customFormat="1" x14ac:dyDescent="0.15">
      <c r="A28" s="3"/>
      <c r="B28" s="3" t="s">
        <v>1779</v>
      </c>
      <c r="C28" s="12">
        <v>551</v>
      </c>
      <c r="D28" s="12">
        <v>1108</v>
      </c>
      <c r="E28" s="12">
        <v>578</v>
      </c>
      <c r="F28" s="12">
        <v>530</v>
      </c>
      <c r="G28" s="12">
        <v>96</v>
      </c>
      <c r="H28" s="12">
        <v>99</v>
      </c>
      <c r="I28" s="12">
        <v>126</v>
      </c>
      <c r="J28" s="12">
        <v>168</v>
      </c>
      <c r="K28" s="12">
        <v>199</v>
      </c>
      <c r="L28" s="12">
        <v>147</v>
      </c>
      <c r="M28" s="12">
        <v>97</v>
      </c>
      <c r="N28" s="12">
        <v>176</v>
      </c>
      <c r="O28" s="12">
        <v>0</v>
      </c>
      <c r="P28" s="12">
        <v>142</v>
      </c>
      <c r="Q28" s="12">
        <v>740</v>
      </c>
      <c r="R28" s="12">
        <v>226</v>
      </c>
    </row>
    <row r="29" spans="1:18" s="4" customFormat="1" x14ac:dyDescent="0.15">
      <c r="A29" s="3"/>
      <c r="B29" s="3" t="s">
        <v>1780</v>
      </c>
      <c r="C29" s="12">
        <v>485</v>
      </c>
      <c r="D29" s="12">
        <v>1063</v>
      </c>
      <c r="E29" s="12">
        <v>534</v>
      </c>
      <c r="F29" s="12">
        <v>529</v>
      </c>
      <c r="G29" s="12">
        <v>74</v>
      </c>
      <c r="H29" s="12">
        <v>72</v>
      </c>
      <c r="I29" s="12">
        <v>138</v>
      </c>
      <c r="J29" s="12">
        <v>115</v>
      </c>
      <c r="K29" s="12">
        <v>140</v>
      </c>
      <c r="L29" s="12">
        <v>191</v>
      </c>
      <c r="M29" s="12">
        <v>120</v>
      </c>
      <c r="N29" s="12">
        <v>213</v>
      </c>
      <c r="O29" s="12">
        <v>0</v>
      </c>
      <c r="P29" s="12">
        <v>101</v>
      </c>
      <c r="Q29" s="12">
        <v>691</v>
      </c>
      <c r="R29" s="12">
        <v>271</v>
      </c>
    </row>
    <row r="30" spans="1:18" s="4" customFormat="1" x14ac:dyDescent="0.15">
      <c r="A30" s="3"/>
      <c r="B30" s="3" t="s">
        <v>1781</v>
      </c>
      <c r="C30" s="12">
        <v>416</v>
      </c>
      <c r="D30" s="12">
        <v>1100</v>
      </c>
      <c r="E30" s="12">
        <v>552</v>
      </c>
      <c r="F30" s="12">
        <v>548</v>
      </c>
      <c r="G30" s="12">
        <v>99</v>
      </c>
      <c r="H30" s="12">
        <v>115</v>
      </c>
      <c r="I30" s="12">
        <v>137</v>
      </c>
      <c r="J30" s="12">
        <v>108</v>
      </c>
      <c r="K30" s="12">
        <v>166</v>
      </c>
      <c r="L30" s="12">
        <v>208</v>
      </c>
      <c r="M30" s="12">
        <v>122</v>
      </c>
      <c r="N30" s="12">
        <v>145</v>
      </c>
      <c r="O30" s="12">
        <v>0</v>
      </c>
      <c r="P30" s="12">
        <v>147</v>
      </c>
      <c r="Q30" s="12">
        <v>762</v>
      </c>
      <c r="R30" s="12">
        <v>191</v>
      </c>
    </row>
    <row r="31" spans="1:18" s="4" customFormat="1" x14ac:dyDescent="0.15">
      <c r="A31" s="3"/>
      <c r="B31" s="3" t="s">
        <v>1782</v>
      </c>
      <c r="C31" s="12">
        <v>317</v>
      </c>
      <c r="D31" s="12">
        <v>822</v>
      </c>
      <c r="E31" s="12">
        <v>397</v>
      </c>
      <c r="F31" s="12">
        <v>425</v>
      </c>
      <c r="G31" s="12">
        <v>86</v>
      </c>
      <c r="H31" s="12">
        <v>81</v>
      </c>
      <c r="I31" s="12">
        <v>108</v>
      </c>
      <c r="J31" s="12">
        <v>114</v>
      </c>
      <c r="K31" s="12">
        <v>114</v>
      </c>
      <c r="L31" s="12">
        <v>129</v>
      </c>
      <c r="M31" s="12">
        <v>88</v>
      </c>
      <c r="N31" s="12">
        <v>102</v>
      </c>
      <c r="O31" s="12">
        <v>0</v>
      </c>
      <c r="P31" s="12">
        <v>130</v>
      </c>
      <c r="Q31" s="12">
        <v>549</v>
      </c>
      <c r="R31" s="12">
        <v>143</v>
      </c>
    </row>
    <row r="32" spans="1:18" s="4" customFormat="1" x14ac:dyDescent="0.15">
      <c r="A32" s="3"/>
      <c r="B32" s="3" t="s">
        <v>1783</v>
      </c>
      <c r="C32" s="12">
        <v>500</v>
      </c>
      <c r="D32" s="12">
        <v>1202</v>
      </c>
      <c r="E32" s="12">
        <v>588</v>
      </c>
      <c r="F32" s="12">
        <v>614</v>
      </c>
      <c r="G32" s="12">
        <v>57</v>
      </c>
      <c r="H32" s="12">
        <v>112</v>
      </c>
      <c r="I32" s="12">
        <v>162</v>
      </c>
      <c r="J32" s="12">
        <v>106</v>
      </c>
      <c r="K32" s="12">
        <v>145</v>
      </c>
      <c r="L32" s="12">
        <v>234</v>
      </c>
      <c r="M32" s="12">
        <v>176</v>
      </c>
      <c r="N32" s="12">
        <v>210</v>
      </c>
      <c r="O32" s="12">
        <v>0</v>
      </c>
      <c r="P32" s="12">
        <v>109</v>
      </c>
      <c r="Q32" s="12">
        <v>805</v>
      </c>
      <c r="R32" s="12">
        <v>288</v>
      </c>
    </row>
    <row r="33" spans="1:18" s="4" customFormat="1" x14ac:dyDescent="0.15">
      <c r="A33" s="3"/>
      <c r="B33" s="3" t="s">
        <v>1784</v>
      </c>
      <c r="C33" s="12">
        <v>205</v>
      </c>
      <c r="D33" s="12">
        <v>549</v>
      </c>
      <c r="E33" s="12">
        <v>272</v>
      </c>
      <c r="F33" s="12">
        <v>277</v>
      </c>
      <c r="G33" s="12">
        <v>73</v>
      </c>
      <c r="H33" s="12">
        <v>65</v>
      </c>
      <c r="I33" s="12">
        <v>73</v>
      </c>
      <c r="J33" s="12">
        <v>80</v>
      </c>
      <c r="K33" s="12">
        <v>81</v>
      </c>
      <c r="L33" s="12">
        <v>85</v>
      </c>
      <c r="M33" s="12">
        <v>47</v>
      </c>
      <c r="N33" s="12">
        <v>45</v>
      </c>
      <c r="O33" s="12">
        <v>0</v>
      </c>
      <c r="P33" s="12">
        <v>110</v>
      </c>
      <c r="Q33" s="12">
        <v>366</v>
      </c>
      <c r="R33" s="12">
        <v>73</v>
      </c>
    </row>
    <row r="34" spans="1:18" s="4" customFormat="1" x14ac:dyDescent="0.15">
      <c r="A34" s="3"/>
      <c r="B34" s="3" t="s">
        <v>1785</v>
      </c>
      <c r="C34" s="12">
        <v>196</v>
      </c>
      <c r="D34" s="12">
        <v>429</v>
      </c>
      <c r="E34" s="12">
        <v>219</v>
      </c>
      <c r="F34" s="12">
        <v>210</v>
      </c>
      <c r="G34" s="12">
        <v>31</v>
      </c>
      <c r="H34" s="12">
        <v>46</v>
      </c>
      <c r="I34" s="12">
        <v>57</v>
      </c>
      <c r="J34" s="12">
        <v>40</v>
      </c>
      <c r="K34" s="12">
        <v>82</v>
      </c>
      <c r="L34" s="12">
        <v>74</v>
      </c>
      <c r="M34" s="12">
        <v>32</v>
      </c>
      <c r="N34" s="12">
        <v>67</v>
      </c>
      <c r="O34" s="12">
        <v>0</v>
      </c>
      <c r="P34" s="12">
        <v>51</v>
      </c>
      <c r="Q34" s="12">
        <v>293</v>
      </c>
      <c r="R34" s="12">
        <v>85</v>
      </c>
    </row>
    <row r="35" spans="1:18" s="4" customFormat="1" x14ac:dyDescent="0.15">
      <c r="A35" s="3"/>
      <c r="B35" s="3" t="s">
        <v>1786</v>
      </c>
      <c r="C35" s="12">
        <v>7043</v>
      </c>
      <c r="D35" s="12">
        <v>14401</v>
      </c>
      <c r="E35" s="12">
        <v>7479</v>
      </c>
      <c r="F35" s="12">
        <v>6922</v>
      </c>
      <c r="G35" s="12">
        <v>1190</v>
      </c>
      <c r="H35" s="12">
        <v>989</v>
      </c>
      <c r="I35" s="12">
        <v>1708</v>
      </c>
      <c r="J35" s="12">
        <v>1840</v>
      </c>
      <c r="K35" s="12">
        <v>2006</v>
      </c>
      <c r="L35" s="12">
        <v>1826</v>
      </c>
      <c r="M35" s="12">
        <v>1667</v>
      </c>
      <c r="N35" s="12">
        <v>3175</v>
      </c>
      <c r="O35" s="12">
        <v>0</v>
      </c>
      <c r="P35" s="12">
        <v>1706</v>
      </c>
      <c r="Q35" s="12">
        <v>8669</v>
      </c>
      <c r="R35" s="12">
        <v>4026</v>
      </c>
    </row>
    <row r="36" spans="1:18" s="4" customFormat="1" x14ac:dyDescent="0.15">
      <c r="A36" s="3"/>
      <c r="B36" s="3" t="s">
        <v>1787</v>
      </c>
      <c r="C36" s="12">
        <v>337</v>
      </c>
      <c r="D36" s="12">
        <v>789</v>
      </c>
      <c r="E36" s="12">
        <v>395</v>
      </c>
      <c r="F36" s="12">
        <v>394</v>
      </c>
      <c r="G36" s="12">
        <v>71</v>
      </c>
      <c r="H36" s="12">
        <v>69</v>
      </c>
      <c r="I36" s="12">
        <v>76</v>
      </c>
      <c r="J36" s="12">
        <v>96</v>
      </c>
      <c r="K36" s="12">
        <v>84</v>
      </c>
      <c r="L36" s="12">
        <v>117</v>
      </c>
      <c r="M36" s="12">
        <v>112</v>
      </c>
      <c r="N36" s="12">
        <v>164</v>
      </c>
      <c r="O36" s="12">
        <v>0</v>
      </c>
      <c r="P36" s="12">
        <v>113</v>
      </c>
      <c r="Q36" s="12">
        <v>451</v>
      </c>
      <c r="R36" s="12">
        <v>225</v>
      </c>
    </row>
    <row r="37" spans="1:18" s="4" customFormat="1" x14ac:dyDescent="0.15">
      <c r="A37" s="3"/>
      <c r="B37" s="3" t="s">
        <v>1788</v>
      </c>
      <c r="C37" s="12">
        <v>376</v>
      </c>
      <c r="D37" s="12">
        <v>950</v>
      </c>
      <c r="E37" s="12">
        <v>482</v>
      </c>
      <c r="F37" s="12">
        <v>468</v>
      </c>
      <c r="G37" s="12">
        <v>172</v>
      </c>
      <c r="H37" s="12">
        <v>84</v>
      </c>
      <c r="I37" s="12">
        <v>87</v>
      </c>
      <c r="J37" s="12">
        <v>188</v>
      </c>
      <c r="K37" s="12">
        <v>120</v>
      </c>
      <c r="L37" s="12">
        <v>69</v>
      </c>
      <c r="M37" s="12">
        <v>112</v>
      </c>
      <c r="N37" s="12">
        <v>118</v>
      </c>
      <c r="O37" s="12">
        <v>0</v>
      </c>
      <c r="P37" s="12">
        <v>219</v>
      </c>
      <c r="Q37" s="12">
        <v>557</v>
      </c>
      <c r="R37" s="12">
        <v>174</v>
      </c>
    </row>
    <row r="38" spans="1:18" s="4" customFormat="1" x14ac:dyDescent="0.15">
      <c r="A38" s="3"/>
      <c r="B38" s="3" t="s">
        <v>1789</v>
      </c>
      <c r="C38" s="12">
        <v>195</v>
      </c>
      <c r="D38" s="12">
        <v>395</v>
      </c>
      <c r="E38" s="12">
        <v>199</v>
      </c>
      <c r="F38" s="12">
        <v>196</v>
      </c>
      <c r="G38" s="12">
        <v>18</v>
      </c>
      <c r="H38" s="12">
        <v>36</v>
      </c>
      <c r="I38" s="12">
        <v>55</v>
      </c>
      <c r="J38" s="12">
        <v>49</v>
      </c>
      <c r="K38" s="12">
        <v>69</v>
      </c>
      <c r="L38" s="12">
        <v>50</v>
      </c>
      <c r="M38" s="12">
        <v>52</v>
      </c>
      <c r="N38" s="12">
        <v>66</v>
      </c>
      <c r="O38" s="12">
        <v>0</v>
      </c>
      <c r="P38" s="12">
        <v>35</v>
      </c>
      <c r="Q38" s="12">
        <v>270</v>
      </c>
      <c r="R38" s="12">
        <v>90</v>
      </c>
    </row>
    <row r="39" spans="1:18" s="4" customFormat="1" x14ac:dyDescent="0.15">
      <c r="A39" s="3"/>
      <c r="B39" s="3" t="s">
        <v>1790</v>
      </c>
      <c r="C39" s="12">
        <v>168</v>
      </c>
      <c r="D39" s="12">
        <v>370</v>
      </c>
      <c r="E39" s="12">
        <v>174</v>
      </c>
      <c r="F39" s="12">
        <v>196</v>
      </c>
      <c r="G39" s="12">
        <v>36</v>
      </c>
      <c r="H39" s="12">
        <v>18</v>
      </c>
      <c r="I39" s="12">
        <v>37</v>
      </c>
      <c r="J39" s="12">
        <v>50</v>
      </c>
      <c r="K39" s="12">
        <v>51</v>
      </c>
      <c r="L39" s="12">
        <v>41</v>
      </c>
      <c r="M39" s="12">
        <v>29</v>
      </c>
      <c r="N39" s="12">
        <v>108</v>
      </c>
      <c r="O39" s="12">
        <v>0</v>
      </c>
      <c r="P39" s="12">
        <v>45</v>
      </c>
      <c r="Q39" s="12">
        <v>203</v>
      </c>
      <c r="R39" s="12">
        <v>122</v>
      </c>
    </row>
    <row r="40" spans="1:18" s="4" customFormat="1" x14ac:dyDescent="0.15">
      <c r="A40" s="3"/>
      <c r="B40" s="3" t="s">
        <v>1791</v>
      </c>
      <c r="C40" s="12">
        <v>314</v>
      </c>
      <c r="D40" s="12">
        <v>668</v>
      </c>
      <c r="E40" s="12">
        <v>341</v>
      </c>
      <c r="F40" s="12">
        <v>327</v>
      </c>
      <c r="G40" s="12">
        <v>65</v>
      </c>
      <c r="H40" s="12">
        <v>56</v>
      </c>
      <c r="I40" s="12">
        <v>101</v>
      </c>
      <c r="J40" s="12">
        <v>106</v>
      </c>
      <c r="K40" s="12">
        <v>91</v>
      </c>
      <c r="L40" s="12">
        <v>74</v>
      </c>
      <c r="M40" s="12">
        <v>68</v>
      </c>
      <c r="N40" s="12">
        <v>107</v>
      </c>
      <c r="O40" s="12">
        <v>0</v>
      </c>
      <c r="P40" s="12">
        <v>89</v>
      </c>
      <c r="Q40" s="12">
        <v>441</v>
      </c>
      <c r="R40" s="12">
        <v>138</v>
      </c>
    </row>
    <row r="41" spans="1:18" s="4" customFormat="1" x14ac:dyDescent="0.15">
      <c r="A41" s="3"/>
      <c r="B41" s="3" t="s">
        <v>1792</v>
      </c>
      <c r="C41" s="12">
        <v>377</v>
      </c>
      <c r="D41" s="12">
        <v>870</v>
      </c>
      <c r="E41" s="12">
        <v>440</v>
      </c>
      <c r="F41" s="12">
        <v>430</v>
      </c>
      <c r="G41" s="12">
        <v>70</v>
      </c>
      <c r="H41" s="12">
        <v>86</v>
      </c>
      <c r="I41" s="12">
        <v>100</v>
      </c>
      <c r="J41" s="12">
        <v>106</v>
      </c>
      <c r="K41" s="12">
        <v>108</v>
      </c>
      <c r="L41" s="12">
        <v>115</v>
      </c>
      <c r="M41" s="12">
        <v>108</v>
      </c>
      <c r="N41" s="12">
        <v>177</v>
      </c>
      <c r="O41" s="12">
        <v>0</v>
      </c>
      <c r="P41" s="12">
        <v>111</v>
      </c>
      <c r="Q41" s="12">
        <v>521</v>
      </c>
      <c r="R41" s="12">
        <v>238</v>
      </c>
    </row>
    <row r="42" spans="1:18" s="4" customFormat="1" x14ac:dyDescent="0.15">
      <c r="A42" s="3"/>
      <c r="B42" s="3" t="s">
        <v>1793</v>
      </c>
      <c r="C42" s="12">
        <v>274</v>
      </c>
      <c r="D42" s="12">
        <v>686</v>
      </c>
      <c r="E42" s="12">
        <v>347</v>
      </c>
      <c r="F42" s="12">
        <v>339</v>
      </c>
      <c r="G42" s="12">
        <v>70</v>
      </c>
      <c r="H42" s="12">
        <v>81</v>
      </c>
      <c r="I42" s="12">
        <v>83</v>
      </c>
      <c r="J42" s="12">
        <v>80</v>
      </c>
      <c r="K42" s="12">
        <v>104</v>
      </c>
      <c r="L42" s="12">
        <v>123</v>
      </c>
      <c r="M42" s="12">
        <v>68</v>
      </c>
      <c r="N42" s="12">
        <v>77</v>
      </c>
      <c r="O42" s="12">
        <v>0</v>
      </c>
      <c r="P42" s="12">
        <v>102</v>
      </c>
      <c r="Q42" s="12">
        <v>480</v>
      </c>
      <c r="R42" s="12">
        <v>104</v>
      </c>
    </row>
    <row r="43" spans="1:18" s="4" customFormat="1" x14ac:dyDescent="0.15">
      <c r="A43" s="3"/>
      <c r="B43" s="3" t="s">
        <v>1794</v>
      </c>
      <c r="C43" s="12">
        <v>343</v>
      </c>
      <c r="D43" s="12">
        <v>993</v>
      </c>
      <c r="E43" s="12">
        <v>495</v>
      </c>
      <c r="F43" s="12">
        <v>498</v>
      </c>
      <c r="G43" s="12">
        <v>117</v>
      </c>
      <c r="H43" s="12">
        <v>181</v>
      </c>
      <c r="I43" s="12">
        <v>124</v>
      </c>
      <c r="J43" s="12">
        <v>109</v>
      </c>
      <c r="K43" s="12">
        <v>211</v>
      </c>
      <c r="L43" s="12">
        <v>160</v>
      </c>
      <c r="M43" s="12">
        <v>45</v>
      </c>
      <c r="N43" s="12">
        <v>46</v>
      </c>
      <c r="O43" s="12">
        <v>0</v>
      </c>
      <c r="P43" s="12">
        <v>205</v>
      </c>
      <c r="Q43" s="12">
        <v>724</v>
      </c>
      <c r="R43" s="12">
        <v>64</v>
      </c>
    </row>
    <row r="44" spans="1:18" s="4" customFormat="1" x14ac:dyDescent="0.15">
      <c r="A44" s="3"/>
      <c r="B44" s="3" t="s">
        <v>1795</v>
      </c>
      <c r="C44" s="12">
        <v>287</v>
      </c>
      <c r="D44" s="12">
        <v>816</v>
      </c>
      <c r="E44" s="12">
        <v>413</v>
      </c>
      <c r="F44" s="12">
        <v>403</v>
      </c>
      <c r="G44" s="12">
        <v>137</v>
      </c>
      <c r="H44" s="12">
        <v>155</v>
      </c>
      <c r="I44" s="12">
        <v>56</v>
      </c>
      <c r="J44" s="12">
        <v>135</v>
      </c>
      <c r="K44" s="12">
        <v>210</v>
      </c>
      <c r="L44" s="12">
        <v>71</v>
      </c>
      <c r="M44" s="12">
        <v>17</v>
      </c>
      <c r="N44" s="12">
        <v>35</v>
      </c>
      <c r="O44" s="12">
        <v>0</v>
      </c>
      <c r="P44" s="12">
        <v>223</v>
      </c>
      <c r="Q44" s="12">
        <v>551</v>
      </c>
      <c r="R44" s="12">
        <v>42</v>
      </c>
    </row>
    <row r="45" spans="1:18" s="4" customFormat="1" x14ac:dyDescent="0.15">
      <c r="A45" s="3"/>
      <c r="B45" s="3" t="s">
        <v>1796</v>
      </c>
      <c r="C45" s="12">
        <v>9</v>
      </c>
      <c r="D45" s="12">
        <v>22</v>
      </c>
      <c r="E45" s="12">
        <v>13</v>
      </c>
      <c r="F45" s="12">
        <v>9</v>
      </c>
      <c r="G45" s="12">
        <v>3</v>
      </c>
      <c r="H45" s="12">
        <v>0</v>
      </c>
      <c r="I45" s="12">
        <v>0</v>
      </c>
      <c r="J45" s="12">
        <v>2</v>
      </c>
      <c r="K45" s="12">
        <v>2</v>
      </c>
      <c r="L45" s="12">
        <v>4</v>
      </c>
      <c r="M45" s="12">
        <v>4</v>
      </c>
      <c r="N45" s="12">
        <v>7</v>
      </c>
      <c r="O45" s="12">
        <v>0</v>
      </c>
      <c r="P45" s="12">
        <v>3</v>
      </c>
      <c r="Q45" s="12">
        <v>9</v>
      </c>
      <c r="R45" s="12">
        <v>10</v>
      </c>
    </row>
    <row r="46" spans="1:18" s="4" customFormat="1" x14ac:dyDescent="0.15">
      <c r="A46" s="3"/>
      <c r="B46" s="3" t="s">
        <v>1797</v>
      </c>
      <c r="C46" s="12">
        <v>505</v>
      </c>
      <c r="D46" s="12">
        <v>1357</v>
      </c>
      <c r="E46" s="12">
        <v>705</v>
      </c>
      <c r="F46" s="12">
        <v>652</v>
      </c>
      <c r="G46" s="12">
        <v>160</v>
      </c>
      <c r="H46" s="12">
        <v>207</v>
      </c>
      <c r="I46" s="12">
        <v>149</v>
      </c>
      <c r="J46" s="12">
        <v>166</v>
      </c>
      <c r="K46" s="12">
        <v>256</v>
      </c>
      <c r="L46" s="12">
        <v>230</v>
      </c>
      <c r="M46" s="12">
        <v>84</v>
      </c>
      <c r="N46" s="12">
        <v>105</v>
      </c>
      <c r="O46" s="12">
        <v>0</v>
      </c>
      <c r="P46" s="12">
        <v>265</v>
      </c>
      <c r="Q46" s="12">
        <v>941</v>
      </c>
      <c r="R46" s="12">
        <v>151</v>
      </c>
    </row>
    <row r="47" spans="1:18" s="4" customFormat="1" x14ac:dyDescent="0.15">
      <c r="A47" s="3"/>
      <c r="B47" s="3" t="s">
        <v>1798</v>
      </c>
      <c r="C47" s="12">
        <v>432</v>
      </c>
      <c r="D47" s="12">
        <v>1223</v>
      </c>
      <c r="E47" s="12">
        <v>647</v>
      </c>
      <c r="F47" s="12">
        <v>576</v>
      </c>
      <c r="G47" s="12">
        <v>156</v>
      </c>
      <c r="H47" s="12">
        <v>248</v>
      </c>
      <c r="I47" s="12">
        <v>107</v>
      </c>
      <c r="J47" s="12">
        <v>153</v>
      </c>
      <c r="K47" s="12">
        <v>288</v>
      </c>
      <c r="L47" s="12">
        <v>137</v>
      </c>
      <c r="M47" s="12">
        <v>52</v>
      </c>
      <c r="N47" s="12">
        <v>82</v>
      </c>
      <c r="O47" s="12">
        <v>0</v>
      </c>
      <c r="P47" s="12">
        <v>300</v>
      </c>
      <c r="Q47" s="12">
        <v>812</v>
      </c>
      <c r="R47" s="12">
        <v>111</v>
      </c>
    </row>
    <row r="48" spans="1:18" s="4" customFormat="1" x14ac:dyDescent="0.15">
      <c r="A48" s="3"/>
      <c r="B48" s="3" t="s">
        <v>1799</v>
      </c>
      <c r="C48" s="12">
        <v>983</v>
      </c>
      <c r="D48" s="12">
        <v>2547</v>
      </c>
      <c r="E48" s="12">
        <v>1256</v>
      </c>
      <c r="F48" s="12">
        <v>1291</v>
      </c>
      <c r="G48" s="12">
        <v>259</v>
      </c>
      <c r="H48" s="12">
        <v>387</v>
      </c>
      <c r="I48" s="12">
        <v>222</v>
      </c>
      <c r="J48" s="12">
        <v>271</v>
      </c>
      <c r="K48" s="12">
        <v>574</v>
      </c>
      <c r="L48" s="12">
        <v>286</v>
      </c>
      <c r="M48" s="12">
        <v>136</v>
      </c>
      <c r="N48" s="12">
        <v>412</v>
      </c>
      <c r="O48" s="12">
        <v>0</v>
      </c>
      <c r="P48" s="12">
        <v>471</v>
      </c>
      <c r="Q48" s="12">
        <v>1602</v>
      </c>
      <c r="R48" s="12">
        <v>474</v>
      </c>
    </row>
    <row r="49" spans="1:18" s="4" customFormat="1" x14ac:dyDescent="0.15">
      <c r="A49" s="3"/>
      <c r="B49" s="3" t="s">
        <v>1800</v>
      </c>
      <c r="C49" s="12">
        <v>420</v>
      </c>
      <c r="D49" s="12">
        <v>1085</v>
      </c>
      <c r="E49" s="12">
        <v>549</v>
      </c>
      <c r="F49" s="12">
        <v>536</v>
      </c>
      <c r="G49" s="12">
        <v>112</v>
      </c>
      <c r="H49" s="12">
        <v>151</v>
      </c>
      <c r="I49" s="12">
        <v>119</v>
      </c>
      <c r="J49" s="12">
        <v>121</v>
      </c>
      <c r="K49" s="12">
        <v>198</v>
      </c>
      <c r="L49" s="12">
        <v>179</v>
      </c>
      <c r="M49" s="12">
        <v>75</v>
      </c>
      <c r="N49" s="12">
        <v>130</v>
      </c>
      <c r="O49" s="12">
        <v>0</v>
      </c>
      <c r="P49" s="12">
        <v>186</v>
      </c>
      <c r="Q49" s="12">
        <v>724</v>
      </c>
      <c r="R49" s="12">
        <v>175</v>
      </c>
    </row>
    <row r="50" spans="1:18" s="4" customFormat="1" x14ac:dyDescent="0.15">
      <c r="A50" s="3"/>
      <c r="B50" s="3" t="s">
        <v>1801</v>
      </c>
      <c r="C50" s="12">
        <v>467</v>
      </c>
      <c r="D50" s="12">
        <v>1107</v>
      </c>
      <c r="E50" s="12">
        <v>546</v>
      </c>
      <c r="F50" s="12">
        <v>561</v>
      </c>
      <c r="G50" s="12">
        <v>101</v>
      </c>
      <c r="H50" s="12">
        <v>123</v>
      </c>
      <c r="I50" s="12">
        <v>105</v>
      </c>
      <c r="J50" s="12">
        <v>128</v>
      </c>
      <c r="K50" s="12">
        <v>200</v>
      </c>
      <c r="L50" s="12">
        <v>147</v>
      </c>
      <c r="M50" s="12">
        <v>105</v>
      </c>
      <c r="N50" s="12">
        <v>198</v>
      </c>
      <c r="O50" s="12">
        <v>0</v>
      </c>
      <c r="P50" s="12">
        <v>159</v>
      </c>
      <c r="Q50" s="12">
        <v>697</v>
      </c>
      <c r="R50" s="12">
        <v>251</v>
      </c>
    </row>
    <row r="51" spans="1:18" s="4" customFormat="1" x14ac:dyDescent="0.15">
      <c r="A51" s="3"/>
      <c r="B51" s="3" t="s">
        <v>1802</v>
      </c>
      <c r="C51" s="12">
        <v>579</v>
      </c>
      <c r="D51" s="12">
        <v>1509</v>
      </c>
      <c r="E51" s="12">
        <v>761</v>
      </c>
      <c r="F51" s="12">
        <v>748</v>
      </c>
      <c r="G51" s="12">
        <v>131</v>
      </c>
      <c r="H51" s="12">
        <v>275</v>
      </c>
      <c r="I51" s="12">
        <v>165</v>
      </c>
      <c r="J51" s="12">
        <v>142</v>
      </c>
      <c r="K51" s="12">
        <v>377</v>
      </c>
      <c r="L51" s="12">
        <v>195</v>
      </c>
      <c r="M51" s="12">
        <v>72</v>
      </c>
      <c r="N51" s="12">
        <v>152</v>
      </c>
      <c r="O51" s="12">
        <v>0</v>
      </c>
      <c r="P51" s="12">
        <v>259</v>
      </c>
      <c r="Q51" s="12">
        <v>1054</v>
      </c>
      <c r="R51" s="12">
        <v>196</v>
      </c>
    </row>
    <row r="52" spans="1:18" s="4" customFormat="1" x14ac:dyDescent="0.15">
      <c r="A52" s="3"/>
      <c r="B52" s="3" t="s">
        <v>1803</v>
      </c>
      <c r="C52" s="12">
        <v>242</v>
      </c>
      <c r="D52" s="12">
        <v>520</v>
      </c>
      <c r="E52" s="12">
        <v>277</v>
      </c>
      <c r="F52" s="12">
        <v>243</v>
      </c>
      <c r="G52" s="12">
        <v>37</v>
      </c>
      <c r="H52" s="12">
        <v>67</v>
      </c>
      <c r="I52" s="12">
        <v>70</v>
      </c>
      <c r="J52" s="12">
        <v>58</v>
      </c>
      <c r="K52" s="12">
        <v>96</v>
      </c>
      <c r="L52" s="12">
        <v>46</v>
      </c>
      <c r="M52" s="12">
        <v>40</v>
      </c>
      <c r="N52" s="12">
        <v>106</v>
      </c>
      <c r="O52" s="12">
        <v>0</v>
      </c>
      <c r="P52" s="12">
        <v>76</v>
      </c>
      <c r="Q52" s="12">
        <v>314</v>
      </c>
      <c r="R52" s="12">
        <v>130</v>
      </c>
    </row>
    <row r="53" spans="1:18" s="4" customFormat="1" x14ac:dyDescent="0.15">
      <c r="A53" s="3"/>
      <c r="B53" s="3" t="s">
        <v>1804</v>
      </c>
      <c r="C53" s="12">
        <v>246</v>
      </c>
      <c r="D53" s="12">
        <v>528</v>
      </c>
      <c r="E53" s="12">
        <v>251</v>
      </c>
      <c r="F53" s="12">
        <v>277</v>
      </c>
      <c r="G53" s="12">
        <v>48</v>
      </c>
      <c r="H53" s="12">
        <v>42</v>
      </c>
      <c r="I53" s="12">
        <v>48</v>
      </c>
      <c r="J53" s="12">
        <v>92</v>
      </c>
      <c r="K53" s="12">
        <v>61</v>
      </c>
      <c r="L53" s="12">
        <v>66</v>
      </c>
      <c r="M53" s="12">
        <v>47</v>
      </c>
      <c r="N53" s="12">
        <v>124</v>
      </c>
      <c r="O53" s="12">
        <v>0</v>
      </c>
      <c r="P53" s="12">
        <v>71</v>
      </c>
      <c r="Q53" s="12">
        <v>308</v>
      </c>
      <c r="R53" s="12">
        <v>149</v>
      </c>
    </row>
    <row r="54" spans="1:18" s="4" customFormat="1" x14ac:dyDescent="0.15">
      <c r="A54" s="3"/>
      <c r="B54" s="3" t="s">
        <v>1805</v>
      </c>
      <c r="C54" s="12">
        <v>278</v>
      </c>
      <c r="D54" s="12">
        <v>780</v>
      </c>
      <c r="E54" s="12">
        <v>395</v>
      </c>
      <c r="F54" s="12">
        <v>385</v>
      </c>
      <c r="G54" s="12">
        <v>141</v>
      </c>
      <c r="H54" s="12">
        <v>92</v>
      </c>
      <c r="I54" s="12">
        <v>57</v>
      </c>
      <c r="J54" s="12">
        <v>131</v>
      </c>
      <c r="K54" s="12">
        <v>113</v>
      </c>
      <c r="L54" s="12">
        <v>62</v>
      </c>
      <c r="M54" s="12">
        <v>72</v>
      </c>
      <c r="N54" s="12">
        <v>112</v>
      </c>
      <c r="O54" s="12">
        <v>0</v>
      </c>
      <c r="P54" s="12">
        <v>197</v>
      </c>
      <c r="Q54" s="12">
        <v>439</v>
      </c>
      <c r="R54" s="12">
        <v>144</v>
      </c>
    </row>
    <row r="55" spans="1:18" s="4" customFormat="1" x14ac:dyDescent="0.15">
      <c r="A55" s="3"/>
      <c r="B55" s="3" t="s">
        <v>1806</v>
      </c>
      <c r="C55" s="12">
        <v>280</v>
      </c>
      <c r="D55" s="12">
        <v>737</v>
      </c>
      <c r="E55" s="12">
        <v>360</v>
      </c>
      <c r="F55" s="12">
        <v>377</v>
      </c>
      <c r="G55" s="12">
        <v>67</v>
      </c>
      <c r="H55" s="12">
        <v>88</v>
      </c>
      <c r="I55" s="12">
        <v>84</v>
      </c>
      <c r="J55" s="12">
        <v>77</v>
      </c>
      <c r="K55" s="12">
        <v>123</v>
      </c>
      <c r="L55" s="12">
        <v>102</v>
      </c>
      <c r="M55" s="12">
        <v>85</v>
      </c>
      <c r="N55" s="12">
        <v>111</v>
      </c>
      <c r="O55" s="12">
        <v>0</v>
      </c>
      <c r="P55" s="12">
        <v>110</v>
      </c>
      <c r="Q55" s="12">
        <v>480</v>
      </c>
      <c r="R55" s="12">
        <v>147</v>
      </c>
    </row>
    <row r="56" spans="1:18" s="4" customFormat="1" x14ac:dyDescent="0.15">
      <c r="A56" s="3"/>
      <c r="B56" s="3" t="s">
        <v>1807</v>
      </c>
      <c r="C56" s="12">
        <v>118</v>
      </c>
      <c r="D56" s="12">
        <v>231</v>
      </c>
      <c r="E56" s="12">
        <v>118</v>
      </c>
      <c r="F56" s="12">
        <v>113</v>
      </c>
      <c r="G56" s="12">
        <v>16</v>
      </c>
      <c r="H56" s="12">
        <v>11</v>
      </c>
      <c r="I56" s="12">
        <v>33</v>
      </c>
      <c r="J56" s="12">
        <v>40</v>
      </c>
      <c r="K56" s="12">
        <v>28</v>
      </c>
      <c r="L56" s="12">
        <v>27</v>
      </c>
      <c r="M56" s="12">
        <v>33</v>
      </c>
      <c r="N56" s="12">
        <v>43</v>
      </c>
      <c r="O56" s="12">
        <v>0</v>
      </c>
      <c r="P56" s="12">
        <v>20</v>
      </c>
      <c r="Q56" s="12">
        <v>150</v>
      </c>
      <c r="R56" s="12">
        <v>61</v>
      </c>
    </row>
    <row r="57" spans="1:18" s="4" customFormat="1" x14ac:dyDescent="0.15">
      <c r="A57" s="3"/>
      <c r="B57" s="3" t="s">
        <v>1808</v>
      </c>
      <c r="C57" s="12">
        <v>235</v>
      </c>
      <c r="D57" s="12">
        <v>592</v>
      </c>
      <c r="E57" s="12">
        <v>295</v>
      </c>
      <c r="F57" s="12">
        <v>297</v>
      </c>
      <c r="G57" s="12">
        <v>55</v>
      </c>
      <c r="H57" s="12">
        <v>93</v>
      </c>
      <c r="I57" s="12">
        <v>43</v>
      </c>
      <c r="J57" s="12">
        <v>62</v>
      </c>
      <c r="K57" s="12">
        <v>150</v>
      </c>
      <c r="L57" s="12">
        <v>106</v>
      </c>
      <c r="M57" s="12">
        <v>40</v>
      </c>
      <c r="N57" s="12">
        <v>43</v>
      </c>
      <c r="O57" s="12">
        <v>0</v>
      </c>
      <c r="P57" s="12">
        <v>107</v>
      </c>
      <c r="Q57" s="12">
        <v>425</v>
      </c>
      <c r="R57" s="12">
        <v>60</v>
      </c>
    </row>
    <row r="58" spans="1:18" s="4" customFormat="1" x14ac:dyDescent="0.15">
      <c r="A58" s="3"/>
      <c r="B58" s="3" t="s">
        <v>1809</v>
      </c>
      <c r="C58" s="12">
        <v>643</v>
      </c>
      <c r="D58" s="12">
        <v>1457</v>
      </c>
      <c r="E58" s="12">
        <v>745</v>
      </c>
      <c r="F58" s="12">
        <v>712</v>
      </c>
      <c r="G58" s="12">
        <v>157</v>
      </c>
      <c r="H58" s="12">
        <v>113</v>
      </c>
      <c r="I58" s="12">
        <v>178</v>
      </c>
      <c r="J58" s="12">
        <v>222</v>
      </c>
      <c r="K58" s="12">
        <v>226</v>
      </c>
      <c r="L58" s="12">
        <v>183</v>
      </c>
      <c r="M58" s="12">
        <v>164</v>
      </c>
      <c r="N58" s="12">
        <v>214</v>
      </c>
      <c r="O58" s="12">
        <v>0</v>
      </c>
      <c r="P58" s="12">
        <v>217</v>
      </c>
      <c r="Q58" s="12">
        <v>950</v>
      </c>
      <c r="R58" s="12">
        <v>290</v>
      </c>
    </row>
    <row r="59" spans="1:18" s="4" customFormat="1" x14ac:dyDescent="0.15">
      <c r="A59" s="3"/>
      <c r="B59" s="3" t="s">
        <v>1810</v>
      </c>
      <c r="C59" s="12">
        <v>801</v>
      </c>
      <c r="D59" s="12">
        <v>2080</v>
      </c>
      <c r="E59" s="12">
        <v>1030</v>
      </c>
      <c r="F59" s="12">
        <v>1050</v>
      </c>
      <c r="G59" s="12">
        <v>374</v>
      </c>
      <c r="H59" s="12">
        <v>169</v>
      </c>
      <c r="I59" s="12">
        <v>180</v>
      </c>
      <c r="J59" s="12">
        <v>441</v>
      </c>
      <c r="K59" s="12">
        <v>308</v>
      </c>
      <c r="L59" s="12">
        <v>222</v>
      </c>
      <c r="M59" s="12">
        <v>141</v>
      </c>
      <c r="N59" s="12">
        <v>245</v>
      </c>
      <c r="O59" s="12">
        <v>0</v>
      </c>
      <c r="P59" s="12">
        <v>453</v>
      </c>
      <c r="Q59" s="12">
        <v>1313</v>
      </c>
      <c r="R59" s="12">
        <v>314</v>
      </c>
    </row>
    <row r="60" spans="1:18" s="4" customFormat="1" x14ac:dyDescent="0.15">
      <c r="A60" s="3"/>
      <c r="B60" s="3" t="s">
        <v>1811</v>
      </c>
      <c r="C60" s="12">
        <v>88</v>
      </c>
      <c r="D60" s="12">
        <v>204</v>
      </c>
      <c r="E60" s="12">
        <v>103</v>
      </c>
      <c r="F60" s="12">
        <v>101</v>
      </c>
      <c r="G60" s="12">
        <v>20</v>
      </c>
      <c r="H60" s="12">
        <v>17</v>
      </c>
      <c r="I60" s="12">
        <v>18</v>
      </c>
      <c r="J60" s="12">
        <v>18</v>
      </c>
      <c r="K60" s="12">
        <v>36</v>
      </c>
      <c r="L60" s="12">
        <v>35</v>
      </c>
      <c r="M60" s="12">
        <v>19</v>
      </c>
      <c r="N60" s="12">
        <v>41</v>
      </c>
      <c r="O60" s="12">
        <v>0</v>
      </c>
      <c r="P60" s="12">
        <v>30</v>
      </c>
      <c r="Q60" s="12">
        <v>125</v>
      </c>
      <c r="R60" s="12">
        <v>49</v>
      </c>
    </row>
    <row r="61" spans="1:18" s="4" customFormat="1" x14ac:dyDescent="0.15">
      <c r="A61" s="3"/>
      <c r="B61" s="3" t="s">
        <v>1812</v>
      </c>
      <c r="C61" s="12">
        <v>499</v>
      </c>
      <c r="D61" s="12">
        <v>1174</v>
      </c>
      <c r="E61" s="12">
        <v>574</v>
      </c>
      <c r="F61" s="12">
        <v>600</v>
      </c>
      <c r="G61" s="12">
        <v>82</v>
      </c>
      <c r="H61" s="12">
        <v>144</v>
      </c>
      <c r="I61" s="12">
        <v>118</v>
      </c>
      <c r="J61" s="12">
        <v>114</v>
      </c>
      <c r="K61" s="12">
        <v>201</v>
      </c>
      <c r="L61" s="12">
        <v>161</v>
      </c>
      <c r="M61" s="12">
        <v>110</v>
      </c>
      <c r="N61" s="12">
        <v>244</v>
      </c>
      <c r="O61" s="12">
        <v>0</v>
      </c>
      <c r="P61" s="12">
        <v>164</v>
      </c>
      <c r="Q61" s="12">
        <v>718</v>
      </c>
      <c r="R61" s="12">
        <v>292</v>
      </c>
    </row>
    <row r="62" spans="1:18" s="4" customFormat="1" x14ac:dyDescent="0.15">
      <c r="A62" s="3"/>
      <c r="B62" s="3" t="s">
        <v>1813</v>
      </c>
      <c r="C62" s="12">
        <v>227</v>
      </c>
      <c r="D62" s="12">
        <v>557</v>
      </c>
      <c r="E62" s="12">
        <v>281</v>
      </c>
      <c r="F62" s="12">
        <v>276</v>
      </c>
      <c r="G62" s="12">
        <v>80</v>
      </c>
      <c r="H62" s="12">
        <v>36</v>
      </c>
      <c r="I62" s="12">
        <v>35</v>
      </c>
      <c r="J62" s="12">
        <v>104</v>
      </c>
      <c r="K62" s="12">
        <v>63</v>
      </c>
      <c r="L62" s="12">
        <v>76</v>
      </c>
      <c r="M62" s="12">
        <v>55</v>
      </c>
      <c r="N62" s="12">
        <v>108</v>
      </c>
      <c r="O62" s="12">
        <v>0</v>
      </c>
      <c r="P62" s="12">
        <v>97</v>
      </c>
      <c r="Q62" s="12">
        <v>324</v>
      </c>
      <c r="R62" s="12">
        <v>136</v>
      </c>
    </row>
    <row r="63" spans="1:18" s="4" customFormat="1" x14ac:dyDescent="0.15">
      <c r="A63" s="3"/>
      <c r="B63" s="3" t="s">
        <v>1814</v>
      </c>
      <c r="C63" s="12">
        <v>170</v>
      </c>
      <c r="D63" s="12">
        <v>471</v>
      </c>
      <c r="E63" s="12">
        <v>217</v>
      </c>
      <c r="F63" s="12">
        <v>254</v>
      </c>
      <c r="G63" s="12">
        <v>49</v>
      </c>
      <c r="H63" s="12">
        <v>101</v>
      </c>
      <c r="I63" s="12">
        <v>25</v>
      </c>
      <c r="J63" s="12">
        <v>31</v>
      </c>
      <c r="K63" s="12">
        <v>114</v>
      </c>
      <c r="L63" s="12">
        <v>73</v>
      </c>
      <c r="M63" s="12">
        <v>18</v>
      </c>
      <c r="N63" s="12">
        <v>60</v>
      </c>
      <c r="O63" s="12">
        <v>0</v>
      </c>
      <c r="P63" s="12">
        <v>104</v>
      </c>
      <c r="Q63" s="12">
        <v>298</v>
      </c>
      <c r="R63" s="12">
        <v>69</v>
      </c>
    </row>
    <row r="64" spans="1:18" s="4" customFormat="1" x14ac:dyDescent="0.15">
      <c r="A64" s="3"/>
      <c r="B64" s="3" t="s">
        <v>1815</v>
      </c>
      <c r="C64" s="12">
        <v>389</v>
      </c>
      <c r="D64" s="12">
        <v>912</v>
      </c>
      <c r="E64" s="12">
        <v>441</v>
      </c>
      <c r="F64" s="12">
        <v>471</v>
      </c>
      <c r="G64" s="12">
        <v>48</v>
      </c>
      <c r="H64" s="12">
        <v>113</v>
      </c>
      <c r="I64" s="12">
        <v>93</v>
      </c>
      <c r="J64" s="12">
        <v>68</v>
      </c>
      <c r="K64" s="12">
        <v>142</v>
      </c>
      <c r="L64" s="12">
        <v>157</v>
      </c>
      <c r="M64" s="12">
        <v>106</v>
      </c>
      <c r="N64" s="12">
        <v>185</v>
      </c>
      <c r="O64" s="12">
        <v>0</v>
      </c>
      <c r="P64" s="12">
        <v>93</v>
      </c>
      <c r="Q64" s="12">
        <v>576</v>
      </c>
      <c r="R64" s="12">
        <v>243</v>
      </c>
    </row>
    <row r="65" spans="1:18" s="4" customFormat="1" x14ac:dyDescent="0.15">
      <c r="A65" s="3"/>
      <c r="B65" s="3" t="s">
        <v>1816</v>
      </c>
      <c r="C65" s="12">
        <v>207</v>
      </c>
      <c r="D65" s="12">
        <v>477</v>
      </c>
      <c r="E65" s="12">
        <v>223</v>
      </c>
      <c r="F65" s="12">
        <v>254</v>
      </c>
      <c r="G65" s="12">
        <v>22</v>
      </c>
      <c r="H65" s="12">
        <v>40</v>
      </c>
      <c r="I65" s="12">
        <v>60</v>
      </c>
      <c r="J65" s="12">
        <v>35</v>
      </c>
      <c r="K65" s="12">
        <v>63</v>
      </c>
      <c r="L65" s="12">
        <v>92</v>
      </c>
      <c r="M65" s="12">
        <v>72</v>
      </c>
      <c r="N65" s="12">
        <v>93</v>
      </c>
      <c r="O65" s="12">
        <v>0</v>
      </c>
      <c r="P65" s="12">
        <v>32</v>
      </c>
      <c r="Q65" s="12">
        <v>321</v>
      </c>
      <c r="R65" s="12">
        <v>124</v>
      </c>
    </row>
    <row r="66" spans="1:18" s="4" customFormat="1" x14ac:dyDescent="0.15">
      <c r="A66" s="3"/>
      <c r="B66" s="3" t="s">
        <v>1817</v>
      </c>
      <c r="C66" s="12">
        <v>483</v>
      </c>
      <c r="D66" s="12">
        <v>1041</v>
      </c>
      <c r="E66" s="12">
        <v>493</v>
      </c>
      <c r="F66" s="12">
        <v>548</v>
      </c>
      <c r="G66" s="12">
        <v>96</v>
      </c>
      <c r="H66" s="12">
        <v>83</v>
      </c>
      <c r="I66" s="12">
        <v>142</v>
      </c>
      <c r="J66" s="12">
        <v>170</v>
      </c>
      <c r="K66" s="12">
        <v>159</v>
      </c>
      <c r="L66" s="12">
        <v>129</v>
      </c>
      <c r="M66" s="12">
        <v>103</v>
      </c>
      <c r="N66" s="12">
        <v>159</v>
      </c>
      <c r="O66" s="12">
        <v>0</v>
      </c>
      <c r="P66" s="12">
        <v>128</v>
      </c>
      <c r="Q66" s="12">
        <v>698</v>
      </c>
      <c r="R66" s="12">
        <v>215</v>
      </c>
    </row>
    <row r="67" spans="1:18" s="4" customFormat="1" x14ac:dyDescent="0.15">
      <c r="A67" s="3"/>
      <c r="B67" s="3" t="s">
        <v>1818</v>
      </c>
      <c r="C67" s="12">
        <v>217</v>
      </c>
      <c r="D67" s="12">
        <v>521</v>
      </c>
      <c r="E67" s="12">
        <v>264</v>
      </c>
      <c r="F67" s="12">
        <v>257</v>
      </c>
      <c r="G67" s="12">
        <v>55</v>
      </c>
      <c r="H67" s="12">
        <v>83</v>
      </c>
      <c r="I67" s="12">
        <v>77</v>
      </c>
      <c r="J67" s="12">
        <v>69</v>
      </c>
      <c r="K67" s="12">
        <v>110</v>
      </c>
      <c r="L67" s="12">
        <v>71</v>
      </c>
      <c r="M67" s="12">
        <v>15</v>
      </c>
      <c r="N67" s="12">
        <v>41</v>
      </c>
      <c r="O67" s="12">
        <v>0</v>
      </c>
      <c r="P67" s="12">
        <v>89</v>
      </c>
      <c r="Q67" s="12">
        <v>382</v>
      </c>
      <c r="R67" s="12">
        <v>50</v>
      </c>
    </row>
    <row r="68" spans="1:18" s="4" customFormat="1" x14ac:dyDescent="0.15">
      <c r="A68" s="3"/>
      <c r="B68" s="3" t="s">
        <v>1819</v>
      </c>
      <c r="C68" s="12">
        <v>315</v>
      </c>
      <c r="D68" s="12">
        <v>647</v>
      </c>
      <c r="E68" s="12">
        <v>354</v>
      </c>
      <c r="F68" s="12">
        <v>293</v>
      </c>
      <c r="G68" s="12">
        <v>52</v>
      </c>
      <c r="H68" s="12">
        <v>95</v>
      </c>
      <c r="I68" s="12">
        <v>120</v>
      </c>
      <c r="J68" s="12">
        <v>112</v>
      </c>
      <c r="K68" s="12">
        <v>125</v>
      </c>
      <c r="L68" s="12">
        <v>78</v>
      </c>
      <c r="M68" s="12">
        <v>25</v>
      </c>
      <c r="N68" s="12">
        <v>40</v>
      </c>
      <c r="O68" s="12">
        <v>0</v>
      </c>
      <c r="P68" s="12">
        <v>93</v>
      </c>
      <c r="Q68" s="12">
        <v>503</v>
      </c>
      <c r="R68" s="12">
        <v>51</v>
      </c>
    </row>
    <row r="69" spans="1:18" s="4" customFormat="1" x14ac:dyDescent="0.15">
      <c r="A69" s="3"/>
      <c r="B69" s="3" t="s">
        <v>1820</v>
      </c>
      <c r="C69" s="12">
        <v>269</v>
      </c>
      <c r="D69" s="12">
        <v>679</v>
      </c>
      <c r="E69" s="12">
        <v>352</v>
      </c>
      <c r="F69" s="12">
        <v>327</v>
      </c>
      <c r="G69" s="12">
        <v>127</v>
      </c>
      <c r="H69" s="12">
        <v>93</v>
      </c>
      <c r="I69" s="12">
        <v>66</v>
      </c>
      <c r="J69" s="12">
        <v>141</v>
      </c>
      <c r="K69" s="12">
        <v>143</v>
      </c>
      <c r="L69" s="12">
        <v>63</v>
      </c>
      <c r="M69" s="12">
        <v>22</v>
      </c>
      <c r="N69" s="12">
        <v>24</v>
      </c>
      <c r="O69" s="12">
        <v>0</v>
      </c>
      <c r="P69" s="12">
        <v>195</v>
      </c>
      <c r="Q69" s="12">
        <v>452</v>
      </c>
      <c r="R69" s="12">
        <v>32</v>
      </c>
    </row>
    <row r="70" spans="1:18" s="4" customFormat="1" x14ac:dyDescent="0.15">
      <c r="A70" s="3"/>
      <c r="B70" s="3" t="s">
        <v>1821</v>
      </c>
      <c r="C70" s="12">
        <v>220</v>
      </c>
      <c r="D70" s="12">
        <v>600</v>
      </c>
      <c r="E70" s="12">
        <v>314</v>
      </c>
      <c r="F70" s="12">
        <v>286</v>
      </c>
      <c r="G70" s="12">
        <v>75</v>
      </c>
      <c r="H70" s="12">
        <v>123</v>
      </c>
      <c r="I70" s="12">
        <v>37</v>
      </c>
      <c r="J70" s="12">
        <v>80</v>
      </c>
      <c r="K70" s="12">
        <v>166</v>
      </c>
      <c r="L70" s="12">
        <v>60</v>
      </c>
      <c r="M70" s="12">
        <v>20</v>
      </c>
      <c r="N70" s="12">
        <v>39</v>
      </c>
      <c r="O70" s="12">
        <v>0</v>
      </c>
      <c r="P70" s="12">
        <v>144</v>
      </c>
      <c r="Q70" s="12">
        <v>403</v>
      </c>
      <c r="R70" s="12">
        <v>53</v>
      </c>
    </row>
    <row r="71" spans="1:18" s="4" customFormat="1" x14ac:dyDescent="0.15">
      <c r="A71" s="3"/>
      <c r="B71" s="3" t="s">
        <v>1822</v>
      </c>
      <c r="C71" s="12">
        <v>275</v>
      </c>
      <c r="D71" s="12">
        <v>596</v>
      </c>
      <c r="E71" s="12">
        <v>292</v>
      </c>
      <c r="F71" s="12">
        <v>304</v>
      </c>
      <c r="G71" s="12">
        <v>49</v>
      </c>
      <c r="H71" s="12">
        <v>59</v>
      </c>
      <c r="I71" s="12">
        <v>65</v>
      </c>
      <c r="J71" s="12">
        <v>92</v>
      </c>
      <c r="K71" s="12">
        <v>104</v>
      </c>
      <c r="L71" s="12">
        <v>83</v>
      </c>
      <c r="M71" s="12">
        <v>54</v>
      </c>
      <c r="N71" s="12">
        <v>90</v>
      </c>
      <c r="O71" s="12">
        <v>0</v>
      </c>
      <c r="P71" s="12">
        <v>68</v>
      </c>
      <c r="Q71" s="12">
        <v>409</v>
      </c>
      <c r="R71" s="12">
        <v>119</v>
      </c>
    </row>
    <row r="72" spans="1:18" s="4" customFormat="1" x14ac:dyDescent="0.15">
      <c r="A72" s="3"/>
      <c r="B72" s="3" t="s">
        <v>1823</v>
      </c>
      <c r="C72" s="12">
        <v>665</v>
      </c>
      <c r="D72" s="12">
        <v>1362</v>
      </c>
      <c r="E72" s="12">
        <v>699</v>
      </c>
      <c r="F72" s="12">
        <v>663</v>
      </c>
      <c r="G72" s="12">
        <v>105</v>
      </c>
      <c r="H72" s="12">
        <v>120</v>
      </c>
      <c r="I72" s="12">
        <v>155</v>
      </c>
      <c r="J72" s="12">
        <v>186</v>
      </c>
      <c r="K72" s="12">
        <v>162</v>
      </c>
      <c r="L72" s="12">
        <v>187</v>
      </c>
      <c r="M72" s="12">
        <v>153</v>
      </c>
      <c r="N72" s="12">
        <v>294</v>
      </c>
      <c r="O72" s="12">
        <v>0</v>
      </c>
      <c r="P72" s="12">
        <v>155</v>
      </c>
      <c r="Q72" s="12">
        <v>839</v>
      </c>
      <c r="R72" s="12">
        <v>368</v>
      </c>
    </row>
    <row r="73" spans="1:18" s="4" customFormat="1" x14ac:dyDescent="0.15">
      <c r="A73" s="3"/>
      <c r="B73" s="3" t="s">
        <v>1824</v>
      </c>
      <c r="C73" s="12">
        <v>474</v>
      </c>
      <c r="D73" s="12">
        <v>1117</v>
      </c>
      <c r="E73" s="12">
        <v>545</v>
      </c>
      <c r="F73" s="12">
        <v>572</v>
      </c>
      <c r="G73" s="12">
        <v>84</v>
      </c>
      <c r="H73" s="12">
        <v>106</v>
      </c>
      <c r="I73" s="12">
        <v>58</v>
      </c>
      <c r="J73" s="12">
        <v>121</v>
      </c>
      <c r="K73" s="12">
        <v>157</v>
      </c>
      <c r="L73" s="12">
        <v>146</v>
      </c>
      <c r="M73" s="12">
        <v>137</v>
      </c>
      <c r="N73" s="12">
        <v>308</v>
      </c>
      <c r="O73" s="12">
        <v>0</v>
      </c>
      <c r="P73" s="12">
        <v>129</v>
      </c>
      <c r="Q73" s="12">
        <v>604</v>
      </c>
      <c r="R73" s="12">
        <v>384</v>
      </c>
    </row>
    <row r="74" spans="1:18" s="4" customFormat="1" x14ac:dyDescent="0.15">
      <c r="A74" s="3"/>
      <c r="B74" s="3" t="s">
        <v>1825</v>
      </c>
      <c r="C74" s="12">
        <v>656</v>
      </c>
      <c r="D74" s="12">
        <v>1423</v>
      </c>
      <c r="E74" s="12">
        <v>697</v>
      </c>
      <c r="F74" s="12">
        <v>726</v>
      </c>
      <c r="G74" s="12">
        <v>98</v>
      </c>
      <c r="H74" s="12">
        <v>135</v>
      </c>
      <c r="I74" s="12">
        <v>114</v>
      </c>
      <c r="J74" s="12">
        <v>160</v>
      </c>
      <c r="K74" s="12">
        <v>217</v>
      </c>
      <c r="L74" s="12">
        <v>183</v>
      </c>
      <c r="M74" s="12">
        <v>167</v>
      </c>
      <c r="N74" s="12">
        <v>349</v>
      </c>
      <c r="O74" s="12">
        <v>0</v>
      </c>
      <c r="P74" s="12">
        <v>163</v>
      </c>
      <c r="Q74" s="12">
        <v>816</v>
      </c>
      <c r="R74" s="12">
        <v>444</v>
      </c>
    </row>
    <row r="75" spans="1:18" s="4" customFormat="1" x14ac:dyDescent="0.15">
      <c r="A75" s="3"/>
      <c r="B75" s="3" t="s">
        <v>1826</v>
      </c>
      <c r="C75" s="12">
        <v>316</v>
      </c>
      <c r="D75" s="12">
        <v>756</v>
      </c>
      <c r="E75" s="12">
        <v>367</v>
      </c>
      <c r="F75" s="12">
        <v>389</v>
      </c>
      <c r="G75" s="12">
        <v>85</v>
      </c>
      <c r="H75" s="12">
        <v>65</v>
      </c>
      <c r="I75" s="12">
        <v>43</v>
      </c>
      <c r="J75" s="12">
        <v>82</v>
      </c>
      <c r="K75" s="12">
        <v>106</v>
      </c>
      <c r="L75" s="12">
        <v>101</v>
      </c>
      <c r="M75" s="12">
        <v>77</v>
      </c>
      <c r="N75" s="12">
        <v>197</v>
      </c>
      <c r="O75" s="12">
        <v>0</v>
      </c>
      <c r="P75" s="12">
        <v>113</v>
      </c>
      <c r="Q75" s="12">
        <v>404</v>
      </c>
      <c r="R75" s="12">
        <v>239</v>
      </c>
    </row>
    <row r="76" spans="1:18" s="4" customFormat="1" x14ac:dyDescent="0.15">
      <c r="A76" s="3"/>
      <c r="B76" s="3" t="s">
        <v>1827</v>
      </c>
      <c r="C76" s="12">
        <v>380</v>
      </c>
      <c r="D76" s="12">
        <v>737</v>
      </c>
      <c r="E76" s="12">
        <v>375</v>
      </c>
      <c r="F76" s="12">
        <v>362</v>
      </c>
      <c r="G76" s="12">
        <v>45</v>
      </c>
      <c r="H76" s="12">
        <v>43</v>
      </c>
      <c r="I76" s="12">
        <v>57</v>
      </c>
      <c r="J76" s="12">
        <v>100</v>
      </c>
      <c r="K76" s="12">
        <v>106</v>
      </c>
      <c r="L76" s="12">
        <v>108</v>
      </c>
      <c r="M76" s="12">
        <v>84</v>
      </c>
      <c r="N76" s="12">
        <v>194</v>
      </c>
      <c r="O76" s="12">
        <v>0</v>
      </c>
      <c r="P76" s="12">
        <v>65</v>
      </c>
      <c r="Q76" s="12">
        <v>429</v>
      </c>
      <c r="R76" s="12">
        <v>243</v>
      </c>
    </row>
    <row r="77" spans="1:18" s="4" customFormat="1" x14ac:dyDescent="0.15">
      <c r="A77" s="3"/>
      <c r="B77" s="3" t="s">
        <v>1828</v>
      </c>
      <c r="C77" s="12">
        <v>615</v>
      </c>
      <c r="D77" s="12">
        <v>1470</v>
      </c>
      <c r="E77" s="12">
        <v>751</v>
      </c>
      <c r="F77" s="12">
        <v>719</v>
      </c>
      <c r="G77" s="12">
        <v>166</v>
      </c>
      <c r="H77" s="12">
        <v>160</v>
      </c>
      <c r="I77" s="12">
        <v>171</v>
      </c>
      <c r="J77" s="12">
        <v>213</v>
      </c>
      <c r="K77" s="12">
        <v>221</v>
      </c>
      <c r="L77" s="12">
        <v>192</v>
      </c>
      <c r="M77" s="12">
        <v>152</v>
      </c>
      <c r="N77" s="12">
        <v>195</v>
      </c>
      <c r="O77" s="12">
        <v>0</v>
      </c>
      <c r="P77" s="12">
        <v>249</v>
      </c>
      <c r="Q77" s="12">
        <v>944</v>
      </c>
      <c r="R77" s="12">
        <v>277</v>
      </c>
    </row>
    <row r="78" spans="1:18" s="4" customFormat="1" x14ac:dyDescent="0.15">
      <c r="A78" s="3"/>
      <c r="B78" s="3" t="s">
        <v>1829</v>
      </c>
      <c r="C78" s="12">
        <v>1</v>
      </c>
      <c r="D78" s="12">
        <v>1</v>
      </c>
      <c r="E78" s="12">
        <v>0</v>
      </c>
      <c r="F78" s="12">
        <v>1</v>
      </c>
      <c r="G78" s="12" t="s">
        <v>132</v>
      </c>
      <c r="H78" s="12" t="s">
        <v>132</v>
      </c>
      <c r="I78" s="12" t="s">
        <v>132</v>
      </c>
      <c r="J78" s="12" t="s">
        <v>132</v>
      </c>
      <c r="K78" s="12" t="s">
        <v>132</v>
      </c>
      <c r="L78" s="12" t="s">
        <v>132</v>
      </c>
      <c r="M78" s="12" t="s">
        <v>132</v>
      </c>
      <c r="N78" s="12" t="s">
        <v>132</v>
      </c>
      <c r="O78" s="12" t="s">
        <v>132</v>
      </c>
      <c r="P78" s="12" t="s">
        <v>132</v>
      </c>
      <c r="Q78" s="12" t="s">
        <v>132</v>
      </c>
      <c r="R78" s="12" t="s">
        <v>132</v>
      </c>
    </row>
    <row r="79" spans="1:18" s="4" customFormat="1" x14ac:dyDescent="0.15">
      <c r="A79" s="3"/>
      <c r="B79" s="3" t="s">
        <v>1830</v>
      </c>
      <c r="C79" s="12">
        <v>450</v>
      </c>
      <c r="D79" s="12">
        <v>1100</v>
      </c>
      <c r="E79" s="12">
        <v>542</v>
      </c>
      <c r="F79" s="12">
        <v>558</v>
      </c>
      <c r="G79" s="12">
        <v>113</v>
      </c>
      <c r="H79" s="12">
        <v>128</v>
      </c>
      <c r="I79" s="12">
        <v>83</v>
      </c>
      <c r="J79" s="12">
        <v>109</v>
      </c>
      <c r="K79" s="12">
        <v>186</v>
      </c>
      <c r="L79" s="12">
        <v>130</v>
      </c>
      <c r="M79" s="12">
        <v>102</v>
      </c>
      <c r="N79" s="12">
        <v>249</v>
      </c>
      <c r="O79" s="12">
        <v>0</v>
      </c>
      <c r="P79" s="12">
        <v>185</v>
      </c>
      <c r="Q79" s="12">
        <v>619</v>
      </c>
      <c r="R79" s="12">
        <v>296</v>
      </c>
    </row>
    <row r="80" spans="1:18" s="4" customFormat="1" x14ac:dyDescent="0.15">
      <c r="A80" s="3"/>
      <c r="B80" s="3" t="s">
        <v>1831</v>
      </c>
      <c r="C80" s="12">
        <v>778</v>
      </c>
      <c r="D80" s="12">
        <v>1509</v>
      </c>
      <c r="E80" s="12">
        <v>771</v>
      </c>
      <c r="F80" s="12">
        <v>738</v>
      </c>
      <c r="G80" s="12">
        <v>107</v>
      </c>
      <c r="H80" s="12">
        <v>108</v>
      </c>
      <c r="I80" s="12">
        <v>133</v>
      </c>
      <c r="J80" s="12">
        <v>169</v>
      </c>
      <c r="K80" s="12">
        <v>227</v>
      </c>
      <c r="L80" s="12">
        <v>178</v>
      </c>
      <c r="M80" s="12">
        <v>168</v>
      </c>
      <c r="N80" s="12">
        <v>419</v>
      </c>
      <c r="O80" s="12">
        <v>0</v>
      </c>
      <c r="P80" s="12">
        <v>169</v>
      </c>
      <c r="Q80" s="12">
        <v>827</v>
      </c>
      <c r="R80" s="12">
        <v>513</v>
      </c>
    </row>
    <row r="81" spans="1:18" s="4" customFormat="1" x14ac:dyDescent="0.15">
      <c r="A81" s="3"/>
      <c r="B81" s="3" t="s">
        <v>1832</v>
      </c>
      <c r="C81" s="12">
        <v>399</v>
      </c>
      <c r="D81" s="12">
        <v>1200</v>
      </c>
      <c r="E81" s="12">
        <v>627</v>
      </c>
      <c r="F81" s="12">
        <v>573</v>
      </c>
      <c r="G81" s="12">
        <v>296</v>
      </c>
      <c r="H81" s="12">
        <v>162</v>
      </c>
      <c r="I81" s="12">
        <v>88</v>
      </c>
      <c r="J81" s="12">
        <v>269</v>
      </c>
      <c r="K81" s="12">
        <v>281</v>
      </c>
      <c r="L81" s="12">
        <v>67</v>
      </c>
      <c r="M81" s="12">
        <v>18</v>
      </c>
      <c r="N81" s="12">
        <v>19</v>
      </c>
      <c r="O81" s="12">
        <v>0</v>
      </c>
      <c r="P81" s="12">
        <v>424</v>
      </c>
      <c r="Q81" s="12">
        <v>746</v>
      </c>
      <c r="R81" s="12">
        <v>30</v>
      </c>
    </row>
    <row r="82" spans="1:18" s="4" customFormat="1" x14ac:dyDescent="0.15">
      <c r="A82" s="3"/>
      <c r="B82" s="3" t="s">
        <v>1833</v>
      </c>
      <c r="C82" s="12">
        <v>8</v>
      </c>
      <c r="D82" s="12">
        <v>28</v>
      </c>
      <c r="E82" s="12">
        <v>15</v>
      </c>
      <c r="F82" s="12">
        <v>13</v>
      </c>
      <c r="G82" s="12">
        <v>12</v>
      </c>
      <c r="H82" s="12">
        <v>1</v>
      </c>
      <c r="I82" s="12">
        <v>0</v>
      </c>
      <c r="J82" s="12">
        <v>7</v>
      </c>
      <c r="K82" s="12">
        <v>6</v>
      </c>
      <c r="L82" s="12">
        <v>0</v>
      </c>
      <c r="M82" s="12">
        <v>0</v>
      </c>
      <c r="N82" s="12">
        <v>2</v>
      </c>
      <c r="O82" s="12">
        <v>0</v>
      </c>
      <c r="P82" s="12">
        <v>13</v>
      </c>
      <c r="Q82" s="12">
        <v>13</v>
      </c>
      <c r="R82" s="12">
        <v>2</v>
      </c>
    </row>
    <row r="83" spans="1:18" s="4" customFormat="1" x14ac:dyDescent="0.15">
      <c r="A83" s="3"/>
      <c r="B83" s="3" t="s">
        <v>1834</v>
      </c>
      <c r="C83" s="12">
        <v>71</v>
      </c>
      <c r="D83" s="12">
        <v>169</v>
      </c>
      <c r="E83" s="12">
        <v>90</v>
      </c>
      <c r="F83" s="12">
        <v>79</v>
      </c>
      <c r="G83" s="12">
        <v>14</v>
      </c>
      <c r="H83" s="12">
        <v>17</v>
      </c>
      <c r="I83" s="12">
        <v>12</v>
      </c>
      <c r="J83" s="12">
        <v>18</v>
      </c>
      <c r="K83" s="12">
        <v>24</v>
      </c>
      <c r="L83" s="12">
        <v>13</v>
      </c>
      <c r="M83" s="12">
        <v>19</v>
      </c>
      <c r="N83" s="12">
        <v>52</v>
      </c>
      <c r="O83" s="12">
        <v>0</v>
      </c>
      <c r="P83" s="12">
        <v>23</v>
      </c>
      <c r="Q83" s="12">
        <v>82</v>
      </c>
      <c r="R83" s="12">
        <v>64</v>
      </c>
    </row>
    <row r="84" spans="1:18" s="4" customFormat="1" x14ac:dyDescent="0.15">
      <c r="A84" s="3"/>
      <c r="B84" s="3" t="s">
        <v>1835</v>
      </c>
      <c r="C84" s="12">
        <v>336</v>
      </c>
      <c r="D84" s="12">
        <v>805</v>
      </c>
      <c r="E84" s="12">
        <v>413</v>
      </c>
      <c r="F84" s="12">
        <v>392</v>
      </c>
      <c r="G84" s="12">
        <v>84</v>
      </c>
      <c r="H84" s="12">
        <v>70</v>
      </c>
      <c r="I84" s="12">
        <v>81</v>
      </c>
      <c r="J84" s="12">
        <v>104</v>
      </c>
      <c r="K84" s="12">
        <v>120</v>
      </c>
      <c r="L84" s="12">
        <v>98</v>
      </c>
      <c r="M84" s="12">
        <v>100</v>
      </c>
      <c r="N84" s="12">
        <v>148</v>
      </c>
      <c r="O84" s="12">
        <v>0</v>
      </c>
      <c r="P84" s="12">
        <v>120</v>
      </c>
      <c r="Q84" s="12">
        <v>486</v>
      </c>
      <c r="R84" s="12">
        <v>199</v>
      </c>
    </row>
    <row r="85" spans="1:18" s="4" customFormat="1" x14ac:dyDescent="0.15">
      <c r="A85" s="3"/>
      <c r="B85" s="3" t="s">
        <v>1836</v>
      </c>
      <c r="C85" s="12">
        <v>394</v>
      </c>
      <c r="D85" s="12">
        <v>982</v>
      </c>
      <c r="E85" s="12">
        <v>484</v>
      </c>
      <c r="F85" s="12">
        <v>498</v>
      </c>
      <c r="G85" s="12">
        <v>107</v>
      </c>
      <c r="H85" s="12">
        <v>106</v>
      </c>
      <c r="I85" s="12">
        <v>98</v>
      </c>
      <c r="J85" s="12">
        <v>127</v>
      </c>
      <c r="K85" s="12">
        <v>129</v>
      </c>
      <c r="L85" s="12">
        <v>140</v>
      </c>
      <c r="M85" s="12">
        <v>94</v>
      </c>
      <c r="N85" s="12">
        <v>181</v>
      </c>
      <c r="O85" s="12">
        <v>0</v>
      </c>
      <c r="P85" s="12">
        <v>164</v>
      </c>
      <c r="Q85" s="12">
        <v>587</v>
      </c>
      <c r="R85" s="12">
        <v>231</v>
      </c>
    </row>
    <row r="86" spans="1:18" s="4" customFormat="1" x14ac:dyDescent="0.15">
      <c r="A86" s="3"/>
      <c r="B86" s="3" t="s">
        <v>1837</v>
      </c>
      <c r="C86" s="12">
        <v>13987</v>
      </c>
      <c r="D86" s="12">
        <v>30996</v>
      </c>
      <c r="E86" s="12">
        <v>15490</v>
      </c>
      <c r="F86" s="12">
        <v>15506</v>
      </c>
      <c r="G86" s="12">
        <v>3171</v>
      </c>
      <c r="H86" s="12">
        <v>2755</v>
      </c>
      <c r="I86" s="12">
        <v>3197</v>
      </c>
      <c r="J86" s="12">
        <v>4199</v>
      </c>
      <c r="K86" s="12">
        <v>4977</v>
      </c>
      <c r="L86" s="12">
        <v>3802</v>
      </c>
      <c r="M86" s="12">
        <v>3138</v>
      </c>
      <c r="N86" s="12">
        <v>5757</v>
      </c>
      <c r="O86" s="12">
        <v>0</v>
      </c>
      <c r="P86" s="12">
        <v>4704</v>
      </c>
      <c r="Q86" s="12">
        <v>19015</v>
      </c>
      <c r="R86" s="12">
        <v>7277</v>
      </c>
    </row>
    <row r="87" spans="1:18" s="4" customFormat="1" x14ac:dyDescent="0.15">
      <c r="A87" s="3"/>
      <c r="B87" s="3" t="s">
        <v>2266</v>
      </c>
      <c r="C87" s="12">
        <v>67</v>
      </c>
      <c r="D87" s="12">
        <v>131</v>
      </c>
      <c r="E87" s="12">
        <v>65</v>
      </c>
      <c r="F87" s="12">
        <v>66</v>
      </c>
      <c r="G87" s="12">
        <v>14</v>
      </c>
      <c r="H87" s="12">
        <v>2</v>
      </c>
      <c r="I87" s="12">
        <v>19</v>
      </c>
      <c r="J87" s="12">
        <v>23</v>
      </c>
      <c r="K87" s="12">
        <v>12</v>
      </c>
      <c r="L87" s="12">
        <v>17</v>
      </c>
      <c r="M87" s="12">
        <v>20</v>
      </c>
      <c r="N87" s="12">
        <v>24</v>
      </c>
      <c r="O87" s="12">
        <v>0</v>
      </c>
      <c r="P87" s="12">
        <v>15</v>
      </c>
      <c r="Q87" s="12">
        <v>85</v>
      </c>
      <c r="R87" s="12">
        <v>31</v>
      </c>
    </row>
    <row r="88" spans="1:18" s="4" customFormat="1" x14ac:dyDescent="0.15">
      <c r="A88" s="3"/>
      <c r="B88" s="3" t="s">
        <v>2267</v>
      </c>
      <c r="C88" s="12">
        <v>378</v>
      </c>
      <c r="D88" s="12">
        <v>841</v>
      </c>
      <c r="E88" s="12">
        <v>429</v>
      </c>
      <c r="F88" s="12">
        <v>412</v>
      </c>
      <c r="G88" s="12">
        <v>75</v>
      </c>
      <c r="H88" s="12">
        <v>59</v>
      </c>
      <c r="I88" s="12">
        <v>75</v>
      </c>
      <c r="J88" s="12">
        <v>107</v>
      </c>
      <c r="K88" s="12">
        <v>119</v>
      </c>
      <c r="L88" s="12">
        <v>112</v>
      </c>
      <c r="M88" s="12">
        <v>98</v>
      </c>
      <c r="N88" s="12">
        <v>196</v>
      </c>
      <c r="O88" s="12">
        <v>0</v>
      </c>
      <c r="P88" s="12">
        <v>106</v>
      </c>
      <c r="Q88" s="12">
        <v>491</v>
      </c>
      <c r="R88" s="12">
        <v>244</v>
      </c>
    </row>
    <row r="89" spans="1:18" s="4" customFormat="1" x14ac:dyDescent="0.15">
      <c r="A89" s="3"/>
      <c r="B89" s="3" t="s">
        <v>2268</v>
      </c>
      <c r="C89" s="12">
        <v>768</v>
      </c>
      <c r="D89" s="12">
        <v>1655</v>
      </c>
      <c r="E89" s="12">
        <v>824</v>
      </c>
      <c r="F89" s="12">
        <v>831</v>
      </c>
      <c r="G89" s="12">
        <v>163</v>
      </c>
      <c r="H89" s="12">
        <v>138</v>
      </c>
      <c r="I89" s="12">
        <v>210</v>
      </c>
      <c r="J89" s="12">
        <v>201</v>
      </c>
      <c r="K89" s="12">
        <v>240</v>
      </c>
      <c r="L89" s="12">
        <v>189</v>
      </c>
      <c r="M89" s="12">
        <v>134</v>
      </c>
      <c r="N89" s="12">
        <v>380</v>
      </c>
      <c r="O89" s="12">
        <v>0</v>
      </c>
      <c r="P89" s="12">
        <v>248</v>
      </c>
      <c r="Q89" s="12">
        <v>977</v>
      </c>
      <c r="R89" s="12">
        <v>430</v>
      </c>
    </row>
    <row r="90" spans="1:18" s="4" customFormat="1" x14ac:dyDescent="0.15">
      <c r="A90" s="3"/>
      <c r="B90" s="3" t="s">
        <v>2269</v>
      </c>
      <c r="C90" s="12">
        <v>60</v>
      </c>
      <c r="D90" s="12">
        <v>115</v>
      </c>
      <c r="E90" s="12">
        <v>61</v>
      </c>
      <c r="F90" s="12">
        <v>54</v>
      </c>
      <c r="G90" s="12">
        <v>7</v>
      </c>
      <c r="H90" s="12">
        <v>8</v>
      </c>
      <c r="I90" s="12">
        <v>10</v>
      </c>
      <c r="J90" s="12">
        <v>11</v>
      </c>
      <c r="K90" s="12">
        <v>18</v>
      </c>
      <c r="L90" s="12">
        <v>11</v>
      </c>
      <c r="M90" s="12">
        <v>15</v>
      </c>
      <c r="N90" s="12">
        <v>35</v>
      </c>
      <c r="O90" s="12">
        <v>0</v>
      </c>
      <c r="P90" s="12">
        <v>10</v>
      </c>
      <c r="Q90" s="12">
        <v>65</v>
      </c>
      <c r="R90" s="12">
        <v>40</v>
      </c>
    </row>
    <row r="91" spans="1:18" s="4" customFormat="1" x14ac:dyDescent="0.15">
      <c r="A91" s="3"/>
      <c r="B91" s="3" t="s">
        <v>2270</v>
      </c>
      <c r="C91" s="12">
        <v>1</v>
      </c>
      <c r="D91" s="12">
        <v>2</v>
      </c>
      <c r="E91" s="12">
        <v>1</v>
      </c>
      <c r="F91" s="12">
        <v>1</v>
      </c>
      <c r="G91" s="12" t="s">
        <v>132</v>
      </c>
      <c r="H91" s="12" t="s">
        <v>132</v>
      </c>
      <c r="I91" s="12" t="s">
        <v>132</v>
      </c>
      <c r="J91" s="12" t="s">
        <v>132</v>
      </c>
      <c r="K91" s="12" t="s">
        <v>132</v>
      </c>
      <c r="L91" s="12" t="s">
        <v>132</v>
      </c>
      <c r="M91" s="12" t="s">
        <v>132</v>
      </c>
      <c r="N91" s="12" t="s">
        <v>132</v>
      </c>
      <c r="O91" s="12" t="s">
        <v>132</v>
      </c>
      <c r="P91" s="12" t="s">
        <v>132</v>
      </c>
      <c r="Q91" s="12" t="s">
        <v>132</v>
      </c>
      <c r="R91" s="12" t="s">
        <v>132</v>
      </c>
    </row>
    <row r="92" spans="1:18" s="4" customFormat="1" x14ac:dyDescent="0.15">
      <c r="A92" s="3"/>
      <c r="B92" s="3" t="s">
        <v>2271</v>
      </c>
      <c r="C92" s="12">
        <v>6</v>
      </c>
      <c r="D92" s="12">
        <v>9</v>
      </c>
      <c r="E92" s="12">
        <v>3</v>
      </c>
      <c r="F92" s="12">
        <v>6</v>
      </c>
      <c r="G92" s="12" t="s">
        <v>132</v>
      </c>
      <c r="H92" s="12" t="s">
        <v>132</v>
      </c>
      <c r="I92" s="12" t="s">
        <v>132</v>
      </c>
      <c r="J92" s="12" t="s">
        <v>132</v>
      </c>
      <c r="K92" s="12" t="s">
        <v>132</v>
      </c>
      <c r="L92" s="12" t="s">
        <v>132</v>
      </c>
      <c r="M92" s="12" t="s">
        <v>132</v>
      </c>
      <c r="N92" s="12" t="s">
        <v>132</v>
      </c>
      <c r="O92" s="12" t="s">
        <v>132</v>
      </c>
      <c r="P92" s="12" t="s">
        <v>132</v>
      </c>
      <c r="Q92" s="12" t="s">
        <v>132</v>
      </c>
      <c r="R92" s="12" t="s">
        <v>132</v>
      </c>
    </row>
    <row r="93" spans="1:18" s="4" customFormat="1" x14ac:dyDescent="0.15">
      <c r="A93" s="3"/>
      <c r="B93" s="3" t="s">
        <v>2272</v>
      </c>
      <c r="C93" s="12">
        <v>99</v>
      </c>
      <c r="D93" s="12">
        <v>296</v>
      </c>
      <c r="E93" s="12">
        <v>141</v>
      </c>
      <c r="F93" s="12">
        <v>155</v>
      </c>
      <c r="G93" s="12">
        <v>28</v>
      </c>
      <c r="H93" s="12">
        <v>58</v>
      </c>
      <c r="I93" s="12">
        <v>24</v>
      </c>
      <c r="J93" s="12">
        <v>21</v>
      </c>
      <c r="K93" s="12">
        <v>49</v>
      </c>
      <c r="L93" s="12">
        <v>39</v>
      </c>
      <c r="M93" s="12">
        <v>30</v>
      </c>
      <c r="N93" s="12">
        <v>47</v>
      </c>
      <c r="O93" s="12">
        <v>0</v>
      </c>
      <c r="P93" s="12">
        <v>56</v>
      </c>
      <c r="Q93" s="12">
        <v>175</v>
      </c>
      <c r="R93" s="12">
        <v>65</v>
      </c>
    </row>
    <row r="94" spans="1:18" s="4" customFormat="1" x14ac:dyDescent="0.15">
      <c r="A94" s="3"/>
      <c r="B94" s="3" t="s">
        <v>2273</v>
      </c>
      <c r="C94" s="12">
        <v>222</v>
      </c>
      <c r="D94" s="12">
        <v>508</v>
      </c>
      <c r="E94" s="12">
        <v>254</v>
      </c>
      <c r="F94" s="12">
        <v>254</v>
      </c>
      <c r="G94" s="12">
        <v>29</v>
      </c>
      <c r="H94" s="12">
        <v>44</v>
      </c>
      <c r="I94" s="12">
        <v>44</v>
      </c>
      <c r="J94" s="12">
        <v>50</v>
      </c>
      <c r="K94" s="12">
        <v>67</v>
      </c>
      <c r="L94" s="12">
        <v>73</v>
      </c>
      <c r="M94" s="12">
        <v>71</v>
      </c>
      <c r="N94" s="12">
        <v>130</v>
      </c>
      <c r="O94" s="12">
        <v>0</v>
      </c>
      <c r="P94" s="12">
        <v>54</v>
      </c>
      <c r="Q94" s="12">
        <v>287</v>
      </c>
      <c r="R94" s="12">
        <v>167</v>
      </c>
    </row>
    <row r="95" spans="1:18" s="4" customFormat="1" x14ac:dyDescent="0.15">
      <c r="A95" s="3"/>
      <c r="B95" s="3" t="s">
        <v>2274</v>
      </c>
      <c r="C95" s="12">
        <v>57</v>
      </c>
      <c r="D95" s="12">
        <v>101</v>
      </c>
      <c r="E95" s="12">
        <v>52</v>
      </c>
      <c r="F95" s="12">
        <v>49</v>
      </c>
      <c r="G95" s="12">
        <v>12</v>
      </c>
      <c r="H95" s="12">
        <v>6</v>
      </c>
      <c r="I95" s="12">
        <v>7</v>
      </c>
      <c r="J95" s="12">
        <v>18</v>
      </c>
      <c r="K95" s="12">
        <v>12</v>
      </c>
      <c r="L95" s="12">
        <v>9</v>
      </c>
      <c r="M95" s="12">
        <v>10</v>
      </c>
      <c r="N95" s="12">
        <v>27</v>
      </c>
      <c r="O95" s="12">
        <v>0</v>
      </c>
      <c r="P95" s="12">
        <v>16</v>
      </c>
      <c r="Q95" s="12">
        <v>54</v>
      </c>
      <c r="R95" s="12">
        <v>31</v>
      </c>
    </row>
    <row r="96" spans="1:18" s="4" customFormat="1" x14ac:dyDescent="0.15">
      <c r="A96" s="3"/>
      <c r="B96" s="3" t="s">
        <v>2275</v>
      </c>
      <c r="C96" s="12">
        <v>563</v>
      </c>
      <c r="D96" s="12">
        <v>1206</v>
      </c>
      <c r="E96" s="12">
        <v>581</v>
      </c>
      <c r="F96" s="12">
        <v>625</v>
      </c>
      <c r="G96" s="12">
        <v>91</v>
      </c>
      <c r="H96" s="12">
        <v>84</v>
      </c>
      <c r="I96" s="12">
        <v>147</v>
      </c>
      <c r="J96" s="12">
        <v>166</v>
      </c>
      <c r="K96" s="12">
        <v>174</v>
      </c>
      <c r="L96" s="12">
        <v>180</v>
      </c>
      <c r="M96" s="12">
        <v>141</v>
      </c>
      <c r="N96" s="12">
        <v>223</v>
      </c>
      <c r="O96" s="12">
        <v>0</v>
      </c>
      <c r="P96" s="12">
        <v>130</v>
      </c>
      <c r="Q96" s="12">
        <v>788</v>
      </c>
      <c r="R96" s="12">
        <v>288</v>
      </c>
    </row>
    <row r="97" spans="1:18" s="4" customFormat="1" x14ac:dyDescent="0.15">
      <c r="A97" s="3"/>
      <c r="B97" s="3" t="s">
        <v>2276</v>
      </c>
      <c r="C97" s="12">
        <v>997</v>
      </c>
      <c r="D97" s="12">
        <v>2320</v>
      </c>
      <c r="E97" s="12">
        <v>1152</v>
      </c>
      <c r="F97" s="12">
        <v>1168</v>
      </c>
      <c r="G97" s="12">
        <v>269</v>
      </c>
      <c r="H97" s="12">
        <v>248</v>
      </c>
      <c r="I97" s="12">
        <v>152</v>
      </c>
      <c r="J97" s="12">
        <v>287</v>
      </c>
      <c r="K97" s="12">
        <v>433</v>
      </c>
      <c r="L97" s="12">
        <v>280</v>
      </c>
      <c r="M97" s="12">
        <v>253</v>
      </c>
      <c r="N97" s="12">
        <v>398</v>
      </c>
      <c r="O97" s="12">
        <v>0</v>
      </c>
      <c r="P97" s="12">
        <v>421</v>
      </c>
      <c r="Q97" s="12">
        <v>1359</v>
      </c>
      <c r="R97" s="12">
        <v>540</v>
      </c>
    </row>
    <row r="98" spans="1:18" s="4" customFormat="1" x14ac:dyDescent="0.15">
      <c r="A98" s="3"/>
      <c r="B98" s="3" t="s">
        <v>2277</v>
      </c>
      <c r="C98" s="12">
        <v>2</v>
      </c>
      <c r="D98" s="12">
        <v>6</v>
      </c>
      <c r="E98" s="12">
        <v>3</v>
      </c>
      <c r="F98" s="12">
        <v>3</v>
      </c>
      <c r="G98" s="12" t="s">
        <v>132</v>
      </c>
      <c r="H98" s="12" t="s">
        <v>132</v>
      </c>
      <c r="I98" s="12" t="s">
        <v>132</v>
      </c>
      <c r="J98" s="12" t="s">
        <v>132</v>
      </c>
      <c r="K98" s="12" t="s">
        <v>132</v>
      </c>
      <c r="L98" s="12" t="s">
        <v>132</v>
      </c>
      <c r="M98" s="12" t="s">
        <v>132</v>
      </c>
      <c r="N98" s="12" t="s">
        <v>132</v>
      </c>
      <c r="O98" s="12" t="s">
        <v>132</v>
      </c>
      <c r="P98" s="12" t="s">
        <v>132</v>
      </c>
      <c r="Q98" s="12" t="s">
        <v>132</v>
      </c>
      <c r="R98" s="12" t="s">
        <v>132</v>
      </c>
    </row>
    <row r="99" spans="1:18" s="4" customFormat="1" x14ac:dyDescent="0.15">
      <c r="A99" s="3"/>
      <c r="B99" s="3" t="s">
        <v>2278</v>
      </c>
      <c r="C99" s="12">
        <v>5</v>
      </c>
      <c r="D99" s="12">
        <v>10</v>
      </c>
      <c r="E99" s="12">
        <v>4</v>
      </c>
      <c r="F99" s="12">
        <v>6</v>
      </c>
      <c r="G99" s="12" t="s">
        <v>132</v>
      </c>
      <c r="H99" s="12" t="s">
        <v>132</v>
      </c>
      <c r="I99" s="12" t="s">
        <v>132</v>
      </c>
      <c r="J99" s="12" t="s">
        <v>132</v>
      </c>
      <c r="K99" s="12" t="s">
        <v>132</v>
      </c>
      <c r="L99" s="12" t="s">
        <v>132</v>
      </c>
      <c r="M99" s="12" t="s">
        <v>132</v>
      </c>
      <c r="N99" s="12" t="s">
        <v>132</v>
      </c>
      <c r="O99" s="12" t="s">
        <v>132</v>
      </c>
      <c r="P99" s="12" t="s">
        <v>132</v>
      </c>
      <c r="Q99" s="12" t="s">
        <v>132</v>
      </c>
      <c r="R99" s="12" t="s">
        <v>132</v>
      </c>
    </row>
    <row r="100" spans="1:18" s="4" customFormat="1" x14ac:dyDescent="0.15">
      <c r="A100" s="3"/>
      <c r="B100" s="3" t="s">
        <v>2279</v>
      </c>
      <c r="C100" s="12">
        <v>569</v>
      </c>
      <c r="D100" s="12">
        <v>1267</v>
      </c>
      <c r="E100" s="12">
        <v>619</v>
      </c>
      <c r="F100" s="12">
        <v>648</v>
      </c>
      <c r="G100" s="12">
        <v>113</v>
      </c>
      <c r="H100" s="12">
        <v>136</v>
      </c>
      <c r="I100" s="12">
        <v>110</v>
      </c>
      <c r="J100" s="12">
        <v>134</v>
      </c>
      <c r="K100" s="12">
        <v>206</v>
      </c>
      <c r="L100" s="12">
        <v>172</v>
      </c>
      <c r="M100" s="12">
        <v>106</v>
      </c>
      <c r="N100" s="12">
        <v>290</v>
      </c>
      <c r="O100" s="12">
        <v>0</v>
      </c>
      <c r="P100" s="12">
        <v>177</v>
      </c>
      <c r="Q100" s="12">
        <v>745</v>
      </c>
      <c r="R100" s="12">
        <v>345</v>
      </c>
    </row>
    <row r="101" spans="1:18" s="4" customFormat="1" x14ac:dyDescent="0.15">
      <c r="A101" s="3"/>
      <c r="B101" s="3" t="s">
        <v>2280</v>
      </c>
      <c r="C101" s="12">
        <v>45</v>
      </c>
      <c r="D101" s="12">
        <v>85</v>
      </c>
      <c r="E101" s="12">
        <v>48</v>
      </c>
      <c r="F101" s="12">
        <v>37</v>
      </c>
      <c r="G101" s="12">
        <v>13</v>
      </c>
      <c r="H101" s="12">
        <v>1</v>
      </c>
      <c r="I101" s="12">
        <v>19</v>
      </c>
      <c r="J101" s="12">
        <v>31</v>
      </c>
      <c r="K101" s="12">
        <v>10</v>
      </c>
      <c r="L101" s="12">
        <v>5</v>
      </c>
      <c r="M101" s="12">
        <v>4</v>
      </c>
      <c r="N101" s="12">
        <v>2</v>
      </c>
      <c r="O101" s="12">
        <v>0</v>
      </c>
      <c r="P101" s="12">
        <v>13</v>
      </c>
      <c r="Q101" s="12">
        <v>68</v>
      </c>
      <c r="R101" s="12">
        <v>4</v>
      </c>
    </row>
    <row r="102" spans="1:18" s="4" customFormat="1" x14ac:dyDescent="0.15">
      <c r="A102" s="3"/>
      <c r="B102" s="3" t="s">
        <v>2281</v>
      </c>
      <c r="C102" s="12">
        <v>337</v>
      </c>
      <c r="D102" s="12">
        <v>825</v>
      </c>
      <c r="E102" s="12">
        <v>403</v>
      </c>
      <c r="F102" s="12">
        <v>422</v>
      </c>
      <c r="G102" s="12">
        <v>69</v>
      </c>
      <c r="H102" s="12">
        <v>127</v>
      </c>
      <c r="I102" s="12">
        <v>98</v>
      </c>
      <c r="J102" s="12">
        <v>97</v>
      </c>
      <c r="K102" s="12">
        <v>185</v>
      </c>
      <c r="L102" s="12">
        <v>111</v>
      </c>
      <c r="M102" s="12">
        <v>48</v>
      </c>
      <c r="N102" s="12">
        <v>90</v>
      </c>
      <c r="O102" s="12">
        <v>0</v>
      </c>
      <c r="P102" s="12">
        <v>138</v>
      </c>
      <c r="Q102" s="12">
        <v>573</v>
      </c>
      <c r="R102" s="12">
        <v>114</v>
      </c>
    </row>
    <row r="103" spans="1:18" s="4" customFormat="1" x14ac:dyDescent="0.15">
      <c r="A103" s="3"/>
      <c r="B103" s="3" t="s">
        <v>2282</v>
      </c>
      <c r="C103" s="12">
        <v>93</v>
      </c>
      <c r="D103" s="12">
        <v>133</v>
      </c>
      <c r="E103" s="12">
        <v>69</v>
      </c>
      <c r="F103" s="12">
        <v>64</v>
      </c>
      <c r="G103" s="12">
        <v>4</v>
      </c>
      <c r="H103" s="12">
        <v>8</v>
      </c>
      <c r="I103" s="12">
        <v>38</v>
      </c>
      <c r="J103" s="12">
        <v>18</v>
      </c>
      <c r="K103" s="12">
        <v>16</v>
      </c>
      <c r="L103" s="12">
        <v>20</v>
      </c>
      <c r="M103" s="12">
        <v>5</v>
      </c>
      <c r="N103" s="12">
        <v>24</v>
      </c>
      <c r="O103" s="12">
        <v>0</v>
      </c>
      <c r="P103" s="12">
        <v>8</v>
      </c>
      <c r="Q103" s="12">
        <v>98</v>
      </c>
      <c r="R103" s="12">
        <v>27</v>
      </c>
    </row>
    <row r="104" spans="1:18" s="4" customFormat="1" x14ac:dyDescent="0.15">
      <c r="A104" s="3"/>
      <c r="B104" s="3" t="s">
        <v>2283</v>
      </c>
      <c r="C104" s="12">
        <v>186</v>
      </c>
      <c r="D104" s="12">
        <v>426</v>
      </c>
      <c r="E104" s="12">
        <v>214</v>
      </c>
      <c r="F104" s="12">
        <v>212</v>
      </c>
      <c r="G104" s="12">
        <v>45</v>
      </c>
      <c r="H104" s="12">
        <v>44</v>
      </c>
      <c r="I104" s="12">
        <v>24</v>
      </c>
      <c r="J104" s="12">
        <v>46</v>
      </c>
      <c r="K104" s="12">
        <v>77</v>
      </c>
      <c r="L104" s="12">
        <v>48</v>
      </c>
      <c r="M104" s="12">
        <v>51</v>
      </c>
      <c r="N104" s="12">
        <v>91</v>
      </c>
      <c r="O104" s="12">
        <v>0</v>
      </c>
      <c r="P104" s="12">
        <v>72</v>
      </c>
      <c r="Q104" s="12">
        <v>236</v>
      </c>
      <c r="R104" s="12">
        <v>118</v>
      </c>
    </row>
    <row r="105" spans="1:18" s="4" customFormat="1" x14ac:dyDescent="0.15">
      <c r="A105" s="3"/>
      <c r="B105" s="3" t="s">
        <v>2284</v>
      </c>
      <c r="C105" s="12">
        <v>44</v>
      </c>
      <c r="D105" s="12">
        <v>113</v>
      </c>
      <c r="E105" s="12">
        <v>57</v>
      </c>
      <c r="F105" s="12">
        <v>56</v>
      </c>
      <c r="G105" s="12">
        <v>9</v>
      </c>
      <c r="H105" s="12">
        <v>6</v>
      </c>
      <c r="I105" s="12">
        <v>15</v>
      </c>
      <c r="J105" s="12">
        <v>13</v>
      </c>
      <c r="K105" s="12">
        <v>11</v>
      </c>
      <c r="L105" s="12">
        <v>21</v>
      </c>
      <c r="M105" s="12">
        <v>12</v>
      </c>
      <c r="N105" s="12">
        <v>26</v>
      </c>
      <c r="O105" s="12">
        <v>0</v>
      </c>
      <c r="P105" s="12">
        <v>9</v>
      </c>
      <c r="Q105" s="12">
        <v>75</v>
      </c>
      <c r="R105" s="12">
        <v>29</v>
      </c>
    </row>
    <row r="106" spans="1:18" s="4" customFormat="1" x14ac:dyDescent="0.15">
      <c r="A106" s="3"/>
      <c r="B106" s="3" t="s">
        <v>2285</v>
      </c>
      <c r="C106" s="12">
        <v>5</v>
      </c>
      <c r="D106" s="12">
        <v>18</v>
      </c>
      <c r="E106" s="12">
        <v>7</v>
      </c>
      <c r="F106" s="12">
        <v>11</v>
      </c>
      <c r="G106" s="12" t="s">
        <v>132</v>
      </c>
      <c r="H106" s="12" t="s">
        <v>132</v>
      </c>
      <c r="I106" s="12" t="s">
        <v>132</v>
      </c>
      <c r="J106" s="12" t="s">
        <v>132</v>
      </c>
      <c r="K106" s="12" t="s">
        <v>132</v>
      </c>
      <c r="L106" s="12" t="s">
        <v>132</v>
      </c>
      <c r="M106" s="12" t="s">
        <v>132</v>
      </c>
      <c r="N106" s="12" t="s">
        <v>132</v>
      </c>
      <c r="O106" s="12" t="s">
        <v>132</v>
      </c>
      <c r="P106" s="12" t="s">
        <v>132</v>
      </c>
      <c r="Q106" s="12" t="s">
        <v>132</v>
      </c>
      <c r="R106" s="12" t="s">
        <v>132</v>
      </c>
    </row>
    <row r="107" spans="1:18" s="4" customFormat="1" x14ac:dyDescent="0.15">
      <c r="A107" s="3"/>
      <c r="B107" s="3" t="s">
        <v>2286</v>
      </c>
      <c r="C107" s="12">
        <v>753</v>
      </c>
      <c r="D107" s="12">
        <v>1553</v>
      </c>
      <c r="E107" s="12">
        <v>766</v>
      </c>
      <c r="F107" s="12">
        <v>787</v>
      </c>
      <c r="G107" s="12">
        <v>193</v>
      </c>
      <c r="H107" s="12">
        <v>92</v>
      </c>
      <c r="I107" s="12">
        <v>165</v>
      </c>
      <c r="J107" s="12">
        <v>268</v>
      </c>
      <c r="K107" s="12">
        <v>280</v>
      </c>
      <c r="L107" s="12">
        <v>160</v>
      </c>
      <c r="M107" s="12">
        <v>160</v>
      </c>
      <c r="N107" s="12">
        <v>235</v>
      </c>
      <c r="O107" s="12">
        <v>0</v>
      </c>
      <c r="P107" s="12">
        <v>249</v>
      </c>
      <c r="Q107" s="12">
        <v>997</v>
      </c>
      <c r="R107" s="12">
        <v>307</v>
      </c>
    </row>
    <row r="108" spans="1:18" s="4" customFormat="1" x14ac:dyDescent="0.15">
      <c r="A108" s="3"/>
      <c r="B108" s="3" t="s">
        <v>2287</v>
      </c>
      <c r="C108" s="12">
        <v>1</v>
      </c>
      <c r="D108" s="12">
        <v>6</v>
      </c>
      <c r="E108" s="12">
        <v>3</v>
      </c>
      <c r="F108" s="12">
        <v>3</v>
      </c>
      <c r="G108" s="12" t="s">
        <v>132</v>
      </c>
      <c r="H108" s="12" t="s">
        <v>132</v>
      </c>
      <c r="I108" s="12" t="s">
        <v>132</v>
      </c>
      <c r="J108" s="12" t="s">
        <v>132</v>
      </c>
      <c r="K108" s="12" t="s">
        <v>132</v>
      </c>
      <c r="L108" s="12" t="s">
        <v>132</v>
      </c>
      <c r="M108" s="12" t="s">
        <v>132</v>
      </c>
      <c r="N108" s="12" t="s">
        <v>132</v>
      </c>
      <c r="O108" s="12" t="s">
        <v>132</v>
      </c>
      <c r="P108" s="12" t="s">
        <v>132</v>
      </c>
      <c r="Q108" s="12" t="s">
        <v>132</v>
      </c>
      <c r="R108" s="12" t="s">
        <v>132</v>
      </c>
    </row>
    <row r="109" spans="1:18" s="4" customFormat="1" x14ac:dyDescent="0.15">
      <c r="A109" s="3"/>
      <c r="B109" s="3" t="s">
        <v>2288</v>
      </c>
      <c r="C109" s="12">
        <v>54</v>
      </c>
      <c r="D109" s="12">
        <v>154</v>
      </c>
      <c r="E109" s="12">
        <v>83</v>
      </c>
      <c r="F109" s="12">
        <v>71</v>
      </c>
      <c r="G109" s="12">
        <v>25</v>
      </c>
      <c r="H109" s="12">
        <v>32</v>
      </c>
      <c r="I109" s="12">
        <v>3</v>
      </c>
      <c r="J109" s="12">
        <v>12</v>
      </c>
      <c r="K109" s="12">
        <v>54</v>
      </c>
      <c r="L109" s="12">
        <v>10</v>
      </c>
      <c r="M109" s="12">
        <v>6</v>
      </c>
      <c r="N109" s="12">
        <v>12</v>
      </c>
      <c r="O109" s="12">
        <v>0</v>
      </c>
      <c r="P109" s="12">
        <v>51</v>
      </c>
      <c r="Q109" s="12">
        <v>89</v>
      </c>
      <c r="R109" s="12">
        <v>14</v>
      </c>
    </row>
    <row r="110" spans="1:18" s="4" customFormat="1" x14ac:dyDescent="0.15">
      <c r="A110" s="3"/>
      <c r="B110" s="3" t="s">
        <v>2289</v>
      </c>
      <c r="C110" s="12">
        <v>160</v>
      </c>
      <c r="D110" s="12">
        <v>354</v>
      </c>
      <c r="E110" s="12">
        <v>179</v>
      </c>
      <c r="F110" s="12">
        <v>175</v>
      </c>
      <c r="G110" s="12">
        <v>25</v>
      </c>
      <c r="H110" s="12">
        <v>20</v>
      </c>
      <c r="I110" s="12">
        <v>38</v>
      </c>
      <c r="J110" s="12">
        <v>35</v>
      </c>
      <c r="K110" s="12">
        <v>40</v>
      </c>
      <c r="L110" s="12">
        <v>41</v>
      </c>
      <c r="M110" s="12">
        <v>50</v>
      </c>
      <c r="N110" s="12">
        <v>105</v>
      </c>
      <c r="O110" s="12">
        <v>0</v>
      </c>
      <c r="P110" s="12">
        <v>32</v>
      </c>
      <c r="Q110" s="12">
        <v>192</v>
      </c>
      <c r="R110" s="12">
        <v>130</v>
      </c>
    </row>
    <row r="111" spans="1:18" s="4" customFormat="1" x14ac:dyDescent="0.15">
      <c r="A111" s="3"/>
      <c r="B111" s="3" t="s">
        <v>2290</v>
      </c>
      <c r="C111" s="12">
        <v>279</v>
      </c>
      <c r="D111" s="12">
        <v>588</v>
      </c>
      <c r="E111" s="12">
        <v>293</v>
      </c>
      <c r="F111" s="12">
        <v>295</v>
      </c>
      <c r="G111" s="12">
        <v>69</v>
      </c>
      <c r="H111" s="12">
        <v>40</v>
      </c>
      <c r="I111" s="12">
        <v>94</v>
      </c>
      <c r="J111" s="12">
        <v>97</v>
      </c>
      <c r="K111" s="12">
        <v>79</v>
      </c>
      <c r="L111" s="12">
        <v>63</v>
      </c>
      <c r="M111" s="12">
        <v>51</v>
      </c>
      <c r="N111" s="12">
        <v>95</v>
      </c>
      <c r="O111" s="12">
        <v>0</v>
      </c>
      <c r="P111" s="12">
        <v>94</v>
      </c>
      <c r="Q111" s="12">
        <v>372</v>
      </c>
      <c r="R111" s="12">
        <v>122</v>
      </c>
    </row>
    <row r="112" spans="1:18" s="4" customFormat="1" x14ac:dyDescent="0.15">
      <c r="A112" s="3"/>
      <c r="B112" s="3" t="s">
        <v>2291</v>
      </c>
      <c r="C112" s="12">
        <v>111</v>
      </c>
      <c r="D112" s="12">
        <v>197</v>
      </c>
      <c r="E112" s="12">
        <v>106</v>
      </c>
      <c r="F112" s="12">
        <v>91</v>
      </c>
      <c r="G112" s="12">
        <v>11</v>
      </c>
      <c r="H112" s="12">
        <v>9</v>
      </c>
      <c r="I112" s="12">
        <v>17</v>
      </c>
      <c r="J112" s="12">
        <v>24</v>
      </c>
      <c r="K112" s="12">
        <v>25</v>
      </c>
      <c r="L112" s="12">
        <v>22</v>
      </c>
      <c r="M112" s="12">
        <v>33</v>
      </c>
      <c r="N112" s="12">
        <v>56</v>
      </c>
      <c r="O112" s="12">
        <v>0</v>
      </c>
      <c r="P112" s="12">
        <v>14</v>
      </c>
      <c r="Q112" s="12">
        <v>108</v>
      </c>
      <c r="R112" s="12">
        <v>75</v>
      </c>
    </row>
    <row r="113" spans="1:18" s="4" customFormat="1" x14ac:dyDescent="0.15">
      <c r="A113" s="3"/>
      <c r="B113" s="3" t="s">
        <v>2292</v>
      </c>
      <c r="C113" s="12">
        <v>1</v>
      </c>
      <c r="D113" s="12">
        <v>1</v>
      </c>
      <c r="E113" s="12">
        <v>1</v>
      </c>
      <c r="F113" s="12">
        <v>0</v>
      </c>
      <c r="G113" s="12" t="s">
        <v>132</v>
      </c>
      <c r="H113" s="12" t="s">
        <v>132</v>
      </c>
      <c r="I113" s="12" t="s">
        <v>132</v>
      </c>
      <c r="J113" s="12" t="s">
        <v>132</v>
      </c>
      <c r="K113" s="12" t="s">
        <v>132</v>
      </c>
      <c r="L113" s="12" t="s">
        <v>132</v>
      </c>
      <c r="M113" s="12" t="s">
        <v>132</v>
      </c>
      <c r="N113" s="12" t="s">
        <v>132</v>
      </c>
      <c r="O113" s="12" t="s">
        <v>132</v>
      </c>
      <c r="P113" s="12" t="s">
        <v>132</v>
      </c>
      <c r="Q113" s="12" t="s">
        <v>132</v>
      </c>
      <c r="R113" s="12" t="s">
        <v>132</v>
      </c>
    </row>
    <row r="114" spans="1:18" s="4" customFormat="1" x14ac:dyDescent="0.15">
      <c r="A114" s="3"/>
      <c r="B114" s="3" t="s">
        <v>2293</v>
      </c>
      <c r="C114" s="12">
        <v>94</v>
      </c>
      <c r="D114" s="12">
        <v>187</v>
      </c>
      <c r="E114" s="12">
        <v>80</v>
      </c>
      <c r="F114" s="12">
        <v>107</v>
      </c>
      <c r="G114" s="12">
        <v>6</v>
      </c>
      <c r="H114" s="12">
        <v>16</v>
      </c>
      <c r="I114" s="12">
        <v>11</v>
      </c>
      <c r="J114" s="12">
        <v>13</v>
      </c>
      <c r="K114" s="12">
        <v>22</v>
      </c>
      <c r="L114" s="12">
        <v>15</v>
      </c>
      <c r="M114" s="12">
        <v>30</v>
      </c>
      <c r="N114" s="12">
        <v>74</v>
      </c>
      <c r="O114" s="12">
        <v>0</v>
      </c>
      <c r="P114" s="12">
        <v>11</v>
      </c>
      <c r="Q114" s="12">
        <v>83</v>
      </c>
      <c r="R114" s="12">
        <v>93</v>
      </c>
    </row>
    <row r="115" spans="1:18" s="4" customFormat="1" x14ac:dyDescent="0.15">
      <c r="A115" s="3"/>
      <c r="B115" s="3" t="s">
        <v>2294</v>
      </c>
      <c r="C115" s="12">
        <v>77</v>
      </c>
      <c r="D115" s="12">
        <v>194</v>
      </c>
      <c r="E115" s="12">
        <v>91</v>
      </c>
      <c r="F115" s="12">
        <v>103</v>
      </c>
      <c r="G115" s="12">
        <v>23</v>
      </c>
      <c r="H115" s="12">
        <v>27</v>
      </c>
      <c r="I115" s="12">
        <v>18</v>
      </c>
      <c r="J115" s="12">
        <v>30</v>
      </c>
      <c r="K115" s="12">
        <v>36</v>
      </c>
      <c r="L115" s="12">
        <v>24</v>
      </c>
      <c r="M115" s="12">
        <v>16</v>
      </c>
      <c r="N115" s="12">
        <v>20</v>
      </c>
      <c r="O115" s="12">
        <v>0</v>
      </c>
      <c r="P115" s="12">
        <v>41</v>
      </c>
      <c r="Q115" s="12">
        <v>125</v>
      </c>
      <c r="R115" s="12">
        <v>28</v>
      </c>
    </row>
    <row r="116" spans="1:18" s="4" customFormat="1" x14ac:dyDescent="0.15">
      <c r="A116" s="3"/>
      <c r="B116" s="3" t="s">
        <v>2295</v>
      </c>
      <c r="C116" s="12">
        <v>437</v>
      </c>
      <c r="D116" s="12">
        <v>883</v>
      </c>
      <c r="E116" s="12">
        <v>404</v>
      </c>
      <c r="F116" s="12">
        <v>479</v>
      </c>
      <c r="G116" s="12">
        <v>64</v>
      </c>
      <c r="H116" s="12">
        <v>46</v>
      </c>
      <c r="I116" s="12">
        <v>61</v>
      </c>
      <c r="J116" s="12">
        <v>84</v>
      </c>
      <c r="K116" s="12">
        <v>125</v>
      </c>
      <c r="L116" s="12">
        <v>105</v>
      </c>
      <c r="M116" s="12">
        <v>139</v>
      </c>
      <c r="N116" s="12">
        <v>259</v>
      </c>
      <c r="O116" s="12">
        <v>0</v>
      </c>
      <c r="P116" s="12">
        <v>87</v>
      </c>
      <c r="Q116" s="12">
        <v>458</v>
      </c>
      <c r="R116" s="12">
        <v>338</v>
      </c>
    </row>
    <row r="117" spans="1:18" s="4" customFormat="1" x14ac:dyDescent="0.15">
      <c r="A117" s="3"/>
      <c r="B117" s="3" t="s">
        <v>2296</v>
      </c>
      <c r="C117" s="12">
        <v>111</v>
      </c>
      <c r="D117" s="12">
        <v>226</v>
      </c>
      <c r="E117" s="12">
        <v>113</v>
      </c>
      <c r="F117" s="12">
        <v>113</v>
      </c>
      <c r="G117" s="12">
        <v>24</v>
      </c>
      <c r="H117" s="12">
        <v>12</v>
      </c>
      <c r="I117" s="12">
        <v>36</v>
      </c>
      <c r="J117" s="12">
        <v>32</v>
      </c>
      <c r="K117" s="12">
        <v>33</v>
      </c>
      <c r="L117" s="12">
        <v>16</v>
      </c>
      <c r="M117" s="12">
        <v>20</v>
      </c>
      <c r="N117" s="12">
        <v>53</v>
      </c>
      <c r="O117" s="12">
        <v>0</v>
      </c>
      <c r="P117" s="12">
        <v>31</v>
      </c>
      <c r="Q117" s="12">
        <v>133</v>
      </c>
      <c r="R117" s="12">
        <v>62</v>
      </c>
    </row>
    <row r="118" spans="1:18" s="4" customFormat="1" x14ac:dyDescent="0.15">
      <c r="A118" s="3"/>
      <c r="B118" s="3" t="s">
        <v>2297</v>
      </c>
      <c r="C118" s="12">
        <v>198</v>
      </c>
      <c r="D118" s="12">
        <v>415</v>
      </c>
      <c r="E118" s="12">
        <v>205</v>
      </c>
      <c r="F118" s="12">
        <v>210</v>
      </c>
      <c r="G118" s="12">
        <v>14</v>
      </c>
      <c r="H118" s="12">
        <v>47</v>
      </c>
      <c r="I118" s="12">
        <v>42</v>
      </c>
      <c r="J118" s="12">
        <v>47</v>
      </c>
      <c r="K118" s="12">
        <v>59</v>
      </c>
      <c r="L118" s="12">
        <v>55</v>
      </c>
      <c r="M118" s="12">
        <v>51</v>
      </c>
      <c r="N118" s="12">
        <v>100</v>
      </c>
      <c r="O118" s="12">
        <v>0</v>
      </c>
      <c r="P118" s="12">
        <v>36</v>
      </c>
      <c r="Q118" s="12">
        <v>259</v>
      </c>
      <c r="R118" s="12">
        <v>120</v>
      </c>
    </row>
    <row r="119" spans="1:18" s="4" customFormat="1" x14ac:dyDescent="0.15">
      <c r="A119" s="3"/>
      <c r="B119" s="3" t="s">
        <v>2298</v>
      </c>
      <c r="C119" s="12">
        <v>50</v>
      </c>
      <c r="D119" s="12">
        <v>124</v>
      </c>
      <c r="E119" s="12">
        <v>61</v>
      </c>
      <c r="F119" s="12">
        <v>63</v>
      </c>
      <c r="G119" s="12">
        <v>23</v>
      </c>
      <c r="H119" s="12">
        <v>7</v>
      </c>
      <c r="I119" s="12">
        <v>9</v>
      </c>
      <c r="J119" s="12">
        <v>16</v>
      </c>
      <c r="K119" s="12">
        <v>25</v>
      </c>
      <c r="L119" s="12">
        <v>17</v>
      </c>
      <c r="M119" s="12">
        <v>7</v>
      </c>
      <c r="N119" s="12">
        <v>20</v>
      </c>
      <c r="O119" s="12">
        <v>0</v>
      </c>
      <c r="P119" s="12">
        <v>24</v>
      </c>
      <c r="Q119" s="12">
        <v>78</v>
      </c>
      <c r="R119" s="12">
        <v>22</v>
      </c>
    </row>
    <row r="120" spans="1:18" s="4" customFormat="1" x14ac:dyDescent="0.15">
      <c r="A120" s="3"/>
      <c r="B120" s="3" t="s">
        <v>2299</v>
      </c>
      <c r="C120" s="12">
        <v>192</v>
      </c>
      <c r="D120" s="12">
        <v>300</v>
      </c>
      <c r="E120" s="12">
        <v>164</v>
      </c>
      <c r="F120" s="12">
        <v>136</v>
      </c>
      <c r="G120" s="12">
        <v>10</v>
      </c>
      <c r="H120" s="12">
        <v>16</v>
      </c>
      <c r="I120" s="12">
        <v>35</v>
      </c>
      <c r="J120" s="12">
        <v>62</v>
      </c>
      <c r="K120" s="12">
        <v>25</v>
      </c>
      <c r="L120" s="12">
        <v>43</v>
      </c>
      <c r="M120" s="12">
        <v>32</v>
      </c>
      <c r="N120" s="12">
        <v>77</v>
      </c>
      <c r="O120" s="12">
        <v>0</v>
      </c>
      <c r="P120" s="12">
        <v>17</v>
      </c>
      <c r="Q120" s="12">
        <v>189</v>
      </c>
      <c r="R120" s="12">
        <v>94</v>
      </c>
    </row>
    <row r="121" spans="1:18" s="4" customFormat="1" x14ac:dyDescent="0.15">
      <c r="A121" s="3"/>
      <c r="B121" s="3" t="s">
        <v>2300</v>
      </c>
      <c r="C121" s="12">
        <v>1</v>
      </c>
      <c r="D121" s="12">
        <v>1</v>
      </c>
      <c r="E121" s="12">
        <v>0</v>
      </c>
      <c r="F121" s="12">
        <v>1</v>
      </c>
      <c r="G121" s="12" t="s">
        <v>132</v>
      </c>
      <c r="H121" s="12" t="s">
        <v>132</v>
      </c>
      <c r="I121" s="12" t="s">
        <v>132</v>
      </c>
      <c r="J121" s="12" t="s">
        <v>132</v>
      </c>
      <c r="K121" s="12" t="s">
        <v>132</v>
      </c>
      <c r="L121" s="12" t="s">
        <v>132</v>
      </c>
      <c r="M121" s="12" t="s">
        <v>132</v>
      </c>
      <c r="N121" s="12" t="s">
        <v>132</v>
      </c>
      <c r="O121" s="12" t="s">
        <v>132</v>
      </c>
      <c r="P121" s="12" t="s">
        <v>132</v>
      </c>
      <c r="Q121" s="12" t="s">
        <v>132</v>
      </c>
      <c r="R121" s="12" t="s">
        <v>132</v>
      </c>
    </row>
    <row r="122" spans="1:18" s="4" customFormat="1" x14ac:dyDescent="0.15">
      <c r="A122" s="3"/>
      <c r="B122" s="3" t="s">
        <v>2301</v>
      </c>
      <c r="C122" s="12">
        <v>68</v>
      </c>
      <c r="D122" s="12">
        <v>110</v>
      </c>
      <c r="E122" s="12">
        <v>54</v>
      </c>
      <c r="F122" s="12">
        <v>56</v>
      </c>
      <c r="G122" s="12">
        <v>8</v>
      </c>
      <c r="H122" s="12">
        <v>4</v>
      </c>
      <c r="I122" s="12">
        <v>26</v>
      </c>
      <c r="J122" s="12">
        <v>15</v>
      </c>
      <c r="K122" s="12">
        <v>7</v>
      </c>
      <c r="L122" s="12">
        <v>19</v>
      </c>
      <c r="M122" s="12">
        <v>7</v>
      </c>
      <c r="N122" s="12">
        <v>24</v>
      </c>
      <c r="O122" s="12">
        <v>0</v>
      </c>
      <c r="P122" s="12">
        <v>11</v>
      </c>
      <c r="Q122" s="12">
        <v>69</v>
      </c>
      <c r="R122" s="12">
        <v>30</v>
      </c>
    </row>
    <row r="123" spans="1:18" s="4" customFormat="1" x14ac:dyDescent="0.15">
      <c r="A123" s="3"/>
      <c r="B123" s="3" t="s">
        <v>2302</v>
      </c>
      <c r="C123" s="12">
        <v>369</v>
      </c>
      <c r="D123" s="12">
        <v>872</v>
      </c>
      <c r="E123" s="12">
        <v>425</v>
      </c>
      <c r="F123" s="12">
        <v>447</v>
      </c>
      <c r="G123" s="12">
        <v>89</v>
      </c>
      <c r="H123" s="12">
        <v>93</v>
      </c>
      <c r="I123" s="12">
        <v>62</v>
      </c>
      <c r="J123" s="12">
        <v>84</v>
      </c>
      <c r="K123" s="12">
        <v>152</v>
      </c>
      <c r="L123" s="12">
        <v>123</v>
      </c>
      <c r="M123" s="12">
        <v>83</v>
      </c>
      <c r="N123" s="12">
        <v>186</v>
      </c>
      <c r="O123" s="12">
        <v>0</v>
      </c>
      <c r="P123" s="12">
        <v>137</v>
      </c>
      <c r="Q123" s="12">
        <v>512</v>
      </c>
      <c r="R123" s="12">
        <v>223</v>
      </c>
    </row>
    <row r="124" spans="1:18" s="4" customFormat="1" x14ac:dyDescent="0.15">
      <c r="A124" s="3"/>
      <c r="B124" s="3" t="s">
        <v>2303</v>
      </c>
      <c r="C124" s="12">
        <v>27</v>
      </c>
      <c r="D124" s="12">
        <v>65</v>
      </c>
      <c r="E124" s="12">
        <v>35</v>
      </c>
      <c r="F124" s="12">
        <v>30</v>
      </c>
      <c r="G124" s="12">
        <v>8</v>
      </c>
      <c r="H124" s="12">
        <v>3</v>
      </c>
      <c r="I124" s="12">
        <v>3</v>
      </c>
      <c r="J124" s="12">
        <v>10</v>
      </c>
      <c r="K124" s="12">
        <v>4</v>
      </c>
      <c r="L124" s="12">
        <v>7</v>
      </c>
      <c r="M124" s="12">
        <v>13</v>
      </c>
      <c r="N124" s="12">
        <v>17</v>
      </c>
      <c r="O124" s="12">
        <v>0</v>
      </c>
      <c r="P124" s="12">
        <v>9</v>
      </c>
      <c r="Q124" s="12">
        <v>32</v>
      </c>
      <c r="R124" s="12">
        <v>24</v>
      </c>
    </row>
    <row r="125" spans="1:18" s="4" customFormat="1" x14ac:dyDescent="0.15">
      <c r="A125" s="3"/>
      <c r="B125" s="3" t="s">
        <v>2304</v>
      </c>
      <c r="C125" s="12">
        <v>137</v>
      </c>
      <c r="D125" s="12">
        <v>312</v>
      </c>
      <c r="E125" s="12">
        <v>156</v>
      </c>
      <c r="F125" s="12">
        <v>156</v>
      </c>
      <c r="G125" s="12">
        <v>19</v>
      </c>
      <c r="H125" s="12">
        <v>23</v>
      </c>
      <c r="I125" s="12">
        <v>40</v>
      </c>
      <c r="J125" s="12">
        <v>29</v>
      </c>
      <c r="K125" s="12">
        <v>45</v>
      </c>
      <c r="L125" s="12">
        <v>71</v>
      </c>
      <c r="M125" s="12">
        <v>52</v>
      </c>
      <c r="N125" s="12">
        <v>33</v>
      </c>
      <c r="O125" s="12">
        <v>0</v>
      </c>
      <c r="P125" s="12">
        <v>31</v>
      </c>
      <c r="Q125" s="12">
        <v>223</v>
      </c>
      <c r="R125" s="12">
        <v>58</v>
      </c>
    </row>
    <row r="126" spans="1:18" s="4" customFormat="1" x14ac:dyDescent="0.15">
      <c r="A126" s="3"/>
      <c r="B126" s="3" t="s">
        <v>2305</v>
      </c>
      <c r="C126" s="12">
        <v>103</v>
      </c>
      <c r="D126" s="12">
        <v>235</v>
      </c>
      <c r="E126" s="12">
        <v>125</v>
      </c>
      <c r="F126" s="12">
        <v>110</v>
      </c>
      <c r="G126" s="12">
        <v>30</v>
      </c>
      <c r="H126" s="12">
        <v>19</v>
      </c>
      <c r="I126" s="12">
        <v>25</v>
      </c>
      <c r="J126" s="12">
        <v>32</v>
      </c>
      <c r="K126" s="12">
        <v>39</v>
      </c>
      <c r="L126" s="12">
        <v>29</v>
      </c>
      <c r="M126" s="12">
        <v>15</v>
      </c>
      <c r="N126" s="12">
        <v>46</v>
      </c>
      <c r="O126" s="12">
        <v>0</v>
      </c>
      <c r="P126" s="12">
        <v>41</v>
      </c>
      <c r="Q126" s="12">
        <v>138</v>
      </c>
      <c r="R126" s="12">
        <v>56</v>
      </c>
    </row>
    <row r="127" spans="1:18" s="4" customFormat="1" x14ac:dyDescent="0.15">
      <c r="A127" s="3"/>
      <c r="B127" s="3" t="s">
        <v>2306</v>
      </c>
      <c r="C127" s="12">
        <v>407</v>
      </c>
      <c r="D127" s="12">
        <v>854</v>
      </c>
      <c r="E127" s="12">
        <v>430</v>
      </c>
      <c r="F127" s="12">
        <v>424</v>
      </c>
      <c r="G127" s="12">
        <v>68</v>
      </c>
      <c r="H127" s="12">
        <v>65</v>
      </c>
      <c r="I127" s="12">
        <v>112</v>
      </c>
      <c r="J127" s="12">
        <v>117</v>
      </c>
      <c r="K127" s="12">
        <v>115</v>
      </c>
      <c r="L127" s="12">
        <v>113</v>
      </c>
      <c r="M127" s="12">
        <v>90</v>
      </c>
      <c r="N127" s="12">
        <v>174</v>
      </c>
      <c r="O127" s="12">
        <v>0</v>
      </c>
      <c r="P127" s="12">
        <v>98</v>
      </c>
      <c r="Q127" s="12">
        <v>537</v>
      </c>
      <c r="R127" s="12">
        <v>219</v>
      </c>
    </row>
    <row r="128" spans="1:18" s="4" customFormat="1" x14ac:dyDescent="0.15">
      <c r="A128" s="3"/>
      <c r="B128" s="3" t="s">
        <v>2307</v>
      </c>
      <c r="C128" s="12">
        <v>18</v>
      </c>
      <c r="D128" s="12">
        <v>28</v>
      </c>
      <c r="E128" s="12">
        <v>10</v>
      </c>
      <c r="F128" s="12">
        <v>18</v>
      </c>
      <c r="G128" s="12">
        <v>0</v>
      </c>
      <c r="H128" s="12">
        <v>2</v>
      </c>
      <c r="I128" s="12">
        <v>9</v>
      </c>
      <c r="J128" s="12">
        <v>5</v>
      </c>
      <c r="K128" s="12">
        <v>2</v>
      </c>
      <c r="L128" s="12">
        <v>4</v>
      </c>
      <c r="M128" s="12">
        <v>3</v>
      </c>
      <c r="N128" s="12">
        <v>3</v>
      </c>
      <c r="O128" s="12">
        <v>0</v>
      </c>
      <c r="P128" s="12">
        <v>0</v>
      </c>
      <c r="Q128" s="12">
        <v>24</v>
      </c>
      <c r="R128" s="12">
        <v>4</v>
      </c>
    </row>
    <row r="129" spans="1:18" s="4" customFormat="1" x14ac:dyDescent="0.15">
      <c r="A129" s="3"/>
      <c r="B129" s="3" t="s">
        <v>2308</v>
      </c>
      <c r="C129" s="12">
        <v>17</v>
      </c>
      <c r="D129" s="12">
        <v>35</v>
      </c>
      <c r="E129" s="12">
        <v>21</v>
      </c>
      <c r="F129" s="12">
        <v>14</v>
      </c>
      <c r="G129" s="12">
        <v>2</v>
      </c>
      <c r="H129" s="12">
        <v>2</v>
      </c>
      <c r="I129" s="12">
        <v>9</v>
      </c>
      <c r="J129" s="12">
        <v>6</v>
      </c>
      <c r="K129" s="12">
        <v>5</v>
      </c>
      <c r="L129" s="12">
        <v>2</v>
      </c>
      <c r="M129" s="12">
        <v>6</v>
      </c>
      <c r="N129" s="12">
        <v>3</v>
      </c>
      <c r="O129" s="12">
        <v>0</v>
      </c>
      <c r="P129" s="12">
        <v>3</v>
      </c>
      <c r="Q129" s="12">
        <v>26</v>
      </c>
      <c r="R129" s="12">
        <v>6</v>
      </c>
    </row>
    <row r="130" spans="1:18" s="4" customFormat="1" x14ac:dyDescent="0.15">
      <c r="A130" s="3"/>
      <c r="B130" s="3" t="s">
        <v>2309</v>
      </c>
      <c r="C130" s="12">
        <v>10</v>
      </c>
      <c r="D130" s="12">
        <v>20</v>
      </c>
      <c r="E130" s="12">
        <v>8</v>
      </c>
      <c r="F130" s="12">
        <v>12</v>
      </c>
      <c r="G130" s="12">
        <v>1</v>
      </c>
      <c r="H130" s="12">
        <v>3</v>
      </c>
      <c r="I130" s="12">
        <v>2</v>
      </c>
      <c r="J130" s="12">
        <v>1</v>
      </c>
      <c r="K130" s="12">
        <v>2</v>
      </c>
      <c r="L130" s="12">
        <v>3</v>
      </c>
      <c r="M130" s="12">
        <v>2</v>
      </c>
      <c r="N130" s="12">
        <v>6</v>
      </c>
      <c r="O130" s="12">
        <v>0</v>
      </c>
      <c r="P130" s="12">
        <v>3</v>
      </c>
      <c r="Q130" s="12">
        <v>11</v>
      </c>
      <c r="R130" s="12">
        <v>6</v>
      </c>
    </row>
    <row r="131" spans="1:18" s="4" customFormat="1" x14ac:dyDescent="0.15">
      <c r="A131" s="3"/>
      <c r="B131" s="3" t="s">
        <v>2310</v>
      </c>
      <c r="C131" s="12">
        <v>6</v>
      </c>
      <c r="D131" s="12">
        <v>18</v>
      </c>
      <c r="E131" s="12">
        <v>9</v>
      </c>
      <c r="F131" s="12">
        <v>9</v>
      </c>
      <c r="G131" s="12" t="s">
        <v>132</v>
      </c>
      <c r="H131" s="12" t="s">
        <v>132</v>
      </c>
      <c r="I131" s="12" t="s">
        <v>132</v>
      </c>
      <c r="J131" s="12" t="s">
        <v>132</v>
      </c>
      <c r="K131" s="12" t="s">
        <v>132</v>
      </c>
      <c r="L131" s="12" t="s">
        <v>132</v>
      </c>
      <c r="M131" s="12" t="s">
        <v>132</v>
      </c>
      <c r="N131" s="12" t="s">
        <v>132</v>
      </c>
      <c r="O131" s="12" t="s">
        <v>132</v>
      </c>
      <c r="P131" s="12" t="s">
        <v>132</v>
      </c>
      <c r="Q131" s="12" t="s">
        <v>132</v>
      </c>
      <c r="R131" s="12" t="s">
        <v>132</v>
      </c>
    </row>
    <row r="132" spans="1:18" s="4" customFormat="1" x14ac:dyDescent="0.15">
      <c r="A132" s="3"/>
      <c r="B132" s="3" t="s">
        <v>2311</v>
      </c>
      <c r="C132" s="12">
        <v>91</v>
      </c>
      <c r="D132" s="12">
        <v>194</v>
      </c>
      <c r="E132" s="12">
        <v>88</v>
      </c>
      <c r="F132" s="12">
        <v>106</v>
      </c>
      <c r="G132" s="12">
        <v>15</v>
      </c>
      <c r="H132" s="12">
        <v>13</v>
      </c>
      <c r="I132" s="12">
        <v>7</v>
      </c>
      <c r="J132" s="12">
        <v>23</v>
      </c>
      <c r="K132" s="12">
        <v>23</v>
      </c>
      <c r="L132" s="12">
        <v>26</v>
      </c>
      <c r="M132" s="12">
        <v>20</v>
      </c>
      <c r="N132" s="12">
        <v>67</v>
      </c>
      <c r="O132" s="12">
        <v>0</v>
      </c>
      <c r="P132" s="12">
        <v>24</v>
      </c>
      <c r="Q132" s="12">
        <v>92</v>
      </c>
      <c r="R132" s="12">
        <v>78</v>
      </c>
    </row>
    <row r="133" spans="1:18" s="4" customFormat="1" x14ac:dyDescent="0.15">
      <c r="A133" s="3"/>
      <c r="B133" s="3" t="s">
        <v>2312</v>
      </c>
      <c r="C133" s="12">
        <v>55</v>
      </c>
      <c r="D133" s="12">
        <v>104</v>
      </c>
      <c r="E133" s="12">
        <v>66</v>
      </c>
      <c r="F133" s="12">
        <v>38</v>
      </c>
      <c r="G133" s="12">
        <v>6</v>
      </c>
      <c r="H133" s="12">
        <v>8</v>
      </c>
      <c r="I133" s="12">
        <v>25</v>
      </c>
      <c r="J133" s="12">
        <v>18</v>
      </c>
      <c r="K133" s="12">
        <v>7</v>
      </c>
      <c r="L133" s="12">
        <v>17</v>
      </c>
      <c r="M133" s="12">
        <v>11</v>
      </c>
      <c r="N133" s="12">
        <v>12</v>
      </c>
      <c r="O133" s="12">
        <v>0</v>
      </c>
      <c r="P133" s="12">
        <v>8</v>
      </c>
      <c r="Q133" s="12">
        <v>79</v>
      </c>
      <c r="R133" s="12">
        <v>17</v>
      </c>
    </row>
    <row r="134" spans="1:18" s="4" customFormat="1" x14ac:dyDescent="0.15">
      <c r="A134" s="3"/>
      <c r="B134" s="3" t="s">
        <v>2313</v>
      </c>
      <c r="C134" s="12">
        <v>17</v>
      </c>
      <c r="D134" s="12">
        <v>31</v>
      </c>
      <c r="E134" s="12">
        <v>23</v>
      </c>
      <c r="F134" s="12">
        <v>8</v>
      </c>
      <c r="G134" s="12">
        <v>3</v>
      </c>
      <c r="H134" s="12">
        <v>1</v>
      </c>
      <c r="I134" s="12">
        <v>6</v>
      </c>
      <c r="J134" s="12">
        <v>5</v>
      </c>
      <c r="K134" s="12">
        <v>4</v>
      </c>
      <c r="L134" s="12">
        <v>3</v>
      </c>
      <c r="M134" s="12">
        <v>2</v>
      </c>
      <c r="N134" s="12">
        <v>7</v>
      </c>
      <c r="O134" s="12">
        <v>0</v>
      </c>
      <c r="P134" s="12">
        <v>3</v>
      </c>
      <c r="Q134" s="12">
        <v>20</v>
      </c>
      <c r="R134" s="12">
        <v>8</v>
      </c>
    </row>
    <row r="135" spans="1:18" s="4" customFormat="1" x14ac:dyDescent="0.15">
      <c r="A135" s="3"/>
      <c r="B135" s="3" t="s">
        <v>2314</v>
      </c>
      <c r="C135" s="12">
        <v>160</v>
      </c>
      <c r="D135" s="12">
        <v>318</v>
      </c>
      <c r="E135" s="12">
        <v>169</v>
      </c>
      <c r="F135" s="12">
        <v>149</v>
      </c>
      <c r="G135" s="12">
        <v>25</v>
      </c>
      <c r="H135" s="12">
        <v>13</v>
      </c>
      <c r="I135" s="12">
        <v>56</v>
      </c>
      <c r="J135" s="12">
        <v>39</v>
      </c>
      <c r="K135" s="12">
        <v>22</v>
      </c>
      <c r="L135" s="12">
        <v>41</v>
      </c>
      <c r="M135" s="12">
        <v>57</v>
      </c>
      <c r="N135" s="12">
        <v>65</v>
      </c>
      <c r="O135" s="12">
        <v>0</v>
      </c>
      <c r="P135" s="12">
        <v>31</v>
      </c>
      <c r="Q135" s="12">
        <v>202</v>
      </c>
      <c r="R135" s="12">
        <v>85</v>
      </c>
    </row>
    <row r="136" spans="1:18" s="4" customFormat="1" x14ac:dyDescent="0.15">
      <c r="A136" s="3"/>
      <c r="B136" s="3" t="s">
        <v>2315</v>
      </c>
      <c r="C136" s="12">
        <v>400</v>
      </c>
      <c r="D136" s="12">
        <v>813</v>
      </c>
      <c r="E136" s="12">
        <v>403</v>
      </c>
      <c r="F136" s="12">
        <v>410</v>
      </c>
      <c r="G136" s="12">
        <v>83</v>
      </c>
      <c r="H136" s="12">
        <v>46</v>
      </c>
      <c r="I136" s="12">
        <v>147</v>
      </c>
      <c r="J136" s="12">
        <v>141</v>
      </c>
      <c r="K136" s="12">
        <v>92</v>
      </c>
      <c r="L136" s="12">
        <v>92</v>
      </c>
      <c r="M136" s="12">
        <v>97</v>
      </c>
      <c r="N136" s="12">
        <v>115</v>
      </c>
      <c r="O136" s="12">
        <v>0</v>
      </c>
      <c r="P136" s="12">
        <v>108</v>
      </c>
      <c r="Q136" s="12">
        <v>546</v>
      </c>
      <c r="R136" s="12">
        <v>159</v>
      </c>
    </row>
    <row r="137" spans="1:18" s="4" customFormat="1" x14ac:dyDescent="0.15">
      <c r="A137" s="3"/>
      <c r="B137" s="3" t="s">
        <v>2316</v>
      </c>
      <c r="C137" s="12">
        <v>74</v>
      </c>
      <c r="D137" s="12">
        <v>185</v>
      </c>
      <c r="E137" s="12">
        <v>86</v>
      </c>
      <c r="F137" s="12">
        <v>99</v>
      </c>
      <c r="G137" s="12">
        <v>18</v>
      </c>
      <c r="H137" s="12">
        <v>32</v>
      </c>
      <c r="I137" s="12">
        <v>15</v>
      </c>
      <c r="J137" s="12">
        <v>17</v>
      </c>
      <c r="K137" s="12">
        <v>41</v>
      </c>
      <c r="L137" s="12">
        <v>25</v>
      </c>
      <c r="M137" s="12">
        <v>14</v>
      </c>
      <c r="N137" s="12">
        <v>23</v>
      </c>
      <c r="O137" s="12">
        <v>0</v>
      </c>
      <c r="P137" s="12">
        <v>38</v>
      </c>
      <c r="Q137" s="12">
        <v>116</v>
      </c>
      <c r="R137" s="12">
        <v>31</v>
      </c>
    </row>
    <row r="138" spans="1:18" s="4" customFormat="1" x14ac:dyDescent="0.15">
      <c r="A138" s="3"/>
      <c r="B138" s="3" t="s">
        <v>2317</v>
      </c>
      <c r="C138" s="12">
        <v>148</v>
      </c>
      <c r="D138" s="12">
        <v>272</v>
      </c>
      <c r="E138" s="12">
        <v>153</v>
      </c>
      <c r="F138" s="12">
        <v>119</v>
      </c>
      <c r="G138" s="12">
        <v>28</v>
      </c>
      <c r="H138" s="12">
        <v>15</v>
      </c>
      <c r="I138" s="12">
        <v>29</v>
      </c>
      <c r="J138" s="12">
        <v>41</v>
      </c>
      <c r="K138" s="12">
        <v>38</v>
      </c>
      <c r="L138" s="12">
        <v>33</v>
      </c>
      <c r="M138" s="12">
        <v>28</v>
      </c>
      <c r="N138" s="12">
        <v>60</v>
      </c>
      <c r="O138" s="12">
        <v>0</v>
      </c>
      <c r="P138" s="12">
        <v>35</v>
      </c>
      <c r="Q138" s="12">
        <v>159</v>
      </c>
      <c r="R138" s="12">
        <v>78</v>
      </c>
    </row>
    <row r="139" spans="1:18" s="4" customFormat="1" x14ac:dyDescent="0.15">
      <c r="A139" s="3"/>
      <c r="B139" s="3" t="s">
        <v>2318</v>
      </c>
      <c r="C139" s="12">
        <v>118</v>
      </c>
      <c r="D139" s="12">
        <v>238</v>
      </c>
      <c r="E139" s="12">
        <v>107</v>
      </c>
      <c r="F139" s="12">
        <v>131</v>
      </c>
      <c r="G139" s="12">
        <v>12</v>
      </c>
      <c r="H139" s="12">
        <v>14</v>
      </c>
      <c r="I139" s="12">
        <v>38</v>
      </c>
      <c r="J139" s="12">
        <v>17</v>
      </c>
      <c r="K139" s="12">
        <v>35</v>
      </c>
      <c r="L139" s="12">
        <v>32</v>
      </c>
      <c r="M139" s="12">
        <v>26</v>
      </c>
      <c r="N139" s="12">
        <v>64</v>
      </c>
      <c r="O139" s="12">
        <v>0</v>
      </c>
      <c r="P139" s="12">
        <v>20</v>
      </c>
      <c r="Q139" s="12">
        <v>137</v>
      </c>
      <c r="R139" s="12">
        <v>81</v>
      </c>
    </row>
    <row r="140" spans="1:18" s="4" customFormat="1" x14ac:dyDescent="0.15">
      <c r="A140" s="3"/>
      <c r="B140" s="3" t="s">
        <v>2319</v>
      </c>
      <c r="C140" s="12">
        <v>99</v>
      </c>
      <c r="D140" s="12">
        <v>221</v>
      </c>
      <c r="E140" s="12">
        <v>114</v>
      </c>
      <c r="F140" s="12">
        <v>107</v>
      </c>
      <c r="G140" s="12">
        <v>26</v>
      </c>
      <c r="H140" s="12">
        <v>17</v>
      </c>
      <c r="I140" s="12">
        <v>18</v>
      </c>
      <c r="J140" s="12">
        <v>25</v>
      </c>
      <c r="K140" s="12">
        <v>41</v>
      </c>
      <c r="L140" s="12">
        <v>22</v>
      </c>
      <c r="M140" s="12">
        <v>26</v>
      </c>
      <c r="N140" s="12">
        <v>46</v>
      </c>
      <c r="O140" s="12">
        <v>0</v>
      </c>
      <c r="P140" s="12">
        <v>38</v>
      </c>
      <c r="Q140" s="12">
        <v>125</v>
      </c>
      <c r="R140" s="12">
        <v>58</v>
      </c>
    </row>
    <row r="141" spans="1:18" s="4" customFormat="1" x14ac:dyDescent="0.15">
      <c r="A141" s="3"/>
      <c r="B141" s="3" t="s">
        <v>2320</v>
      </c>
      <c r="C141" s="12">
        <v>247</v>
      </c>
      <c r="D141" s="12">
        <v>588</v>
      </c>
      <c r="E141" s="12">
        <v>301</v>
      </c>
      <c r="F141" s="12">
        <v>287</v>
      </c>
      <c r="G141" s="12">
        <v>47</v>
      </c>
      <c r="H141" s="12">
        <v>54</v>
      </c>
      <c r="I141" s="12">
        <v>57</v>
      </c>
      <c r="J141" s="12">
        <v>71</v>
      </c>
      <c r="K141" s="12">
        <v>73</v>
      </c>
      <c r="L141" s="12">
        <v>94</v>
      </c>
      <c r="M141" s="12">
        <v>51</v>
      </c>
      <c r="N141" s="12">
        <v>141</v>
      </c>
      <c r="O141" s="12">
        <v>0</v>
      </c>
      <c r="P141" s="12">
        <v>72</v>
      </c>
      <c r="Q141" s="12">
        <v>352</v>
      </c>
      <c r="R141" s="12">
        <v>164</v>
      </c>
    </row>
    <row r="142" spans="1:18" s="4" customFormat="1" x14ac:dyDescent="0.15">
      <c r="A142" s="3"/>
      <c r="B142" s="3" t="s">
        <v>2321</v>
      </c>
      <c r="C142" s="12">
        <v>93</v>
      </c>
      <c r="D142" s="12">
        <v>264</v>
      </c>
      <c r="E142" s="12">
        <v>135</v>
      </c>
      <c r="F142" s="12">
        <v>129</v>
      </c>
      <c r="G142" s="12">
        <v>38</v>
      </c>
      <c r="H142" s="12">
        <v>20</v>
      </c>
      <c r="I142" s="12">
        <v>23</v>
      </c>
      <c r="J142" s="12">
        <v>40</v>
      </c>
      <c r="K142" s="12">
        <v>34</v>
      </c>
      <c r="L142" s="12">
        <v>41</v>
      </c>
      <c r="M142" s="12">
        <v>24</v>
      </c>
      <c r="N142" s="12">
        <v>44</v>
      </c>
      <c r="O142" s="12">
        <v>0</v>
      </c>
      <c r="P142" s="12">
        <v>52</v>
      </c>
      <c r="Q142" s="12">
        <v>159</v>
      </c>
      <c r="R142" s="12">
        <v>53</v>
      </c>
    </row>
    <row r="143" spans="1:18" s="4" customFormat="1" x14ac:dyDescent="0.15">
      <c r="A143" s="3"/>
      <c r="B143" s="3" t="s">
        <v>2322</v>
      </c>
      <c r="C143" s="12">
        <v>826</v>
      </c>
      <c r="D143" s="12">
        <v>2206</v>
      </c>
      <c r="E143" s="12">
        <v>1082</v>
      </c>
      <c r="F143" s="12">
        <v>1124</v>
      </c>
      <c r="G143" s="12">
        <v>432</v>
      </c>
      <c r="H143" s="12">
        <v>234</v>
      </c>
      <c r="I143" s="12">
        <v>148</v>
      </c>
      <c r="J143" s="12">
        <v>395</v>
      </c>
      <c r="K143" s="12">
        <v>454</v>
      </c>
      <c r="L143" s="12">
        <v>200</v>
      </c>
      <c r="M143" s="12">
        <v>144</v>
      </c>
      <c r="N143" s="12">
        <v>199</v>
      </c>
      <c r="O143" s="12">
        <v>0</v>
      </c>
      <c r="P143" s="12">
        <v>605</v>
      </c>
      <c r="Q143" s="12">
        <v>1339</v>
      </c>
      <c r="R143" s="12">
        <v>262</v>
      </c>
    </row>
    <row r="144" spans="1:18" s="4" customFormat="1" x14ac:dyDescent="0.15">
      <c r="A144" s="3"/>
      <c r="B144" s="3" t="s">
        <v>2323</v>
      </c>
      <c r="C144" s="12">
        <v>402</v>
      </c>
      <c r="D144" s="12">
        <v>858</v>
      </c>
      <c r="E144" s="12">
        <v>429</v>
      </c>
      <c r="F144" s="12">
        <v>429</v>
      </c>
      <c r="G144" s="12">
        <v>71</v>
      </c>
      <c r="H144" s="12">
        <v>81</v>
      </c>
      <c r="I144" s="12">
        <v>120</v>
      </c>
      <c r="J144" s="12">
        <v>131</v>
      </c>
      <c r="K144" s="12">
        <v>142</v>
      </c>
      <c r="L144" s="12">
        <v>91</v>
      </c>
      <c r="M144" s="12">
        <v>89</v>
      </c>
      <c r="N144" s="12">
        <v>133</v>
      </c>
      <c r="O144" s="12">
        <v>0</v>
      </c>
      <c r="P144" s="12">
        <v>115</v>
      </c>
      <c r="Q144" s="12">
        <v>560</v>
      </c>
      <c r="R144" s="12">
        <v>183</v>
      </c>
    </row>
    <row r="145" spans="1:18" s="4" customFormat="1" x14ac:dyDescent="0.15">
      <c r="A145" s="3"/>
      <c r="B145" s="3" t="s">
        <v>2324</v>
      </c>
      <c r="C145" s="12">
        <v>83</v>
      </c>
      <c r="D145" s="12">
        <v>149</v>
      </c>
      <c r="E145" s="12">
        <v>76</v>
      </c>
      <c r="F145" s="12">
        <v>73</v>
      </c>
      <c r="G145" s="12">
        <v>4</v>
      </c>
      <c r="H145" s="12">
        <v>9</v>
      </c>
      <c r="I145" s="12">
        <v>21</v>
      </c>
      <c r="J145" s="12">
        <v>5</v>
      </c>
      <c r="K145" s="12">
        <v>16</v>
      </c>
      <c r="L145" s="12">
        <v>20</v>
      </c>
      <c r="M145" s="12">
        <v>15</v>
      </c>
      <c r="N145" s="12">
        <v>59</v>
      </c>
      <c r="O145" s="12">
        <v>0</v>
      </c>
      <c r="P145" s="12">
        <v>7</v>
      </c>
      <c r="Q145" s="12">
        <v>77</v>
      </c>
      <c r="R145" s="12">
        <v>65</v>
      </c>
    </row>
    <row r="146" spans="1:18" s="4" customFormat="1" x14ac:dyDescent="0.15">
      <c r="A146" s="3"/>
      <c r="B146" s="3" t="s">
        <v>2325</v>
      </c>
      <c r="C146" s="12">
        <v>258</v>
      </c>
      <c r="D146" s="12">
        <v>588</v>
      </c>
      <c r="E146" s="12">
        <v>310</v>
      </c>
      <c r="F146" s="12">
        <v>278</v>
      </c>
      <c r="G146" s="12">
        <v>66</v>
      </c>
      <c r="H146" s="12">
        <v>38</v>
      </c>
      <c r="I146" s="12">
        <v>71</v>
      </c>
      <c r="J146" s="12">
        <v>82</v>
      </c>
      <c r="K146" s="12">
        <v>93</v>
      </c>
      <c r="L146" s="12">
        <v>69</v>
      </c>
      <c r="M146" s="12">
        <v>61</v>
      </c>
      <c r="N146" s="12">
        <v>108</v>
      </c>
      <c r="O146" s="12">
        <v>0</v>
      </c>
      <c r="P146" s="12">
        <v>88</v>
      </c>
      <c r="Q146" s="12">
        <v>362</v>
      </c>
      <c r="R146" s="12">
        <v>138</v>
      </c>
    </row>
    <row r="147" spans="1:18" s="4" customFormat="1" x14ac:dyDescent="0.15">
      <c r="A147" s="3"/>
      <c r="B147" s="3" t="s">
        <v>2326</v>
      </c>
      <c r="C147" s="12">
        <v>89</v>
      </c>
      <c r="D147" s="12">
        <v>210</v>
      </c>
      <c r="E147" s="12">
        <v>107</v>
      </c>
      <c r="F147" s="12">
        <v>103</v>
      </c>
      <c r="G147" s="12">
        <v>23</v>
      </c>
      <c r="H147" s="12">
        <v>6</v>
      </c>
      <c r="I147" s="12">
        <v>32</v>
      </c>
      <c r="J147" s="12">
        <v>48</v>
      </c>
      <c r="K147" s="12">
        <v>17</v>
      </c>
      <c r="L147" s="12">
        <v>30</v>
      </c>
      <c r="M147" s="12">
        <v>15</v>
      </c>
      <c r="N147" s="12">
        <v>39</v>
      </c>
      <c r="O147" s="12">
        <v>0</v>
      </c>
      <c r="P147" s="12">
        <v>26</v>
      </c>
      <c r="Q147" s="12">
        <v>143</v>
      </c>
      <c r="R147" s="12">
        <v>41</v>
      </c>
    </row>
    <row r="148" spans="1:18" s="4" customFormat="1" x14ac:dyDescent="0.15">
      <c r="A148" s="3"/>
      <c r="B148" s="3" t="s">
        <v>2327</v>
      </c>
      <c r="C148" s="12">
        <v>56</v>
      </c>
      <c r="D148" s="12">
        <v>151</v>
      </c>
      <c r="E148" s="12">
        <v>78</v>
      </c>
      <c r="F148" s="12">
        <v>73</v>
      </c>
      <c r="G148" s="12">
        <v>32</v>
      </c>
      <c r="H148" s="12">
        <v>14</v>
      </c>
      <c r="I148" s="12">
        <v>24</v>
      </c>
      <c r="J148" s="12">
        <v>35</v>
      </c>
      <c r="K148" s="12">
        <v>28</v>
      </c>
      <c r="L148" s="12">
        <v>9</v>
      </c>
      <c r="M148" s="12">
        <v>5</v>
      </c>
      <c r="N148" s="12">
        <v>4</v>
      </c>
      <c r="O148" s="12">
        <v>0</v>
      </c>
      <c r="P148" s="12">
        <v>37</v>
      </c>
      <c r="Q148" s="12">
        <v>107</v>
      </c>
      <c r="R148" s="12">
        <v>7</v>
      </c>
    </row>
    <row r="149" spans="1:18" s="4" customFormat="1" x14ac:dyDescent="0.15">
      <c r="A149" s="3"/>
      <c r="B149" s="3" t="s">
        <v>2328</v>
      </c>
      <c r="C149" s="12">
        <v>357</v>
      </c>
      <c r="D149" s="12">
        <v>747</v>
      </c>
      <c r="E149" s="12">
        <v>352</v>
      </c>
      <c r="F149" s="12">
        <v>395</v>
      </c>
      <c r="G149" s="12">
        <v>73</v>
      </c>
      <c r="H149" s="12">
        <v>49</v>
      </c>
      <c r="I149" s="12">
        <v>66</v>
      </c>
      <c r="J149" s="12">
        <v>119</v>
      </c>
      <c r="K149" s="12">
        <v>118</v>
      </c>
      <c r="L149" s="12">
        <v>95</v>
      </c>
      <c r="M149" s="12">
        <v>66</v>
      </c>
      <c r="N149" s="12">
        <v>161</v>
      </c>
      <c r="O149" s="12">
        <v>0</v>
      </c>
      <c r="P149" s="12">
        <v>99</v>
      </c>
      <c r="Q149" s="12">
        <v>458</v>
      </c>
      <c r="R149" s="12">
        <v>190</v>
      </c>
    </row>
    <row r="150" spans="1:18" s="4" customFormat="1" x14ac:dyDescent="0.15">
      <c r="A150" s="3"/>
      <c r="B150" s="3" t="s">
        <v>2329</v>
      </c>
      <c r="C150" s="12">
        <v>1</v>
      </c>
      <c r="D150" s="12">
        <v>3</v>
      </c>
      <c r="E150" s="12">
        <v>1</v>
      </c>
      <c r="F150" s="12">
        <v>2</v>
      </c>
      <c r="G150" s="12" t="s">
        <v>132</v>
      </c>
      <c r="H150" s="12" t="s">
        <v>132</v>
      </c>
      <c r="I150" s="12" t="s">
        <v>132</v>
      </c>
      <c r="J150" s="12" t="s">
        <v>132</v>
      </c>
      <c r="K150" s="12" t="s">
        <v>132</v>
      </c>
      <c r="L150" s="12" t="s">
        <v>132</v>
      </c>
      <c r="M150" s="12" t="s">
        <v>132</v>
      </c>
      <c r="N150" s="12" t="s">
        <v>132</v>
      </c>
      <c r="O150" s="12" t="s">
        <v>132</v>
      </c>
      <c r="P150" s="12" t="s">
        <v>132</v>
      </c>
      <c r="Q150" s="12" t="s">
        <v>132</v>
      </c>
      <c r="R150" s="12" t="s">
        <v>132</v>
      </c>
    </row>
    <row r="151" spans="1:18" s="4" customFormat="1" x14ac:dyDescent="0.15">
      <c r="A151" s="3"/>
      <c r="B151" s="3" t="s">
        <v>2330</v>
      </c>
      <c r="C151" s="12">
        <v>156</v>
      </c>
      <c r="D151" s="12">
        <v>389</v>
      </c>
      <c r="E151" s="12">
        <v>203</v>
      </c>
      <c r="F151" s="12">
        <v>186</v>
      </c>
      <c r="G151" s="12">
        <v>44</v>
      </c>
      <c r="H151" s="12">
        <v>44</v>
      </c>
      <c r="I151" s="12">
        <v>39</v>
      </c>
      <c r="J151" s="12">
        <v>71</v>
      </c>
      <c r="K151" s="12">
        <v>58</v>
      </c>
      <c r="L151" s="12">
        <v>40</v>
      </c>
      <c r="M151" s="12">
        <v>42</v>
      </c>
      <c r="N151" s="12">
        <v>51</v>
      </c>
      <c r="O151" s="12">
        <v>0</v>
      </c>
      <c r="P151" s="12">
        <v>68</v>
      </c>
      <c r="Q151" s="12">
        <v>253</v>
      </c>
      <c r="R151" s="12">
        <v>68</v>
      </c>
    </row>
    <row r="152" spans="1:18" s="4" customFormat="1" x14ac:dyDescent="0.15">
      <c r="A152" s="3"/>
      <c r="B152" s="3" t="s">
        <v>2331</v>
      </c>
      <c r="C152" s="12">
        <v>153</v>
      </c>
      <c r="D152" s="12">
        <v>295</v>
      </c>
      <c r="E152" s="12">
        <v>169</v>
      </c>
      <c r="F152" s="12">
        <v>126</v>
      </c>
      <c r="G152" s="12">
        <v>20</v>
      </c>
      <c r="H152" s="12">
        <v>22</v>
      </c>
      <c r="I152" s="12">
        <v>22</v>
      </c>
      <c r="J152" s="12">
        <v>42</v>
      </c>
      <c r="K152" s="12">
        <v>41</v>
      </c>
      <c r="L152" s="12">
        <v>41</v>
      </c>
      <c r="M152" s="12">
        <v>41</v>
      </c>
      <c r="N152" s="12">
        <v>66</v>
      </c>
      <c r="O152" s="12">
        <v>0</v>
      </c>
      <c r="P152" s="12">
        <v>28</v>
      </c>
      <c r="Q152" s="12">
        <v>184</v>
      </c>
      <c r="R152" s="12">
        <v>83</v>
      </c>
    </row>
    <row r="153" spans="1:18" ht="10.5" customHeight="1" x14ac:dyDescent="0.15">
      <c r="A153" s="3"/>
      <c r="B153" s="3" t="s">
        <v>2332</v>
      </c>
      <c r="C153" s="12">
        <v>599</v>
      </c>
      <c r="D153" s="12">
        <v>1294</v>
      </c>
      <c r="E153" s="12">
        <v>643</v>
      </c>
      <c r="F153" s="12">
        <v>651</v>
      </c>
      <c r="G153" s="12">
        <v>103</v>
      </c>
      <c r="H153" s="12">
        <v>182</v>
      </c>
      <c r="I153" s="12">
        <v>92</v>
      </c>
      <c r="J153" s="12">
        <v>130</v>
      </c>
      <c r="K153" s="12">
        <v>229</v>
      </c>
      <c r="L153" s="12">
        <v>177</v>
      </c>
      <c r="M153" s="12">
        <v>141</v>
      </c>
      <c r="N153" s="12">
        <v>240</v>
      </c>
      <c r="O153" s="12">
        <v>0</v>
      </c>
      <c r="P153" s="12">
        <v>202</v>
      </c>
      <c r="Q153" s="12">
        <v>783</v>
      </c>
      <c r="R153" s="12">
        <v>309</v>
      </c>
    </row>
    <row r="154" spans="1:18" ht="10.5" customHeight="1" x14ac:dyDescent="0.15">
      <c r="A154" s="3"/>
      <c r="B154" s="3" t="s">
        <v>2333</v>
      </c>
      <c r="C154" s="12">
        <v>391</v>
      </c>
      <c r="D154" s="12">
        <v>839</v>
      </c>
      <c r="E154" s="12">
        <v>431</v>
      </c>
      <c r="F154" s="12">
        <v>408</v>
      </c>
      <c r="G154" s="12">
        <v>70</v>
      </c>
      <c r="H154" s="12">
        <v>60</v>
      </c>
      <c r="I154" s="12">
        <v>123</v>
      </c>
      <c r="J154" s="12">
        <v>118</v>
      </c>
      <c r="K154" s="12">
        <v>128</v>
      </c>
      <c r="L154" s="12">
        <v>109</v>
      </c>
      <c r="M154" s="12">
        <v>98</v>
      </c>
      <c r="N154" s="12">
        <v>133</v>
      </c>
      <c r="O154" s="12">
        <v>0</v>
      </c>
      <c r="P154" s="12">
        <v>92</v>
      </c>
      <c r="Q154" s="12">
        <v>565</v>
      </c>
      <c r="R154" s="12">
        <v>182</v>
      </c>
    </row>
    <row r="155" spans="1:18" ht="10.5" customHeight="1" x14ac:dyDescent="0.15">
      <c r="A155" s="3"/>
      <c r="B155" s="3" t="s">
        <v>2334</v>
      </c>
      <c r="C155" s="12">
        <v>311</v>
      </c>
      <c r="D155" s="12">
        <v>794</v>
      </c>
      <c r="E155" s="12">
        <v>413</v>
      </c>
      <c r="F155" s="12">
        <v>381</v>
      </c>
      <c r="G155" s="12">
        <v>82</v>
      </c>
      <c r="H155" s="12">
        <v>113</v>
      </c>
      <c r="I155" s="12">
        <v>79</v>
      </c>
      <c r="J155" s="12">
        <v>98</v>
      </c>
      <c r="K155" s="12">
        <v>200</v>
      </c>
      <c r="L155" s="12">
        <v>100</v>
      </c>
      <c r="M155" s="12">
        <v>74</v>
      </c>
      <c r="N155" s="12">
        <v>48</v>
      </c>
      <c r="O155" s="12">
        <v>0</v>
      </c>
      <c r="P155" s="12">
        <v>150</v>
      </c>
      <c r="Q155" s="12">
        <v>559</v>
      </c>
      <c r="R155" s="12">
        <v>85</v>
      </c>
    </row>
    <row r="156" spans="1:18" ht="10.5" customHeight="1" x14ac:dyDescent="0.15">
      <c r="A156" s="3"/>
      <c r="B156" s="3" t="s">
        <v>2335</v>
      </c>
      <c r="C156" s="12">
        <v>290</v>
      </c>
      <c r="D156" s="12">
        <v>726</v>
      </c>
      <c r="E156" s="12">
        <v>373</v>
      </c>
      <c r="F156" s="12">
        <v>353</v>
      </c>
      <c r="G156" s="12">
        <v>81</v>
      </c>
      <c r="H156" s="12">
        <v>65</v>
      </c>
      <c r="I156" s="12">
        <v>62</v>
      </c>
      <c r="J156" s="12">
        <v>98</v>
      </c>
      <c r="K156" s="12">
        <v>106</v>
      </c>
      <c r="L156" s="12">
        <v>93</v>
      </c>
      <c r="M156" s="12">
        <v>75</v>
      </c>
      <c r="N156" s="12">
        <v>146</v>
      </c>
      <c r="O156" s="12">
        <v>0</v>
      </c>
      <c r="P156" s="12">
        <v>118</v>
      </c>
      <c r="Q156" s="12">
        <v>424</v>
      </c>
      <c r="R156" s="12">
        <v>184</v>
      </c>
    </row>
    <row r="157" spans="1:18" ht="10.5" customHeight="1" x14ac:dyDescent="0.15">
      <c r="A157" s="3"/>
      <c r="B157" s="3" t="s">
        <v>2336</v>
      </c>
      <c r="C157" s="12">
        <v>154</v>
      </c>
      <c r="D157" s="12">
        <v>342</v>
      </c>
      <c r="E157" s="12">
        <v>181</v>
      </c>
      <c r="F157" s="12">
        <v>161</v>
      </c>
      <c r="G157" s="12">
        <v>63</v>
      </c>
      <c r="H157" s="12">
        <v>19</v>
      </c>
      <c r="I157" s="12">
        <v>24</v>
      </c>
      <c r="J157" s="12">
        <v>67</v>
      </c>
      <c r="K157" s="12">
        <v>51</v>
      </c>
      <c r="L157" s="12">
        <v>24</v>
      </c>
      <c r="M157" s="12">
        <v>19</v>
      </c>
      <c r="N157" s="12">
        <v>75</v>
      </c>
      <c r="O157" s="12">
        <v>0</v>
      </c>
      <c r="P157" s="12">
        <v>74</v>
      </c>
      <c r="Q157" s="12">
        <v>182</v>
      </c>
      <c r="R157" s="12">
        <v>86</v>
      </c>
    </row>
    <row r="158" spans="1:18" ht="10.5" customHeight="1" x14ac:dyDescent="0.15">
      <c r="A158" s="3"/>
      <c r="B158" s="3" t="s">
        <v>2337</v>
      </c>
      <c r="C158" s="12">
        <v>52</v>
      </c>
      <c r="D158" s="12">
        <v>117</v>
      </c>
      <c r="E158" s="12">
        <v>56</v>
      </c>
      <c r="F158" s="12">
        <v>61</v>
      </c>
      <c r="G158" s="12">
        <v>18</v>
      </c>
      <c r="H158" s="12">
        <v>9</v>
      </c>
      <c r="I158" s="12">
        <v>19</v>
      </c>
      <c r="J158" s="12">
        <v>26</v>
      </c>
      <c r="K158" s="12">
        <v>18</v>
      </c>
      <c r="L158" s="12">
        <v>12</v>
      </c>
      <c r="M158" s="12">
        <v>6</v>
      </c>
      <c r="N158" s="12">
        <v>9</v>
      </c>
      <c r="O158" s="12">
        <v>0</v>
      </c>
      <c r="P158" s="12">
        <v>21</v>
      </c>
      <c r="Q158" s="12">
        <v>84</v>
      </c>
      <c r="R158" s="12">
        <v>12</v>
      </c>
    </row>
    <row r="159" spans="1:18" ht="10.5" customHeight="1" x14ac:dyDescent="0.15">
      <c r="A159" s="3"/>
      <c r="B159" s="3" t="s">
        <v>2338</v>
      </c>
      <c r="C159" s="12">
        <v>104</v>
      </c>
      <c r="D159" s="12">
        <v>230</v>
      </c>
      <c r="E159" s="12">
        <v>113</v>
      </c>
      <c r="F159" s="12">
        <v>117</v>
      </c>
      <c r="G159" s="12">
        <v>26</v>
      </c>
      <c r="H159" s="12">
        <v>21</v>
      </c>
      <c r="I159" s="12">
        <v>19</v>
      </c>
      <c r="J159" s="12">
        <v>43</v>
      </c>
      <c r="K159" s="12">
        <v>48</v>
      </c>
      <c r="L159" s="12">
        <v>28</v>
      </c>
      <c r="M159" s="12">
        <v>15</v>
      </c>
      <c r="N159" s="12">
        <v>30</v>
      </c>
      <c r="O159" s="12">
        <v>0</v>
      </c>
      <c r="P159" s="12">
        <v>40</v>
      </c>
      <c r="Q159" s="12">
        <v>159</v>
      </c>
      <c r="R159" s="12">
        <v>31</v>
      </c>
    </row>
    <row r="160" spans="1:18" ht="10.5" customHeight="1" x14ac:dyDescent="0.15">
      <c r="A160" s="3"/>
      <c r="B160" s="3" t="s">
        <v>2339</v>
      </c>
      <c r="C160" s="12">
        <v>18</v>
      </c>
      <c r="D160" s="12">
        <v>31</v>
      </c>
      <c r="E160" s="12">
        <v>19</v>
      </c>
      <c r="F160" s="12">
        <v>12</v>
      </c>
      <c r="G160" s="12">
        <v>2</v>
      </c>
      <c r="H160" s="12">
        <v>2</v>
      </c>
      <c r="I160" s="12">
        <v>2</v>
      </c>
      <c r="J160" s="12">
        <v>2</v>
      </c>
      <c r="K160" s="12">
        <v>1</v>
      </c>
      <c r="L160" s="12">
        <v>2</v>
      </c>
      <c r="M160" s="12">
        <v>10</v>
      </c>
      <c r="N160" s="12">
        <v>10</v>
      </c>
      <c r="O160" s="12">
        <v>0</v>
      </c>
      <c r="P160" s="12">
        <v>4</v>
      </c>
      <c r="Q160" s="12">
        <v>13</v>
      </c>
      <c r="R160" s="12">
        <v>14</v>
      </c>
    </row>
    <row r="161" spans="1:18" ht="10.5" customHeight="1" x14ac:dyDescent="0.15">
      <c r="A161" s="3"/>
      <c r="B161" s="3" t="s">
        <v>1843</v>
      </c>
      <c r="C161" s="12">
        <v>1339</v>
      </c>
      <c r="D161" s="12">
        <v>2522</v>
      </c>
      <c r="E161" s="12">
        <v>1151</v>
      </c>
      <c r="F161" s="12">
        <v>1371</v>
      </c>
      <c r="G161" s="12">
        <v>161</v>
      </c>
      <c r="H161" s="12">
        <v>198</v>
      </c>
      <c r="I161" s="12">
        <v>193</v>
      </c>
      <c r="J161" s="12">
        <v>209</v>
      </c>
      <c r="K161" s="12">
        <v>298</v>
      </c>
      <c r="L161" s="12">
        <v>327</v>
      </c>
      <c r="M161" s="12">
        <v>293</v>
      </c>
      <c r="N161" s="12">
        <v>843</v>
      </c>
      <c r="O161" s="12">
        <v>0</v>
      </c>
      <c r="P161" s="12">
        <v>251</v>
      </c>
      <c r="Q161" s="12">
        <v>1257</v>
      </c>
      <c r="R161" s="12">
        <v>1014</v>
      </c>
    </row>
    <row r="162" spans="1:18" ht="10.5" customHeight="1" x14ac:dyDescent="0.15">
      <c r="A162" s="3"/>
      <c r="B162" s="3" t="s">
        <v>1844</v>
      </c>
      <c r="C162" s="12">
        <v>10</v>
      </c>
      <c r="D162" s="12">
        <v>17</v>
      </c>
      <c r="E162" s="12">
        <v>8</v>
      </c>
      <c r="F162" s="12">
        <v>9</v>
      </c>
      <c r="G162" s="12">
        <v>1</v>
      </c>
      <c r="H162" s="12">
        <v>2</v>
      </c>
      <c r="I162" s="12">
        <v>4</v>
      </c>
      <c r="J162" s="12">
        <v>1</v>
      </c>
      <c r="K162" s="12">
        <v>2</v>
      </c>
      <c r="L162" s="12">
        <v>1</v>
      </c>
      <c r="M162" s="12">
        <v>0</v>
      </c>
      <c r="N162" s="12">
        <v>6</v>
      </c>
      <c r="O162" s="12">
        <v>0</v>
      </c>
      <c r="P162" s="12">
        <v>3</v>
      </c>
      <c r="Q162" s="12">
        <v>8</v>
      </c>
      <c r="R162" s="12">
        <v>6</v>
      </c>
    </row>
    <row r="163" spans="1:18" ht="10.5" customHeight="1" x14ac:dyDescent="0.15">
      <c r="A163" s="3"/>
      <c r="B163" s="3" t="s">
        <v>1845</v>
      </c>
      <c r="C163" s="12">
        <v>747</v>
      </c>
      <c r="D163" s="12">
        <v>1826</v>
      </c>
      <c r="E163" s="12">
        <v>923</v>
      </c>
      <c r="F163" s="12">
        <v>903</v>
      </c>
      <c r="G163" s="12">
        <v>185</v>
      </c>
      <c r="H163" s="12">
        <v>198</v>
      </c>
      <c r="I163" s="12">
        <v>177</v>
      </c>
      <c r="J163" s="12">
        <v>201</v>
      </c>
      <c r="K163" s="12">
        <v>291</v>
      </c>
      <c r="L163" s="12">
        <v>236</v>
      </c>
      <c r="M163" s="12">
        <v>216</v>
      </c>
      <c r="N163" s="12">
        <v>322</v>
      </c>
      <c r="O163" s="12">
        <v>0</v>
      </c>
      <c r="P163" s="12">
        <v>287</v>
      </c>
      <c r="Q163" s="12">
        <v>1113</v>
      </c>
      <c r="R163" s="12">
        <v>426</v>
      </c>
    </row>
    <row r="164" spans="1:18" ht="10.5" customHeight="1" x14ac:dyDescent="0.15">
      <c r="A164" s="3"/>
      <c r="B164" s="3" t="s">
        <v>1846</v>
      </c>
      <c r="C164" s="12">
        <v>254</v>
      </c>
      <c r="D164" s="12">
        <v>627</v>
      </c>
      <c r="E164" s="12">
        <v>321</v>
      </c>
      <c r="F164" s="12">
        <v>306</v>
      </c>
      <c r="G164" s="12">
        <v>53</v>
      </c>
      <c r="H164" s="12">
        <v>83</v>
      </c>
      <c r="I164" s="12">
        <v>46</v>
      </c>
      <c r="J164" s="12">
        <v>63</v>
      </c>
      <c r="K164" s="12">
        <v>117</v>
      </c>
      <c r="L164" s="12">
        <v>85</v>
      </c>
      <c r="M164" s="12">
        <v>61</v>
      </c>
      <c r="N164" s="12">
        <v>119</v>
      </c>
      <c r="O164" s="12">
        <v>0</v>
      </c>
      <c r="P164" s="12">
        <v>93</v>
      </c>
      <c r="Q164" s="12">
        <v>385</v>
      </c>
      <c r="R164" s="12">
        <v>149</v>
      </c>
    </row>
    <row r="165" spans="1:18" ht="10.5" customHeight="1" x14ac:dyDescent="0.15">
      <c r="A165" s="3"/>
      <c r="B165" s="3" t="s">
        <v>1847</v>
      </c>
      <c r="C165" s="12">
        <v>729</v>
      </c>
      <c r="D165" s="12">
        <v>1572</v>
      </c>
      <c r="E165" s="12">
        <v>780</v>
      </c>
      <c r="F165" s="12">
        <v>792</v>
      </c>
      <c r="G165" s="12">
        <v>86</v>
      </c>
      <c r="H165" s="12">
        <v>103</v>
      </c>
      <c r="I165" s="12">
        <v>166</v>
      </c>
      <c r="J165" s="12">
        <v>140</v>
      </c>
      <c r="K165" s="12">
        <v>209</v>
      </c>
      <c r="L165" s="12">
        <v>253</v>
      </c>
      <c r="M165" s="12">
        <v>237</v>
      </c>
      <c r="N165" s="12">
        <v>378</v>
      </c>
      <c r="O165" s="12">
        <v>0</v>
      </c>
      <c r="P165" s="12">
        <v>143</v>
      </c>
      <c r="Q165" s="12">
        <v>926</v>
      </c>
      <c r="R165" s="12">
        <v>503</v>
      </c>
    </row>
    <row r="166" spans="1:18" ht="10.5" customHeight="1" x14ac:dyDescent="0.15">
      <c r="A166" s="3"/>
      <c r="B166" s="3" t="s">
        <v>1848</v>
      </c>
      <c r="C166" s="12">
        <v>288</v>
      </c>
      <c r="D166" s="12">
        <v>749</v>
      </c>
      <c r="E166" s="12">
        <v>371</v>
      </c>
      <c r="F166" s="12">
        <v>378</v>
      </c>
      <c r="G166" s="12">
        <v>90</v>
      </c>
      <c r="H166" s="12">
        <v>73</v>
      </c>
      <c r="I166" s="12">
        <v>63</v>
      </c>
      <c r="J166" s="12">
        <v>82</v>
      </c>
      <c r="K166" s="12">
        <v>121</v>
      </c>
      <c r="L166" s="12">
        <v>99</v>
      </c>
      <c r="M166" s="12">
        <v>74</v>
      </c>
      <c r="N166" s="12">
        <v>147</v>
      </c>
      <c r="O166" s="12">
        <v>0</v>
      </c>
      <c r="P166" s="12">
        <v>124</v>
      </c>
      <c r="Q166" s="12">
        <v>431</v>
      </c>
      <c r="R166" s="12">
        <v>194</v>
      </c>
    </row>
    <row r="167" spans="1:18" ht="10.5" customHeight="1" x14ac:dyDescent="0.15">
      <c r="A167" s="3"/>
      <c r="B167" s="3" t="s">
        <v>1849</v>
      </c>
      <c r="C167" s="12">
        <v>391</v>
      </c>
      <c r="D167" s="12">
        <v>1020</v>
      </c>
      <c r="E167" s="12">
        <v>527</v>
      </c>
      <c r="F167" s="12">
        <v>493</v>
      </c>
      <c r="G167" s="12">
        <v>141</v>
      </c>
      <c r="H167" s="12">
        <v>157</v>
      </c>
      <c r="I167" s="12">
        <v>84</v>
      </c>
      <c r="J167" s="12">
        <v>157</v>
      </c>
      <c r="K167" s="12">
        <v>223</v>
      </c>
      <c r="L167" s="12">
        <v>108</v>
      </c>
      <c r="M167" s="12">
        <v>56</v>
      </c>
      <c r="N167" s="12">
        <v>94</v>
      </c>
      <c r="O167" s="12">
        <v>0</v>
      </c>
      <c r="P167" s="12">
        <v>243</v>
      </c>
      <c r="Q167" s="12">
        <v>649</v>
      </c>
      <c r="R167" s="12">
        <v>128</v>
      </c>
    </row>
    <row r="168" spans="1:18" ht="10.5" customHeight="1" x14ac:dyDescent="0.15">
      <c r="A168" s="3"/>
      <c r="B168" s="3" t="s">
        <v>1850</v>
      </c>
      <c r="C168" s="12">
        <v>563</v>
      </c>
      <c r="D168" s="12">
        <v>1459</v>
      </c>
      <c r="E168" s="12">
        <v>701</v>
      </c>
      <c r="F168" s="12">
        <v>758</v>
      </c>
      <c r="G168" s="12">
        <v>314</v>
      </c>
      <c r="H168" s="12">
        <v>137</v>
      </c>
      <c r="I168" s="12">
        <v>36</v>
      </c>
      <c r="J168" s="12">
        <v>287</v>
      </c>
      <c r="K168" s="12">
        <v>331</v>
      </c>
      <c r="L168" s="12">
        <v>133</v>
      </c>
      <c r="M168" s="12">
        <v>94</v>
      </c>
      <c r="N168" s="12">
        <v>127</v>
      </c>
      <c r="O168" s="12">
        <v>0</v>
      </c>
      <c r="P168" s="12">
        <v>421</v>
      </c>
      <c r="Q168" s="12">
        <v>863</v>
      </c>
      <c r="R168" s="12">
        <v>175</v>
      </c>
    </row>
    <row r="169" spans="1:18" ht="10.5" customHeight="1" x14ac:dyDescent="0.15">
      <c r="A169" s="3"/>
      <c r="B169" s="3" t="s">
        <v>1851</v>
      </c>
      <c r="C169" s="12">
        <v>359</v>
      </c>
      <c r="D169" s="12">
        <v>847</v>
      </c>
      <c r="E169" s="12">
        <v>446</v>
      </c>
      <c r="F169" s="12">
        <v>401</v>
      </c>
      <c r="G169" s="12">
        <v>153</v>
      </c>
      <c r="H169" s="12">
        <v>85</v>
      </c>
      <c r="I169" s="12">
        <v>102</v>
      </c>
      <c r="J169" s="12">
        <v>219</v>
      </c>
      <c r="K169" s="12">
        <v>171</v>
      </c>
      <c r="L169" s="12">
        <v>59</v>
      </c>
      <c r="M169" s="12">
        <v>31</v>
      </c>
      <c r="N169" s="12">
        <v>27</v>
      </c>
      <c r="O169" s="12">
        <v>0</v>
      </c>
      <c r="P169" s="12">
        <v>220</v>
      </c>
      <c r="Q169" s="12">
        <v>591</v>
      </c>
      <c r="R169" s="12">
        <v>36</v>
      </c>
    </row>
    <row r="170" spans="1:18" ht="10.5" customHeight="1" x14ac:dyDescent="0.15">
      <c r="A170" s="3"/>
      <c r="B170" s="3" t="s">
        <v>1852</v>
      </c>
      <c r="C170" s="12">
        <v>392</v>
      </c>
      <c r="D170" s="12">
        <v>893</v>
      </c>
      <c r="E170" s="12">
        <v>441</v>
      </c>
      <c r="F170" s="12">
        <v>452</v>
      </c>
      <c r="G170" s="12">
        <v>165</v>
      </c>
      <c r="H170" s="12">
        <v>93</v>
      </c>
      <c r="I170" s="12">
        <v>94</v>
      </c>
      <c r="J170" s="12">
        <v>187</v>
      </c>
      <c r="K170" s="12">
        <v>179</v>
      </c>
      <c r="L170" s="12">
        <v>46</v>
      </c>
      <c r="M170" s="12">
        <v>35</v>
      </c>
      <c r="N170" s="12">
        <v>94</v>
      </c>
      <c r="O170" s="12">
        <v>0</v>
      </c>
      <c r="P170" s="12">
        <v>231</v>
      </c>
      <c r="Q170" s="12">
        <v>552</v>
      </c>
      <c r="R170" s="12">
        <v>110</v>
      </c>
    </row>
    <row r="171" spans="1:18" ht="10.5" customHeight="1" x14ac:dyDescent="0.15">
      <c r="A171" s="3"/>
      <c r="B171" s="3" t="s">
        <v>1853</v>
      </c>
      <c r="C171" s="12">
        <v>1127</v>
      </c>
      <c r="D171" s="12">
        <v>2355</v>
      </c>
      <c r="E171" s="12">
        <v>1063</v>
      </c>
      <c r="F171" s="12">
        <v>1292</v>
      </c>
      <c r="G171" s="12">
        <v>182</v>
      </c>
      <c r="H171" s="12">
        <v>257</v>
      </c>
      <c r="I171" s="12">
        <v>193</v>
      </c>
      <c r="J171" s="12">
        <v>241</v>
      </c>
      <c r="K171" s="12">
        <v>336</v>
      </c>
      <c r="L171" s="12">
        <v>261</v>
      </c>
      <c r="M171" s="12">
        <v>311</v>
      </c>
      <c r="N171" s="12">
        <v>574</v>
      </c>
      <c r="O171" s="12">
        <v>0</v>
      </c>
      <c r="P171" s="12">
        <v>284</v>
      </c>
      <c r="Q171" s="12">
        <v>1291</v>
      </c>
      <c r="R171" s="12">
        <v>780</v>
      </c>
    </row>
    <row r="172" spans="1:18" ht="10.5" customHeight="1" x14ac:dyDescent="0.15">
      <c r="A172" s="3"/>
      <c r="B172" s="3" t="s">
        <v>1854</v>
      </c>
      <c r="C172" s="12">
        <v>276</v>
      </c>
      <c r="D172" s="12">
        <v>531</v>
      </c>
      <c r="E172" s="12">
        <v>232</v>
      </c>
      <c r="F172" s="12">
        <v>299</v>
      </c>
      <c r="G172" s="12">
        <v>41</v>
      </c>
      <c r="H172" s="12">
        <v>49</v>
      </c>
      <c r="I172" s="12">
        <v>29</v>
      </c>
      <c r="J172" s="12">
        <v>60</v>
      </c>
      <c r="K172" s="12">
        <v>49</v>
      </c>
      <c r="L172" s="12">
        <v>58</v>
      </c>
      <c r="M172" s="12">
        <v>72</v>
      </c>
      <c r="N172" s="12">
        <v>173</v>
      </c>
      <c r="O172" s="12">
        <v>0</v>
      </c>
      <c r="P172" s="12">
        <v>67</v>
      </c>
      <c r="Q172" s="12">
        <v>250</v>
      </c>
      <c r="R172" s="12">
        <v>214</v>
      </c>
    </row>
    <row r="173" spans="1:18" ht="10.5" customHeight="1" x14ac:dyDescent="0.15">
      <c r="A173" s="3"/>
      <c r="B173" s="3" t="s">
        <v>1855</v>
      </c>
      <c r="C173" s="12">
        <v>702</v>
      </c>
      <c r="D173" s="12">
        <v>1858</v>
      </c>
      <c r="E173" s="12">
        <v>969</v>
      </c>
      <c r="F173" s="12">
        <v>889</v>
      </c>
      <c r="G173" s="12">
        <v>188</v>
      </c>
      <c r="H173" s="12">
        <v>257</v>
      </c>
      <c r="I173" s="12">
        <v>223</v>
      </c>
      <c r="J173" s="12">
        <v>238</v>
      </c>
      <c r="K173" s="12">
        <v>362</v>
      </c>
      <c r="L173" s="12">
        <v>250</v>
      </c>
      <c r="M173" s="12">
        <v>142</v>
      </c>
      <c r="N173" s="12">
        <v>198</v>
      </c>
      <c r="O173" s="12">
        <v>0</v>
      </c>
      <c r="P173" s="12">
        <v>323</v>
      </c>
      <c r="Q173" s="12">
        <v>1270</v>
      </c>
      <c r="R173" s="12">
        <v>265</v>
      </c>
    </row>
    <row r="174" spans="1:18" ht="10.5" customHeight="1" x14ac:dyDescent="0.15">
      <c r="A174" s="3"/>
      <c r="B174" s="3" t="s">
        <v>1856</v>
      </c>
      <c r="C174" s="12">
        <v>600</v>
      </c>
      <c r="D174" s="12">
        <v>1218</v>
      </c>
      <c r="E174" s="12">
        <v>639</v>
      </c>
      <c r="F174" s="12">
        <v>579</v>
      </c>
      <c r="G174" s="12">
        <v>96</v>
      </c>
      <c r="H174" s="12">
        <v>87</v>
      </c>
      <c r="I174" s="12">
        <v>136</v>
      </c>
      <c r="J174" s="12">
        <v>165</v>
      </c>
      <c r="K174" s="12">
        <v>173</v>
      </c>
      <c r="L174" s="12">
        <v>161</v>
      </c>
      <c r="M174" s="12">
        <v>149</v>
      </c>
      <c r="N174" s="12">
        <v>251</v>
      </c>
      <c r="O174" s="12">
        <v>0</v>
      </c>
      <c r="P174" s="12">
        <v>147</v>
      </c>
      <c r="Q174" s="12">
        <v>742</v>
      </c>
      <c r="R174" s="12">
        <v>329</v>
      </c>
    </row>
    <row r="175" spans="1:18" ht="10.5" customHeight="1" x14ac:dyDescent="0.15">
      <c r="A175" s="3"/>
      <c r="B175" s="3" t="s">
        <v>1857</v>
      </c>
      <c r="C175" s="12">
        <v>511</v>
      </c>
      <c r="D175" s="12">
        <v>1167</v>
      </c>
      <c r="E175" s="12">
        <v>574</v>
      </c>
      <c r="F175" s="12">
        <v>593</v>
      </c>
      <c r="G175" s="12">
        <v>121</v>
      </c>
      <c r="H175" s="12">
        <v>93</v>
      </c>
      <c r="I175" s="12">
        <v>136</v>
      </c>
      <c r="J175" s="12">
        <v>163</v>
      </c>
      <c r="K175" s="12">
        <v>161</v>
      </c>
      <c r="L175" s="12">
        <v>108</v>
      </c>
      <c r="M175" s="12">
        <v>130</v>
      </c>
      <c r="N175" s="12">
        <v>255</v>
      </c>
      <c r="O175" s="12">
        <v>0</v>
      </c>
      <c r="P175" s="12">
        <v>170</v>
      </c>
      <c r="Q175" s="12">
        <v>681</v>
      </c>
      <c r="R175" s="12">
        <v>316</v>
      </c>
    </row>
    <row r="176" spans="1:18" ht="10.5" customHeight="1" x14ac:dyDescent="0.15">
      <c r="A176" s="3"/>
      <c r="B176" s="3" t="s">
        <v>1858</v>
      </c>
      <c r="C176" s="12">
        <v>264</v>
      </c>
      <c r="D176" s="12">
        <v>636</v>
      </c>
      <c r="E176" s="12">
        <v>315</v>
      </c>
      <c r="F176" s="12">
        <v>321</v>
      </c>
      <c r="G176" s="12">
        <v>59</v>
      </c>
      <c r="H176" s="12">
        <v>83</v>
      </c>
      <c r="I176" s="12">
        <v>67</v>
      </c>
      <c r="J176" s="12">
        <v>106</v>
      </c>
      <c r="K176" s="12">
        <v>114</v>
      </c>
      <c r="L176" s="12">
        <v>72</v>
      </c>
      <c r="M176" s="12">
        <v>75</v>
      </c>
      <c r="N176" s="12">
        <v>60</v>
      </c>
      <c r="O176" s="12">
        <v>0</v>
      </c>
      <c r="P176" s="12">
        <v>99</v>
      </c>
      <c r="Q176" s="12">
        <v>452</v>
      </c>
      <c r="R176" s="12">
        <v>85</v>
      </c>
    </row>
    <row r="177" spans="1:18" ht="10.5" customHeight="1" x14ac:dyDescent="0.15">
      <c r="A177" s="3"/>
      <c r="B177" s="3" t="s">
        <v>1859</v>
      </c>
      <c r="C177" s="12">
        <v>359</v>
      </c>
      <c r="D177" s="12">
        <v>801</v>
      </c>
      <c r="E177" s="12">
        <v>399</v>
      </c>
      <c r="F177" s="12">
        <v>402</v>
      </c>
      <c r="G177" s="12">
        <v>73</v>
      </c>
      <c r="H177" s="12">
        <v>62</v>
      </c>
      <c r="I177" s="12">
        <v>68</v>
      </c>
      <c r="J177" s="12">
        <v>79</v>
      </c>
      <c r="K177" s="12">
        <v>100</v>
      </c>
      <c r="L177" s="12">
        <v>96</v>
      </c>
      <c r="M177" s="12">
        <v>95</v>
      </c>
      <c r="N177" s="12">
        <v>228</v>
      </c>
      <c r="O177" s="12">
        <v>0</v>
      </c>
      <c r="P177" s="12">
        <v>104</v>
      </c>
      <c r="Q177" s="12">
        <v>404</v>
      </c>
      <c r="R177" s="12">
        <v>293</v>
      </c>
    </row>
    <row r="178" spans="1:18" ht="10.5" customHeight="1" x14ac:dyDescent="0.15">
      <c r="A178" s="3"/>
      <c r="B178" s="3" t="s">
        <v>1860</v>
      </c>
      <c r="C178" s="12">
        <v>376</v>
      </c>
      <c r="D178" s="12">
        <v>861</v>
      </c>
      <c r="E178" s="12">
        <v>421</v>
      </c>
      <c r="F178" s="12">
        <v>440</v>
      </c>
      <c r="G178" s="12">
        <v>68</v>
      </c>
      <c r="H178" s="12">
        <v>78</v>
      </c>
      <c r="I178" s="12">
        <v>95</v>
      </c>
      <c r="J178" s="12">
        <v>104</v>
      </c>
      <c r="K178" s="12">
        <v>120</v>
      </c>
      <c r="L178" s="12">
        <v>114</v>
      </c>
      <c r="M178" s="12">
        <v>99</v>
      </c>
      <c r="N178" s="12">
        <v>183</v>
      </c>
      <c r="O178" s="12">
        <v>0</v>
      </c>
      <c r="P178" s="12">
        <v>112</v>
      </c>
      <c r="Q178" s="12">
        <v>522</v>
      </c>
      <c r="R178" s="12">
        <v>227</v>
      </c>
    </row>
    <row r="179" spans="1:18" ht="10.5" customHeight="1" x14ac:dyDescent="0.15">
      <c r="A179" s="3"/>
      <c r="B179" s="3" t="s">
        <v>1861</v>
      </c>
      <c r="C179" s="12">
        <v>254</v>
      </c>
      <c r="D179" s="12">
        <v>609</v>
      </c>
      <c r="E179" s="12">
        <v>288</v>
      </c>
      <c r="F179" s="12">
        <v>321</v>
      </c>
      <c r="G179" s="12">
        <v>58</v>
      </c>
      <c r="H179" s="12">
        <v>66</v>
      </c>
      <c r="I179" s="12">
        <v>45</v>
      </c>
      <c r="J179" s="12">
        <v>61</v>
      </c>
      <c r="K179" s="12">
        <v>90</v>
      </c>
      <c r="L179" s="12">
        <v>83</v>
      </c>
      <c r="M179" s="12">
        <v>84</v>
      </c>
      <c r="N179" s="12">
        <v>122</v>
      </c>
      <c r="O179" s="12">
        <v>0</v>
      </c>
      <c r="P179" s="12">
        <v>92</v>
      </c>
      <c r="Q179" s="12">
        <v>357</v>
      </c>
      <c r="R179" s="12">
        <v>160</v>
      </c>
    </row>
    <row r="180" spans="1:18" ht="10.5" customHeight="1" x14ac:dyDescent="0.15">
      <c r="A180" s="3"/>
      <c r="B180" s="3" t="s">
        <v>1862</v>
      </c>
      <c r="C180" s="12">
        <v>267</v>
      </c>
      <c r="D180" s="12">
        <v>526</v>
      </c>
      <c r="E180" s="12">
        <v>270</v>
      </c>
      <c r="F180" s="12">
        <v>256</v>
      </c>
      <c r="G180" s="12">
        <v>55</v>
      </c>
      <c r="H180" s="12">
        <v>39</v>
      </c>
      <c r="I180" s="12">
        <v>82</v>
      </c>
      <c r="J180" s="12">
        <v>93</v>
      </c>
      <c r="K180" s="12">
        <v>79</v>
      </c>
      <c r="L180" s="12">
        <v>71</v>
      </c>
      <c r="M180" s="12">
        <v>56</v>
      </c>
      <c r="N180" s="12">
        <v>51</v>
      </c>
      <c r="O180" s="12">
        <v>0</v>
      </c>
      <c r="P180" s="12">
        <v>72</v>
      </c>
      <c r="Q180" s="12">
        <v>379</v>
      </c>
      <c r="R180" s="12">
        <v>75</v>
      </c>
    </row>
    <row r="181" spans="1:18" ht="10.5" customHeight="1" x14ac:dyDescent="0.15">
      <c r="A181" s="3"/>
      <c r="B181" s="3" t="s">
        <v>1863</v>
      </c>
      <c r="C181" s="12">
        <v>300</v>
      </c>
      <c r="D181" s="12">
        <v>793</v>
      </c>
      <c r="E181" s="12">
        <v>401</v>
      </c>
      <c r="F181" s="12">
        <v>392</v>
      </c>
      <c r="G181" s="12">
        <v>74</v>
      </c>
      <c r="H181" s="12">
        <v>108</v>
      </c>
      <c r="I181" s="12">
        <v>78</v>
      </c>
      <c r="J181" s="12">
        <v>77</v>
      </c>
      <c r="K181" s="12">
        <v>137</v>
      </c>
      <c r="L181" s="12">
        <v>130</v>
      </c>
      <c r="M181" s="12">
        <v>74</v>
      </c>
      <c r="N181" s="12">
        <v>115</v>
      </c>
      <c r="O181" s="12">
        <v>0</v>
      </c>
      <c r="P181" s="12">
        <v>130</v>
      </c>
      <c r="Q181" s="12">
        <v>515</v>
      </c>
      <c r="R181" s="12">
        <v>148</v>
      </c>
    </row>
    <row r="182" spans="1:18" ht="10.5" customHeight="1" x14ac:dyDescent="0.15">
      <c r="A182" s="3"/>
      <c r="B182" s="3" t="s">
        <v>1864</v>
      </c>
      <c r="C182" s="12">
        <v>69</v>
      </c>
      <c r="D182" s="12">
        <v>175</v>
      </c>
      <c r="E182" s="12">
        <v>85</v>
      </c>
      <c r="F182" s="12">
        <v>90</v>
      </c>
      <c r="G182" s="12">
        <v>20</v>
      </c>
      <c r="H182" s="12">
        <v>19</v>
      </c>
      <c r="I182" s="12">
        <v>11</v>
      </c>
      <c r="J182" s="12">
        <v>26</v>
      </c>
      <c r="K182" s="12">
        <v>20</v>
      </c>
      <c r="L182" s="12">
        <v>36</v>
      </c>
      <c r="M182" s="12">
        <v>14</v>
      </c>
      <c r="N182" s="12">
        <v>29</v>
      </c>
      <c r="O182" s="12">
        <v>0</v>
      </c>
      <c r="P182" s="12">
        <v>29</v>
      </c>
      <c r="Q182" s="12">
        <v>114</v>
      </c>
      <c r="R182" s="12">
        <v>32</v>
      </c>
    </row>
    <row r="183" spans="1:18" ht="10.5" customHeight="1" x14ac:dyDescent="0.15">
      <c r="A183" s="3"/>
      <c r="B183" s="3" t="s">
        <v>1865</v>
      </c>
      <c r="C183" s="12">
        <v>506</v>
      </c>
      <c r="D183" s="12">
        <v>1343</v>
      </c>
      <c r="E183" s="12">
        <v>649</v>
      </c>
      <c r="F183" s="12">
        <v>694</v>
      </c>
      <c r="G183" s="12">
        <v>173</v>
      </c>
      <c r="H183" s="12">
        <v>156</v>
      </c>
      <c r="I183" s="12">
        <v>84</v>
      </c>
      <c r="J183" s="12">
        <v>173</v>
      </c>
      <c r="K183" s="12">
        <v>240</v>
      </c>
      <c r="L183" s="12">
        <v>163</v>
      </c>
      <c r="M183" s="12">
        <v>139</v>
      </c>
      <c r="N183" s="12">
        <v>215</v>
      </c>
      <c r="O183" s="12">
        <v>0</v>
      </c>
      <c r="P183" s="12">
        <v>255</v>
      </c>
      <c r="Q183" s="12">
        <v>811</v>
      </c>
      <c r="R183" s="12">
        <v>277</v>
      </c>
    </row>
    <row r="184" spans="1:18" ht="10.5" customHeight="1" x14ac:dyDescent="0.15">
      <c r="A184" s="3"/>
      <c r="B184" s="3" t="s">
        <v>1866</v>
      </c>
      <c r="C184" s="12">
        <v>460</v>
      </c>
      <c r="D184" s="12">
        <v>1047</v>
      </c>
      <c r="E184" s="12">
        <v>511</v>
      </c>
      <c r="F184" s="12">
        <v>536</v>
      </c>
      <c r="G184" s="12">
        <v>67</v>
      </c>
      <c r="H184" s="12">
        <v>91</v>
      </c>
      <c r="I184" s="12">
        <v>100</v>
      </c>
      <c r="J184" s="12">
        <v>109</v>
      </c>
      <c r="K184" s="12">
        <v>121</v>
      </c>
      <c r="L184" s="12">
        <v>166</v>
      </c>
      <c r="M184" s="12">
        <v>155</v>
      </c>
      <c r="N184" s="12">
        <v>238</v>
      </c>
      <c r="O184" s="12">
        <v>0</v>
      </c>
      <c r="P184" s="12">
        <v>117</v>
      </c>
      <c r="Q184" s="12">
        <v>609</v>
      </c>
      <c r="R184" s="12">
        <v>321</v>
      </c>
    </row>
    <row r="185" spans="1:18" ht="10.5" customHeight="1" x14ac:dyDescent="0.15">
      <c r="A185" s="3"/>
      <c r="B185" s="3" t="s">
        <v>1764</v>
      </c>
      <c r="C185" s="12">
        <v>47</v>
      </c>
      <c r="D185" s="12">
        <v>118</v>
      </c>
      <c r="E185" s="12">
        <v>57</v>
      </c>
      <c r="F185" s="12">
        <v>61</v>
      </c>
      <c r="G185" s="12">
        <v>13</v>
      </c>
      <c r="H185" s="12">
        <v>7</v>
      </c>
      <c r="I185" s="12">
        <v>10</v>
      </c>
      <c r="J185" s="12">
        <v>10</v>
      </c>
      <c r="K185" s="12">
        <v>12</v>
      </c>
      <c r="L185" s="12">
        <v>16</v>
      </c>
      <c r="M185" s="12">
        <v>16</v>
      </c>
      <c r="N185" s="12">
        <v>34</v>
      </c>
      <c r="O185" s="12">
        <v>0</v>
      </c>
      <c r="P185" s="12">
        <v>17</v>
      </c>
      <c r="Q185" s="12">
        <v>58</v>
      </c>
      <c r="R185" s="12">
        <v>43</v>
      </c>
    </row>
    <row r="186" spans="1:18" ht="10.5" customHeight="1" x14ac:dyDescent="0.15">
      <c r="A186" s="3"/>
      <c r="B186" s="3" t="s">
        <v>1867</v>
      </c>
      <c r="C186" s="12">
        <v>269</v>
      </c>
      <c r="D186" s="12">
        <v>611</v>
      </c>
      <c r="E186" s="12">
        <v>302</v>
      </c>
      <c r="F186" s="12">
        <v>309</v>
      </c>
      <c r="G186" s="12">
        <v>82</v>
      </c>
      <c r="H186" s="12">
        <v>64</v>
      </c>
      <c r="I186" s="12">
        <v>55</v>
      </c>
      <c r="J186" s="12">
        <v>74</v>
      </c>
      <c r="K186" s="12">
        <v>91</v>
      </c>
      <c r="L186" s="12">
        <v>70</v>
      </c>
      <c r="M186" s="12">
        <v>57</v>
      </c>
      <c r="N186" s="12">
        <v>118</v>
      </c>
      <c r="O186" s="12">
        <v>0</v>
      </c>
      <c r="P186" s="12">
        <v>110</v>
      </c>
      <c r="Q186" s="12">
        <v>355</v>
      </c>
      <c r="R186" s="12">
        <v>146</v>
      </c>
    </row>
    <row r="187" spans="1:18" ht="10.5" customHeight="1" x14ac:dyDescent="0.15">
      <c r="A187" s="3"/>
      <c r="B187" s="3" t="s">
        <v>1868</v>
      </c>
      <c r="C187" s="12">
        <v>466</v>
      </c>
      <c r="D187" s="12">
        <v>1163</v>
      </c>
      <c r="E187" s="12">
        <v>569</v>
      </c>
      <c r="F187" s="12">
        <v>594</v>
      </c>
      <c r="G187" s="12">
        <v>103</v>
      </c>
      <c r="H187" s="12">
        <v>108</v>
      </c>
      <c r="I187" s="12">
        <v>119</v>
      </c>
      <c r="J187" s="12">
        <v>139</v>
      </c>
      <c r="K187" s="12">
        <v>179</v>
      </c>
      <c r="L187" s="12">
        <v>183</v>
      </c>
      <c r="M187" s="12">
        <v>124</v>
      </c>
      <c r="N187" s="12">
        <v>208</v>
      </c>
      <c r="O187" s="12">
        <v>0</v>
      </c>
      <c r="P187" s="12">
        <v>160</v>
      </c>
      <c r="Q187" s="12">
        <v>735</v>
      </c>
      <c r="R187" s="12">
        <v>268</v>
      </c>
    </row>
    <row r="188" spans="1:18" ht="10.5" customHeight="1" x14ac:dyDescent="0.15">
      <c r="A188" s="3"/>
      <c r="B188" s="3" t="s">
        <v>1793</v>
      </c>
      <c r="C188" s="12">
        <v>33</v>
      </c>
      <c r="D188" s="12">
        <v>93</v>
      </c>
      <c r="E188" s="12">
        <v>49</v>
      </c>
      <c r="F188" s="12">
        <v>44</v>
      </c>
      <c r="G188" s="12">
        <v>8</v>
      </c>
      <c r="H188" s="12">
        <v>11</v>
      </c>
      <c r="I188" s="12">
        <v>8</v>
      </c>
      <c r="J188" s="12">
        <v>15</v>
      </c>
      <c r="K188" s="12">
        <v>15</v>
      </c>
      <c r="L188" s="12">
        <v>9</v>
      </c>
      <c r="M188" s="12">
        <v>20</v>
      </c>
      <c r="N188" s="12">
        <v>7</v>
      </c>
      <c r="O188" s="12">
        <v>0</v>
      </c>
      <c r="P188" s="12">
        <v>16</v>
      </c>
      <c r="Q188" s="12">
        <v>64</v>
      </c>
      <c r="R188" s="12">
        <v>13</v>
      </c>
    </row>
    <row r="189" spans="1:18" ht="10.5" customHeight="1" x14ac:dyDescent="0.15">
      <c r="A189" s="3"/>
      <c r="B189" s="3" t="s">
        <v>1869</v>
      </c>
      <c r="C189" s="12">
        <v>400</v>
      </c>
      <c r="D189" s="12">
        <v>1000</v>
      </c>
      <c r="E189" s="12">
        <v>495</v>
      </c>
      <c r="F189" s="12">
        <v>505</v>
      </c>
      <c r="G189" s="12">
        <v>114</v>
      </c>
      <c r="H189" s="12">
        <v>117</v>
      </c>
      <c r="I189" s="12">
        <v>110</v>
      </c>
      <c r="J189" s="12">
        <v>127</v>
      </c>
      <c r="K189" s="12">
        <v>177</v>
      </c>
      <c r="L189" s="12">
        <v>154</v>
      </c>
      <c r="M189" s="12">
        <v>80</v>
      </c>
      <c r="N189" s="12">
        <v>121</v>
      </c>
      <c r="O189" s="12">
        <v>0</v>
      </c>
      <c r="P189" s="12">
        <v>176</v>
      </c>
      <c r="Q189" s="12">
        <v>669</v>
      </c>
      <c r="R189" s="12">
        <v>155</v>
      </c>
    </row>
    <row r="190" spans="1:18" ht="10.5" customHeight="1" x14ac:dyDescent="0.15">
      <c r="A190" s="3"/>
      <c r="B190" s="3" t="s">
        <v>1870</v>
      </c>
      <c r="C190" s="12">
        <v>591</v>
      </c>
      <c r="D190" s="12">
        <v>1492</v>
      </c>
      <c r="E190" s="12">
        <v>754</v>
      </c>
      <c r="F190" s="12">
        <v>738</v>
      </c>
      <c r="G190" s="12">
        <v>147</v>
      </c>
      <c r="H190" s="12">
        <v>193</v>
      </c>
      <c r="I190" s="12">
        <v>184</v>
      </c>
      <c r="J190" s="12">
        <v>156</v>
      </c>
      <c r="K190" s="12">
        <v>280</v>
      </c>
      <c r="L190" s="12">
        <v>225</v>
      </c>
      <c r="M190" s="12">
        <v>127</v>
      </c>
      <c r="N190" s="12">
        <v>180</v>
      </c>
      <c r="O190" s="12">
        <v>0</v>
      </c>
      <c r="P190" s="12">
        <v>245</v>
      </c>
      <c r="Q190" s="12">
        <v>1003</v>
      </c>
      <c r="R190" s="12">
        <v>244</v>
      </c>
    </row>
    <row r="191" spans="1:18" ht="10.5" customHeight="1" x14ac:dyDescent="0.15">
      <c r="A191" s="3"/>
      <c r="B191" s="3" t="s">
        <v>1871</v>
      </c>
      <c r="C191" s="12">
        <v>428</v>
      </c>
      <c r="D191" s="12">
        <v>1095</v>
      </c>
      <c r="E191" s="12">
        <v>557</v>
      </c>
      <c r="F191" s="12">
        <v>538</v>
      </c>
      <c r="G191" s="12">
        <v>98</v>
      </c>
      <c r="H191" s="12">
        <v>165</v>
      </c>
      <c r="I191" s="12">
        <v>89</v>
      </c>
      <c r="J191" s="12">
        <v>97</v>
      </c>
      <c r="K191" s="12">
        <v>191</v>
      </c>
      <c r="L191" s="12">
        <v>148</v>
      </c>
      <c r="M191" s="12">
        <v>145</v>
      </c>
      <c r="N191" s="12">
        <v>162</v>
      </c>
      <c r="O191" s="12">
        <v>0</v>
      </c>
      <c r="P191" s="12">
        <v>186</v>
      </c>
      <c r="Q191" s="12">
        <v>665</v>
      </c>
      <c r="R191" s="12">
        <v>244</v>
      </c>
    </row>
    <row r="192" spans="1:18" ht="10.5" customHeight="1" x14ac:dyDescent="0.15">
      <c r="A192" s="3"/>
      <c r="B192" s="3" t="s">
        <v>1872</v>
      </c>
      <c r="C192" s="12">
        <v>314</v>
      </c>
      <c r="D192" s="12">
        <v>916</v>
      </c>
      <c r="E192" s="12">
        <v>475</v>
      </c>
      <c r="F192" s="12">
        <v>441</v>
      </c>
      <c r="G192" s="12">
        <v>107</v>
      </c>
      <c r="H192" s="12">
        <v>189</v>
      </c>
      <c r="I192" s="12">
        <v>67</v>
      </c>
      <c r="J192" s="12">
        <v>107</v>
      </c>
      <c r="K192" s="12">
        <v>188</v>
      </c>
      <c r="L192" s="12">
        <v>103</v>
      </c>
      <c r="M192" s="12">
        <v>76</v>
      </c>
      <c r="N192" s="12">
        <v>79</v>
      </c>
      <c r="O192" s="12">
        <v>0</v>
      </c>
      <c r="P192" s="12">
        <v>201</v>
      </c>
      <c r="Q192" s="12">
        <v>590</v>
      </c>
      <c r="R192" s="12">
        <v>125</v>
      </c>
    </row>
    <row r="193" spans="1:18" ht="10.5" customHeight="1" x14ac:dyDescent="0.15">
      <c r="A193" s="3"/>
      <c r="B193" s="3" t="s">
        <v>1873</v>
      </c>
      <c r="C193" s="12">
        <v>471</v>
      </c>
      <c r="D193" s="12">
        <v>1235</v>
      </c>
      <c r="E193" s="12">
        <v>629</v>
      </c>
      <c r="F193" s="12">
        <v>606</v>
      </c>
      <c r="G193" s="12">
        <v>143</v>
      </c>
      <c r="H193" s="12">
        <v>146</v>
      </c>
      <c r="I193" s="12">
        <v>125</v>
      </c>
      <c r="J193" s="12">
        <v>139</v>
      </c>
      <c r="K193" s="12">
        <v>184</v>
      </c>
      <c r="L193" s="12">
        <v>184</v>
      </c>
      <c r="M193" s="12">
        <v>119</v>
      </c>
      <c r="N193" s="12">
        <v>195</v>
      </c>
      <c r="O193" s="12">
        <v>0</v>
      </c>
      <c r="P193" s="12">
        <v>217</v>
      </c>
      <c r="Q193" s="12">
        <v>765</v>
      </c>
      <c r="R193" s="12">
        <v>253</v>
      </c>
    </row>
    <row r="194" spans="1:18" ht="10.5" customHeight="1" x14ac:dyDescent="0.15">
      <c r="A194" s="3"/>
      <c r="B194" s="3" t="s">
        <v>1874</v>
      </c>
      <c r="C194" s="12">
        <v>216</v>
      </c>
      <c r="D194" s="12">
        <v>570</v>
      </c>
      <c r="E194" s="12">
        <v>286</v>
      </c>
      <c r="F194" s="12">
        <v>284</v>
      </c>
      <c r="G194" s="12">
        <v>104</v>
      </c>
      <c r="H194" s="12">
        <v>68</v>
      </c>
      <c r="I194" s="12">
        <v>29</v>
      </c>
      <c r="J194" s="12">
        <v>87</v>
      </c>
      <c r="K194" s="12">
        <v>96</v>
      </c>
      <c r="L194" s="12">
        <v>59</v>
      </c>
      <c r="M194" s="12">
        <v>57</v>
      </c>
      <c r="N194" s="12">
        <v>70</v>
      </c>
      <c r="O194" s="12">
        <v>0</v>
      </c>
      <c r="P194" s="12">
        <v>147</v>
      </c>
      <c r="Q194" s="12">
        <v>321</v>
      </c>
      <c r="R194" s="12">
        <v>102</v>
      </c>
    </row>
    <row r="195" spans="1:18" ht="10.5" customHeight="1" x14ac:dyDescent="0.15">
      <c r="A195" s="3"/>
      <c r="B195" s="3" t="s">
        <v>1875</v>
      </c>
      <c r="C195" s="12">
        <v>285</v>
      </c>
      <c r="D195" s="12">
        <v>838</v>
      </c>
      <c r="E195" s="12">
        <v>408</v>
      </c>
      <c r="F195" s="12">
        <v>430</v>
      </c>
      <c r="G195" s="12">
        <v>133</v>
      </c>
      <c r="H195" s="12">
        <v>136</v>
      </c>
      <c r="I195" s="12">
        <v>65</v>
      </c>
      <c r="J195" s="12">
        <v>123</v>
      </c>
      <c r="K195" s="12">
        <v>176</v>
      </c>
      <c r="L195" s="12">
        <v>92</v>
      </c>
      <c r="M195" s="12">
        <v>44</v>
      </c>
      <c r="N195" s="12">
        <v>69</v>
      </c>
      <c r="O195" s="12">
        <v>0</v>
      </c>
      <c r="P195" s="12">
        <v>219</v>
      </c>
      <c r="Q195" s="12">
        <v>528</v>
      </c>
      <c r="R195" s="12">
        <v>91</v>
      </c>
    </row>
    <row r="196" spans="1:18" ht="10.5" customHeight="1" x14ac:dyDescent="0.15">
      <c r="A196" s="3"/>
      <c r="B196" s="3" t="s">
        <v>1876</v>
      </c>
      <c r="C196" s="12">
        <v>231</v>
      </c>
      <c r="D196" s="12">
        <v>590</v>
      </c>
      <c r="E196" s="12">
        <v>286</v>
      </c>
      <c r="F196" s="12">
        <v>304</v>
      </c>
      <c r="G196" s="12">
        <v>46</v>
      </c>
      <c r="H196" s="12">
        <v>63</v>
      </c>
      <c r="I196" s="12">
        <v>56</v>
      </c>
      <c r="J196" s="12">
        <v>67</v>
      </c>
      <c r="K196" s="12">
        <v>88</v>
      </c>
      <c r="L196" s="12">
        <v>101</v>
      </c>
      <c r="M196" s="12">
        <v>67</v>
      </c>
      <c r="N196" s="12">
        <v>102</v>
      </c>
      <c r="O196" s="12">
        <v>0</v>
      </c>
      <c r="P196" s="12">
        <v>74</v>
      </c>
      <c r="Q196" s="12">
        <v>385</v>
      </c>
      <c r="R196" s="12">
        <v>131</v>
      </c>
    </row>
    <row r="197" spans="1:18" ht="10.5" customHeight="1" x14ac:dyDescent="0.15">
      <c r="A197" s="3"/>
      <c r="B197" s="3" t="s">
        <v>1877</v>
      </c>
      <c r="C197" s="12">
        <v>164</v>
      </c>
      <c r="D197" s="12">
        <v>386</v>
      </c>
      <c r="E197" s="12">
        <v>179</v>
      </c>
      <c r="F197" s="12">
        <v>207</v>
      </c>
      <c r="G197" s="12">
        <v>17</v>
      </c>
      <c r="H197" s="12">
        <v>31</v>
      </c>
      <c r="I197" s="12">
        <v>44</v>
      </c>
      <c r="J197" s="12">
        <v>31</v>
      </c>
      <c r="K197" s="12">
        <v>39</v>
      </c>
      <c r="L197" s="12">
        <v>74</v>
      </c>
      <c r="M197" s="12">
        <v>64</v>
      </c>
      <c r="N197" s="12">
        <v>86</v>
      </c>
      <c r="O197" s="12">
        <v>0</v>
      </c>
      <c r="P197" s="12">
        <v>27</v>
      </c>
      <c r="Q197" s="12">
        <v>240</v>
      </c>
      <c r="R197" s="12">
        <v>119</v>
      </c>
    </row>
    <row r="198" spans="1:18" ht="10.5" customHeight="1" x14ac:dyDescent="0.15">
      <c r="A198" s="3"/>
      <c r="B198" s="3" t="s">
        <v>1878</v>
      </c>
      <c r="C198" s="12">
        <v>619</v>
      </c>
      <c r="D198" s="12">
        <v>1418</v>
      </c>
      <c r="E198" s="12">
        <v>694</v>
      </c>
      <c r="F198" s="12">
        <v>724</v>
      </c>
      <c r="G198" s="12">
        <v>104</v>
      </c>
      <c r="H198" s="12">
        <v>110</v>
      </c>
      <c r="I198" s="12">
        <v>118</v>
      </c>
      <c r="J198" s="12">
        <v>141</v>
      </c>
      <c r="K198" s="12">
        <v>197</v>
      </c>
      <c r="L198" s="12">
        <v>185</v>
      </c>
      <c r="M198" s="12">
        <v>146</v>
      </c>
      <c r="N198" s="12">
        <v>417</v>
      </c>
      <c r="O198" s="12">
        <v>0</v>
      </c>
      <c r="P198" s="12">
        <v>148</v>
      </c>
      <c r="Q198" s="12">
        <v>785</v>
      </c>
      <c r="R198" s="12">
        <v>485</v>
      </c>
    </row>
    <row r="199" spans="1:18" ht="10.5" customHeight="1" x14ac:dyDescent="0.15">
      <c r="A199" s="3"/>
      <c r="B199" s="3" t="s">
        <v>1879</v>
      </c>
      <c r="C199" s="12">
        <v>583</v>
      </c>
      <c r="D199" s="12">
        <v>1336</v>
      </c>
      <c r="E199" s="12">
        <v>647</v>
      </c>
      <c r="F199" s="12">
        <v>689</v>
      </c>
      <c r="G199" s="12">
        <v>93</v>
      </c>
      <c r="H199" s="12">
        <v>127</v>
      </c>
      <c r="I199" s="12">
        <v>133</v>
      </c>
      <c r="J199" s="12">
        <v>144</v>
      </c>
      <c r="K199" s="12">
        <v>182</v>
      </c>
      <c r="L199" s="12">
        <v>206</v>
      </c>
      <c r="M199" s="12">
        <v>136</v>
      </c>
      <c r="N199" s="12">
        <v>315</v>
      </c>
      <c r="O199" s="12">
        <v>0</v>
      </c>
      <c r="P199" s="12">
        <v>153</v>
      </c>
      <c r="Q199" s="12">
        <v>799</v>
      </c>
      <c r="R199" s="12">
        <v>384</v>
      </c>
    </row>
    <row r="200" spans="1:18" ht="10.5" customHeight="1" x14ac:dyDescent="0.15">
      <c r="A200" s="3"/>
      <c r="B200" s="3" t="s">
        <v>1880</v>
      </c>
      <c r="C200" s="12">
        <v>670</v>
      </c>
      <c r="D200" s="12">
        <v>1578</v>
      </c>
      <c r="E200" s="12">
        <v>742</v>
      </c>
      <c r="F200" s="12">
        <v>836</v>
      </c>
      <c r="G200" s="12">
        <v>123</v>
      </c>
      <c r="H200" s="12">
        <v>125</v>
      </c>
      <c r="I200" s="12">
        <v>151</v>
      </c>
      <c r="J200" s="12">
        <v>168</v>
      </c>
      <c r="K200" s="12">
        <v>195</v>
      </c>
      <c r="L200" s="12">
        <v>252</v>
      </c>
      <c r="M200" s="12">
        <v>179</v>
      </c>
      <c r="N200" s="12">
        <v>385</v>
      </c>
      <c r="O200" s="12">
        <v>0</v>
      </c>
      <c r="P200" s="12">
        <v>178</v>
      </c>
      <c r="Q200" s="12">
        <v>918</v>
      </c>
      <c r="R200" s="12">
        <v>482</v>
      </c>
    </row>
    <row r="201" spans="1:18" ht="10.5" customHeight="1" x14ac:dyDescent="0.15">
      <c r="A201" s="3"/>
      <c r="B201" s="3" t="s">
        <v>1881</v>
      </c>
      <c r="C201" s="12">
        <v>388</v>
      </c>
      <c r="D201" s="12">
        <v>1020</v>
      </c>
      <c r="E201" s="12">
        <v>491</v>
      </c>
      <c r="F201" s="12">
        <v>529</v>
      </c>
      <c r="G201" s="12">
        <v>145</v>
      </c>
      <c r="H201" s="12">
        <v>98</v>
      </c>
      <c r="I201" s="12">
        <v>77</v>
      </c>
      <c r="J201" s="12">
        <v>137</v>
      </c>
      <c r="K201" s="12">
        <v>144</v>
      </c>
      <c r="L201" s="12">
        <v>134</v>
      </c>
      <c r="M201" s="12">
        <v>83</v>
      </c>
      <c r="N201" s="12">
        <v>202</v>
      </c>
      <c r="O201" s="12">
        <v>0</v>
      </c>
      <c r="P201" s="12">
        <v>200</v>
      </c>
      <c r="Q201" s="12">
        <v>569</v>
      </c>
      <c r="R201" s="12">
        <v>251</v>
      </c>
    </row>
    <row r="202" spans="1:18" ht="10.5" customHeight="1" x14ac:dyDescent="0.15">
      <c r="A202" s="3"/>
      <c r="B202" s="3" t="s">
        <v>1882</v>
      </c>
      <c r="C202" s="12">
        <v>506</v>
      </c>
      <c r="D202" s="12">
        <v>1393</v>
      </c>
      <c r="E202" s="12">
        <v>700</v>
      </c>
      <c r="F202" s="12">
        <v>693</v>
      </c>
      <c r="G202" s="12">
        <v>141</v>
      </c>
      <c r="H202" s="12">
        <v>223</v>
      </c>
      <c r="I202" s="12">
        <v>149</v>
      </c>
      <c r="J202" s="12">
        <v>136</v>
      </c>
      <c r="K202" s="12">
        <v>260</v>
      </c>
      <c r="L202" s="12">
        <v>217</v>
      </c>
      <c r="M202" s="12">
        <v>85</v>
      </c>
      <c r="N202" s="12">
        <v>182</v>
      </c>
      <c r="O202" s="12">
        <v>0</v>
      </c>
      <c r="P202" s="12">
        <v>227</v>
      </c>
      <c r="Q202" s="12">
        <v>940</v>
      </c>
      <c r="R202" s="12">
        <v>226</v>
      </c>
    </row>
    <row r="203" spans="1:18" ht="10.5" customHeight="1" x14ac:dyDescent="0.15">
      <c r="A203" s="3"/>
      <c r="B203" s="3" t="s">
        <v>1883</v>
      </c>
      <c r="C203" s="12">
        <v>195</v>
      </c>
      <c r="D203" s="12">
        <v>463</v>
      </c>
      <c r="E203" s="12">
        <v>230</v>
      </c>
      <c r="F203" s="12">
        <v>233</v>
      </c>
      <c r="G203" s="12">
        <v>35</v>
      </c>
      <c r="H203" s="12">
        <v>43</v>
      </c>
      <c r="I203" s="12">
        <v>51</v>
      </c>
      <c r="J203" s="12">
        <v>49</v>
      </c>
      <c r="K203" s="12">
        <v>61</v>
      </c>
      <c r="L203" s="12">
        <v>78</v>
      </c>
      <c r="M203" s="12">
        <v>34</v>
      </c>
      <c r="N203" s="12">
        <v>112</v>
      </c>
      <c r="O203" s="12">
        <v>0</v>
      </c>
      <c r="P203" s="12">
        <v>48</v>
      </c>
      <c r="Q203" s="12">
        <v>283</v>
      </c>
      <c r="R203" s="12">
        <v>132</v>
      </c>
    </row>
    <row r="204" spans="1:18" ht="10.5" customHeight="1" x14ac:dyDescent="0.15">
      <c r="A204" s="3"/>
      <c r="B204" s="3" t="s">
        <v>1884</v>
      </c>
      <c r="C204" s="12">
        <v>376</v>
      </c>
      <c r="D204" s="12">
        <v>955</v>
      </c>
      <c r="E204" s="12">
        <v>482</v>
      </c>
      <c r="F204" s="12">
        <v>473</v>
      </c>
      <c r="G204" s="12">
        <v>89</v>
      </c>
      <c r="H204" s="12">
        <v>134</v>
      </c>
      <c r="I204" s="12">
        <v>71</v>
      </c>
      <c r="J204" s="12">
        <v>99</v>
      </c>
      <c r="K204" s="12">
        <v>150</v>
      </c>
      <c r="L204" s="12">
        <v>128</v>
      </c>
      <c r="M204" s="12">
        <v>77</v>
      </c>
      <c r="N204" s="12">
        <v>207</v>
      </c>
      <c r="O204" s="12">
        <v>0</v>
      </c>
      <c r="P204" s="12">
        <v>155</v>
      </c>
      <c r="Q204" s="12">
        <v>549</v>
      </c>
      <c r="R204" s="12">
        <v>251</v>
      </c>
    </row>
    <row r="205" spans="1:18" ht="10.5" customHeight="1" x14ac:dyDescent="0.15">
      <c r="A205" s="3"/>
      <c r="B205" s="3" t="s">
        <v>1885</v>
      </c>
      <c r="C205" s="12">
        <v>244</v>
      </c>
      <c r="D205" s="12">
        <v>638</v>
      </c>
      <c r="E205" s="12">
        <v>301</v>
      </c>
      <c r="F205" s="12">
        <v>337</v>
      </c>
      <c r="G205" s="12">
        <v>39</v>
      </c>
      <c r="H205" s="12">
        <v>99</v>
      </c>
      <c r="I205" s="12">
        <v>58</v>
      </c>
      <c r="J205" s="12">
        <v>58</v>
      </c>
      <c r="K205" s="12">
        <v>104</v>
      </c>
      <c r="L205" s="12">
        <v>101</v>
      </c>
      <c r="M205" s="12">
        <v>67</v>
      </c>
      <c r="N205" s="12">
        <v>112</v>
      </c>
      <c r="O205" s="12">
        <v>0</v>
      </c>
      <c r="P205" s="12">
        <v>89</v>
      </c>
      <c r="Q205" s="12">
        <v>399</v>
      </c>
      <c r="R205" s="12">
        <v>150</v>
      </c>
    </row>
    <row r="206" spans="1:18" ht="10.5" customHeight="1" x14ac:dyDescent="0.15">
      <c r="A206" s="3"/>
      <c r="B206" s="3" t="s">
        <v>1886</v>
      </c>
      <c r="C206" s="12">
        <v>155</v>
      </c>
      <c r="D206" s="12">
        <v>337</v>
      </c>
      <c r="E206" s="12">
        <v>183</v>
      </c>
      <c r="F206" s="12">
        <v>154</v>
      </c>
      <c r="G206" s="12">
        <v>25</v>
      </c>
      <c r="H206" s="12">
        <v>30</v>
      </c>
      <c r="I206" s="12">
        <v>40</v>
      </c>
      <c r="J206" s="12">
        <v>34</v>
      </c>
      <c r="K206" s="12">
        <v>59</v>
      </c>
      <c r="L206" s="12">
        <v>51</v>
      </c>
      <c r="M206" s="12">
        <v>35</v>
      </c>
      <c r="N206" s="12">
        <v>63</v>
      </c>
      <c r="O206" s="12">
        <v>0</v>
      </c>
      <c r="P206" s="12">
        <v>41</v>
      </c>
      <c r="Q206" s="12">
        <v>216</v>
      </c>
      <c r="R206" s="12">
        <v>80</v>
      </c>
    </row>
    <row r="207" spans="1:18" ht="10.5" customHeight="1" x14ac:dyDescent="0.15">
      <c r="A207" s="3"/>
      <c r="B207" s="3" t="s">
        <v>1887</v>
      </c>
      <c r="C207" s="12">
        <v>89</v>
      </c>
      <c r="D207" s="12">
        <v>168</v>
      </c>
      <c r="E207" s="12">
        <v>89</v>
      </c>
      <c r="F207" s="12">
        <v>79</v>
      </c>
      <c r="G207" s="12">
        <v>13</v>
      </c>
      <c r="H207" s="12">
        <v>17</v>
      </c>
      <c r="I207" s="12">
        <v>20</v>
      </c>
      <c r="J207" s="12">
        <v>22</v>
      </c>
      <c r="K207" s="12">
        <v>25</v>
      </c>
      <c r="L207" s="12">
        <v>33</v>
      </c>
      <c r="M207" s="12">
        <v>19</v>
      </c>
      <c r="N207" s="12">
        <v>19</v>
      </c>
      <c r="O207" s="12">
        <v>0</v>
      </c>
      <c r="P207" s="12">
        <v>22</v>
      </c>
      <c r="Q207" s="12">
        <v>122</v>
      </c>
      <c r="R207" s="12">
        <v>24</v>
      </c>
    </row>
    <row r="208" spans="1:18" ht="10.5" customHeight="1" x14ac:dyDescent="0.15">
      <c r="A208" s="3"/>
      <c r="B208" s="3" t="s">
        <v>1888</v>
      </c>
      <c r="C208" s="12">
        <v>131</v>
      </c>
      <c r="D208" s="12">
        <v>320</v>
      </c>
      <c r="E208" s="12">
        <v>154</v>
      </c>
      <c r="F208" s="12">
        <v>166</v>
      </c>
      <c r="G208" s="12">
        <v>14</v>
      </c>
      <c r="H208" s="12">
        <v>29</v>
      </c>
      <c r="I208" s="12">
        <v>32</v>
      </c>
      <c r="J208" s="12">
        <v>20</v>
      </c>
      <c r="K208" s="12">
        <v>35</v>
      </c>
      <c r="L208" s="12">
        <v>60</v>
      </c>
      <c r="M208" s="12">
        <v>52</v>
      </c>
      <c r="N208" s="12">
        <v>78</v>
      </c>
      <c r="O208" s="12">
        <v>0</v>
      </c>
      <c r="P208" s="12">
        <v>28</v>
      </c>
      <c r="Q208" s="12">
        <v>187</v>
      </c>
      <c r="R208" s="12">
        <v>105</v>
      </c>
    </row>
    <row r="209" spans="1:18" ht="10.5" customHeight="1" x14ac:dyDescent="0.15">
      <c r="A209" s="3"/>
      <c r="B209" s="3" t="s">
        <v>1889</v>
      </c>
      <c r="C209" s="12">
        <v>436</v>
      </c>
      <c r="D209" s="12">
        <v>1044</v>
      </c>
      <c r="E209" s="12">
        <v>529</v>
      </c>
      <c r="F209" s="12">
        <v>515</v>
      </c>
      <c r="G209" s="12">
        <v>103</v>
      </c>
      <c r="H209" s="12">
        <v>123</v>
      </c>
      <c r="I209" s="12">
        <v>118</v>
      </c>
      <c r="J209" s="12">
        <v>150</v>
      </c>
      <c r="K209" s="12">
        <v>168</v>
      </c>
      <c r="L209" s="12">
        <v>161</v>
      </c>
      <c r="M209" s="12">
        <v>116</v>
      </c>
      <c r="N209" s="12">
        <v>105</v>
      </c>
      <c r="O209" s="12">
        <v>0</v>
      </c>
      <c r="P209" s="12">
        <v>171</v>
      </c>
      <c r="Q209" s="12">
        <v>725</v>
      </c>
      <c r="R209" s="12">
        <v>148</v>
      </c>
    </row>
    <row r="210" spans="1:18" ht="10.5" customHeight="1" x14ac:dyDescent="0.15">
      <c r="A210" s="3"/>
      <c r="B210" s="3" t="s">
        <v>1890</v>
      </c>
      <c r="C210" s="12">
        <v>247</v>
      </c>
      <c r="D210" s="12">
        <v>596</v>
      </c>
      <c r="E210" s="12">
        <v>288</v>
      </c>
      <c r="F210" s="12">
        <v>308</v>
      </c>
      <c r="G210" s="12">
        <v>56</v>
      </c>
      <c r="H210" s="12">
        <v>54</v>
      </c>
      <c r="I210" s="12">
        <v>38</v>
      </c>
      <c r="J210" s="12">
        <v>59</v>
      </c>
      <c r="K210" s="12">
        <v>88</v>
      </c>
      <c r="L210" s="12">
        <v>69</v>
      </c>
      <c r="M210" s="12">
        <v>52</v>
      </c>
      <c r="N210" s="12">
        <v>180</v>
      </c>
      <c r="O210" s="12">
        <v>0</v>
      </c>
      <c r="P210" s="12">
        <v>88</v>
      </c>
      <c r="Q210" s="12">
        <v>298</v>
      </c>
      <c r="R210" s="12">
        <v>210</v>
      </c>
    </row>
    <row r="211" spans="1:18" ht="10.5" customHeight="1" x14ac:dyDescent="0.15">
      <c r="A211" s="3"/>
      <c r="B211" s="3" t="s">
        <v>1891</v>
      </c>
      <c r="C211" s="12">
        <v>600</v>
      </c>
      <c r="D211" s="12">
        <v>1418</v>
      </c>
      <c r="E211" s="12">
        <v>676</v>
      </c>
      <c r="F211" s="12">
        <v>742</v>
      </c>
      <c r="G211" s="12">
        <v>154</v>
      </c>
      <c r="H211" s="12">
        <v>173</v>
      </c>
      <c r="I211" s="12">
        <v>214</v>
      </c>
      <c r="J211" s="12">
        <v>210</v>
      </c>
      <c r="K211" s="12">
        <v>273</v>
      </c>
      <c r="L211" s="12">
        <v>226</v>
      </c>
      <c r="M211" s="12">
        <v>77</v>
      </c>
      <c r="N211" s="12">
        <v>91</v>
      </c>
      <c r="O211" s="12">
        <v>0</v>
      </c>
      <c r="P211" s="12">
        <v>233</v>
      </c>
      <c r="Q211" s="12">
        <v>1067</v>
      </c>
      <c r="R211" s="12">
        <v>118</v>
      </c>
    </row>
    <row r="212" spans="1:18" ht="10.5" customHeight="1" x14ac:dyDescent="0.15">
      <c r="A212" s="3"/>
      <c r="B212" s="3" t="s">
        <v>1892</v>
      </c>
      <c r="C212" s="12">
        <v>455</v>
      </c>
      <c r="D212" s="12">
        <v>1096</v>
      </c>
      <c r="E212" s="12">
        <v>558</v>
      </c>
      <c r="F212" s="12">
        <v>538</v>
      </c>
      <c r="G212" s="12">
        <v>94</v>
      </c>
      <c r="H212" s="12">
        <v>121</v>
      </c>
      <c r="I212" s="12">
        <v>148</v>
      </c>
      <c r="J212" s="12">
        <v>141</v>
      </c>
      <c r="K212" s="12">
        <v>171</v>
      </c>
      <c r="L212" s="12">
        <v>183</v>
      </c>
      <c r="M212" s="12">
        <v>98</v>
      </c>
      <c r="N212" s="12">
        <v>140</v>
      </c>
      <c r="O212" s="12">
        <v>0</v>
      </c>
      <c r="P212" s="12">
        <v>145</v>
      </c>
      <c r="Q212" s="12">
        <v>768</v>
      </c>
      <c r="R212" s="12">
        <v>183</v>
      </c>
    </row>
    <row r="213" spans="1:18" ht="10.5" customHeight="1" x14ac:dyDescent="0.15">
      <c r="A213" s="3"/>
      <c r="B213" s="3" t="s">
        <v>1893</v>
      </c>
      <c r="C213" s="12">
        <v>476</v>
      </c>
      <c r="D213" s="12">
        <v>1294</v>
      </c>
      <c r="E213" s="12">
        <v>629</v>
      </c>
      <c r="F213" s="12">
        <v>665</v>
      </c>
      <c r="G213" s="12">
        <v>126</v>
      </c>
      <c r="H213" s="12">
        <v>180</v>
      </c>
      <c r="I213" s="12">
        <v>139</v>
      </c>
      <c r="J213" s="12">
        <v>139</v>
      </c>
      <c r="K213" s="12">
        <v>208</v>
      </c>
      <c r="L213" s="12">
        <v>212</v>
      </c>
      <c r="M213" s="12">
        <v>114</v>
      </c>
      <c r="N213" s="12">
        <v>176</v>
      </c>
      <c r="O213" s="12">
        <v>0</v>
      </c>
      <c r="P213" s="12">
        <v>206</v>
      </c>
      <c r="Q213" s="12">
        <v>847</v>
      </c>
      <c r="R213" s="12">
        <v>241</v>
      </c>
    </row>
    <row r="214" spans="1:18" ht="10.5" customHeight="1" x14ac:dyDescent="0.15">
      <c r="A214" s="3"/>
      <c r="B214" s="3" t="s">
        <v>1894</v>
      </c>
      <c r="C214" s="12">
        <v>469</v>
      </c>
      <c r="D214" s="12">
        <v>951</v>
      </c>
      <c r="E214" s="12">
        <v>472</v>
      </c>
      <c r="F214" s="12">
        <v>479</v>
      </c>
      <c r="G214" s="12">
        <v>61</v>
      </c>
      <c r="H214" s="12">
        <v>64</v>
      </c>
      <c r="I214" s="12">
        <v>85</v>
      </c>
      <c r="J214" s="12">
        <v>104</v>
      </c>
      <c r="K214" s="12">
        <v>143</v>
      </c>
      <c r="L214" s="12">
        <v>122</v>
      </c>
      <c r="M214" s="12">
        <v>113</v>
      </c>
      <c r="N214" s="12">
        <v>259</v>
      </c>
      <c r="O214" s="12">
        <v>0</v>
      </c>
      <c r="P214" s="12">
        <v>88</v>
      </c>
      <c r="Q214" s="12">
        <v>544</v>
      </c>
      <c r="R214" s="12">
        <v>319</v>
      </c>
    </row>
    <row r="215" spans="1:18" ht="10.5" customHeight="1" x14ac:dyDescent="0.15">
      <c r="A215" s="3"/>
      <c r="B215" s="3" t="s">
        <v>1895</v>
      </c>
      <c r="C215" s="12">
        <v>586</v>
      </c>
      <c r="D215" s="12">
        <v>1382</v>
      </c>
      <c r="E215" s="12">
        <v>679</v>
      </c>
      <c r="F215" s="12">
        <v>703</v>
      </c>
      <c r="G215" s="12">
        <v>112</v>
      </c>
      <c r="H215" s="12">
        <v>122</v>
      </c>
      <c r="I215" s="12">
        <v>112</v>
      </c>
      <c r="J215" s="12">
        <v>136</v>
      </c>
      <c r="K215" s="12">
        <v>217</v>
      </c>
      <c r="L215" s="12">
        <v>185</v>
      </c>
      <c r="M215" s="12">
        <v>163</v>
      </c>
      <c r="N215" s="12">
        <v>335</v>
      </c>
      <c r="O215" s="12">
        <v>0</v>
      </c>
      <c r="P215" s="12">
        <v>172</v>
      </c>
      <c r="Q215" s="12">
        <v>795</v>
      </c>
      <c r="R215" s="12">
        <v>415</v>
      </c>
    </row>
    <row r="216" spans="1:18" ht="10.5" customHeight="1" x14ac:dyDescent="0.15">
      <c r="A216" s="3"/>
      <c r="B216" s="3" t="s">
        <v>1896</v>
      </c>
      <c r="C216" s="12">
        <v>393</v>
      </c>
      <c r="D216" s="12">
        <v>965</v>
      </c>
      <c r="E216" s="12">
        <v>471</v>
      </c>
      <c r="F216" s="12">
        <v>494</v>
      </c>
      <c r="G216" s="12">
        <v>92</v>
      </c>
      <c r="H216" s="12">
        <v>99</v>
      </c>
      <c r="I216" s="12">
        <v>80</v>
      </c>
      <c r="J216" s="12">
        <v>120</v>
      </c>
      <c r="K216" s="12">
        <v>152</v>
      </c>
      <c r="L216" s="12">
        <v>152</v>
      </c>
      <c r="M216" s="12">
        <v>107</v>
      </c>
      <c r="N216" s="12">
        <v>163</v>
      </c>
      <c r="O216" s="12">
        <v>0</v>
      </c>
      <c r="P216" s="12">
        <v>144</v>
      </c>
      <c r="Q216" s="12">
        <v>602</v>
      </c>
      <c r="R216" s="12">
        <v>219</v>
      </c>
    </row>
    <row r="217" spans="1:18" ht="10.5" customHeight="1" x14ac:dyDescent="0.15">
      <c r="A217" s="3"/>
      <c r="B217" s="3" t="s">
        <v>1897</v>
      </c>
      <c r="C217" s="12">
        <v>468</v>
      </c>
      <c r="D217" s="12">
        <v>1037</v>
      </c>
      <c r="E217" s="12">
        <v>511</v>
      </c>
      <c r="F217" s="12">
        <v>526</v>
      </c>
      <c r="G217" s="12">
        <v>127</v>
      </c>
      <c r="H217" s="12">
        <v>50</v>
      </c>
      <c r="I217" s="12">
        <v>106</v>
      </c>
      <c r="J217" s="12">
        <v>197</v>
      </c>
      <c r="K217" s="12">
        <v>148</v>
      </c>
      <c r="L217" s="12">
        <v>146</v>
      </c>
      <c r="M217" s="12">
        <v>113</v>
      </c>
      <c r="N217" s="12">
        <v>150</v>
      </c>
      <c r="O217" s="12">
        <v>0</v>
      </c>
      <c r="P217" s="12">
        <v>156</v>
      </c>
      <c r="Q217" s="12">
        <v>675</v>
      </c>
      <c r="R217" s="12">
        <v>206</v>
      </c>
    </row>
    <row r="218" spans="1:18" ht="10.5" customHeight="1" x14ac:dyDescent="0.15">
      <c r="A218" s="3"/>
      <c r="B218" s="3" t="s">
        <v>1898</v>
      </c>
      <c r="C218" s="12">
        <v>531</v>
      </c>
      <c r="D218" s="12">
        <v>1155</v>
      </c>
      <c r="E218" s="12">
        <v>560</v>
      </c>
      <c r="F218" s="12">
        <v>595</v>
      </c>
      <c r="G218" s="12">
        <v>97</v>
      </c>
      <c r="H218" s="12">
        <v>86</v>
      </c>
      <c r="I218" s="12">
        <v>85</v>
      </c>
      <c r="J218" s="12">
        <v>130</v>
      </c>
      <c r="K218" s="12">
        <v>154</v>
      </c>
      <c r="L218" s="12">
        <v>134</v>
      </c>
      <c r="M218" s="12">
        <v>176</v>
      </c>
      <c r="N218" s="12">
        <v>293</v>
      </c>
      <c r="O218" s="12">
        <v>0</v>
      </c>
      <c r="P218" s="12">
        <v>137</v>
      </c>
      <c r="Q218" s="12">
        <v>638</v>
      </c>
      <c r="R218" s="12">
        <v>380</v>
      </c>
    </row>
    <row r="219" spans="1:18" ht="10.5" customHeight="1" x14ac:dyDescent="0.15">
      <c r="A219" s="3"/>
      <c r="B219" s="3" t="s">
        <v>1899</v>
      </c>
      <c r="C219" s="12">
        <v>249</v>
      </c>
      <c r="D219" s="12">
        <v>621</v>
      </c>
      <c r="E219" s="12">
        <v>295</v>
      </c>
      <c r="F219" s="12">
        <v>326</v>
      </c>
      <c r="G219" s="12">
        <v>89</v>
      </c>
      <c r="H219" s="12">
        <v>74</v>
      </c>
      <c r="I219" s="12">
        <v>67</v>
      </c>
      <c r="J219" s="12">
        <v>99</v>
      </c>
      <c r="K219" s="12">
        <v>153</v>
      </c>
      <c r="L219" s="12">
        <v>53</v>
      </c>
      <c r="M219" s="12">
        <v>32</v>
      </c>
      <c r="N219" s="12">
        <v>54</v>
      </c>
      <c r="O219" s="12">
        <v>0</v>
      </c>
      <c r="P219" s="12">
        <v>139</v>
      </c>
      <c r="Q219" s="12">
        <v>414</v>
      </c>
      <c r="R219" s="12">
        <v>68</v>
      </c>
    </row>
    <row r="220" spans="1:18" ht="10.5" customHeight="1" x14ac:dyDescent="0.15">
      <c r="A220" s="3"/>
      <c r="B220" s="3" t="s">
        <v>1900</v>
      </c>
      <c r="C220" s="12">
        <v>112</v>
      </c>
      <c r="D220" s="12">
        <v>316</v>
      </c>
      <c r="E220" s="12">
        <v>159</v>
      </c>
      <c r="F220" s="12">
        <v>157</v>
      </c>
      <c r="G220" s="12">
        <v>40</v>
      </c>
      <c r="H220" s="12">
        <v>65</v>
      </c>
      <c r="I220" s="12">
        <v>26</v>
      </c>
      <c r="J220" s="12">
        <v>46</v>
      </c>
      <c r="K220" s="12">
        <v>76</v>
      </c>
      <c r="L220" s="12">
        <v>36</v>
      </c>
      <c r="M220" s="12">
        <v>10</v>
      </c>
      <c r="N220" s="12">
        <v>17</v>
      </c>
      <c r="O220" s="12">
        <v>0</v>
      </c>
      <c r="P220" s="12">
        <v>68</v>
      </c>
      <c r="Q220" s="12">
        <v>225</v>
      </c>
      <c r="R220" s="12">
        <v>23</v>
      </c>
    </row>
    <row r="221" spans="1:18" ht="10.5" customHeight="1" x14ac:dyDescent="0.15">
      <c r="A221" s="3"/>
      <c r="B221" s="3" t="s">
        <v>1901</v>
      </c>
      <c r="C221" s="12">
        <v>411</v>
      </c>
      <c r="D221" s="12">
        <v>990</v>
      </c>
      <c r="E221" s="12">
        <v>464</v>
      </c>
      <c r="F221" s="12">
        <v>526</v>
      </c>
      <c r="G221" s="12">
        <v>118</v>
      </c>
      <c r="H221" s="12">
        <v>81</v>
      </c>
      <c r="I221" s="12">
        <v>102</v>
      </c>
      <c r="J221" s="12">
        <v>144</v>
      </c>
      <c r="K221" s="12">
        <v>152</v>
      </c>
      <c r="L221" s="12">
        <v>133</v>
      </c>
      <c r="M221" s="12">
        <v>95</v>
      </c>
      <c r="N221" s="12">
        <v>165</v>
      </c>
      <c r="O221" s="12">
        <v>0</v>
      </c>
      <c r="P221" s="12">
        <v>163</v>
      </c>
      <c r="Q221" s="12">
        <v>617</v>
      </c>
      <c r="R221" s="12">
        <v>210</v>
      </c>
    </row>
    <row r="222" spans="1:18" ht="10.5" customHeight="1" x14ac:dyDescent="0.15">
      <c r="A222" s="3"/>
      <c r="B222" s="3" t="s">
        <v>1902</v>
      </c>
      <c r="C222" s="12">
        <v>267</v>
      </c>
      <c r="D222" s="12">
        <v>626</v>
      </c>
      <c r="E222" s="12">
        <v>300</v>
      </c>
      <c r="F222" s="12">
        <v>326</v>
      </c>
      <c r="G222" s="12">
        <v>31</v>
      </c>
      <c r="H222" s="12">
        <v>47</v>
      </c>
      <c r="I222" s="12">
        <v>55</v>
      </c>
      <c r="J222" s="12">
        <v>50</v>
      </c>
      <c r="K222" s="12">
        <v>69</v>
      </c>
      <c r="L222" s="12">
        <v>90</v>
      </c>
      <c r="M222" s="12">
        <v>102</v>
      </c>
      <c r="N222" s="12">
        <v>182</v>
      </c>
      <c r="O222" s="12">
        <v>0</v>
      </c>
      <c r="P222" s="12">
        <v>54</v>
      </c>
      <c r="Q222" s="12">
        <v>336</v>
      </c>
      <c r="R222" s="12">
        <v>236</v>
      </c>
    </row>
    <row r="223" spans="1:18" ht="10.5" customHeight="1" x14ac:dyDescent="0.15">
      <c r="A223" s="3"/>
      <c r="B223" s="3" t="s">
        <v>1903</v>
      </c>
      <c r="C223" s="12">
        <v>132</v>
      </c>
      <c r="D223" s="12">
        <v>268</v>
      </c>
      <c r="E223" s="12">
        <v>135</v>
      </c>
      <c r="F223" s="12">
        <v>133</v>
      </c>
      <c r="G223" s="12">
        <v>31</v>
      </c>
      <c r="H223" s="12">
        <v>26</v>
      </c>
      <c r="I223" s="12">
        <v>36</v>
      </c>
      <c r="J223" s="12">
        <v>37</v>
      </c>
      <c r="K223" s="12">
        <v>44</v>
      </c>
      <c r="L223" s="12">
        <v>30</v>
      </c>
      <c r="M223" s="12">
        <v>26</v>
      </c>
      <c r="N223" s="12">
        <v>38</v>
      </c>
      <c r="O223" s="12">
        <v>0</v>
      </c>
      <c r="P223" s="12">
        <v>45</v>
      </c>
      <c r="Q223" s="12">
        <v>171</v>
      </c>
      <c r="R223" s="12">
        <v>52</v>
      </c>
    </row>
    <row r="224" spans="1:18" ht="10.5" customHeight="1" x14ac:dyDescent="0.15">
      <c r="A224" s="3"/>
      <c r="B224" s="3" t="s">
        <v>1904</v>
      </c>
      <c r="C224" s="12">
        <v>18</v>
      </c>
      <c r="D224" s="12">
        <v>42</v>
      </c>
      <c r="E224" s="12">
        <v>23</v>
      </c>
      <c r="F224" s="12">
        <v>19</v>
      </c>
      <c r="G224" s="12">
        <v>4</v>
      </c>
      <c r="H224" s="12">
        <v>1</v>
      </c>
      <c r="I224" s="12">
        <v>2</v>
      </c>
      <c r="J224" s="12">
        <v>9</v>
      </c>
      <c r="K224" s="12">
        <v>2</v>
      </c>
      <c r="L224" s="12">
        <v>8</v>
      </c>
      <c r="M224" s="12">
        <v>8</v>
      </c>
      <c r="N224" s="12">
        <v>8</v>
      </c>
      <c r="O224" s="12">
        <v>0</v>
      </c>
      <c r="P224" s="12">
        <v>4</v>
      </c>
      <c r="Q224" s="12">
        <v>26</v>
      </c>
      <c r="R224" s="12">
        <v>12</v>
      </c>
    </row>
    <row r="225" spans="1:18" ht="10.5" customHeight="1" x14ac:dyDescent="0.15">
      <c r="A225" s="3"/>
      <c r="B225" s="3" t="s">
        <v>1905</v>
      </c>
      <c r="C225" s="12">
        <v>428</v>
      </c>
      <c r="D225" s="12">
        <v>1195</v>
      </c>
      <c r="E225" s="12">
        <v>593</v>
      </c>
      <c r="F225" s="12">
        <v>602</v>
      </c>
      <c r="G225" s="12">
        <v>60</v>
      </c>
      <c r="H225" s="12">
        <v>244</v>
      </c>
      <c r="I225" s="12">
        <v>148</v>
      </c>
      <c r="J225" s="12">
        <v>61</v>
      </c>
      <c r="K225" s="12">
        <v>267</v>
      </c>
      <c r="L225" s="12">
        <v>232</v>
      </c>
      <c r="M225" s="12">
        <v>83</v>
      </c>
      <c r="N225" s="12">
        <v>100</v>
      </c>
      <c r="O225" s="12">
        <v>0</v>
      </c>
      <c r="P225" s="12">
        <v>159</v>
      </c>
      <c r="Q225" s="12">
        <v>897</v>
      </c>
      <c r="R225" s="12">
        <v>139</v>
      </c>
    </row>
    <row r="226" spans="1:18" ht="10.5" customHeight="1" x14ac:dyDescent="0.15">
      <c r="A226" s="3"/>
      <c r="B226" s="3" t="s">
        <v>1906</v>
      </c>
      <c r="C226" s="12">
        <v>733</v>
      </c>
      <c r="D226" s="12">
        <v>1795</v>
      </c>
      <c r="E226" s="12">
        <v>900</v>
      </c>
      <c r="F226" s="12">
        <v>895</v>
      </c>
      <c r="G226" s="12">
        <v>122</v>
      </c>
      <c r="H226" s="12">
        <v>185</v>
      </c>
      <c r="I226" s="12">
        <v>242</v>
      </c>
      <c r="J226" s="12">
        <v>166</v>
      </c>
      <c r="K226" s="12">
        <v>234</v>
      </c>
      <c r="L226" s="12">
        <v>375</v>
      </c>
      <c r="M226" s="12">
        <v>195</v>
      </c>
      <c r="N226" s="12">
        <v>276</v>
      </c>
      <c r="O226" s="12">
        <v>0</v>
      </c>
      <c r="P226" s="12">
        <v>199</v>
      </c>
      <c r="Q226" s="12">
        <v>1239</v>
      </c>
      <c r="R226" s="12">
        <v>357</v>
      </c>
    </row>
    <row r="227" spans="1:18" ht="10.5" customHeight="1" x14ac:dyDescent="0.15">
      <c r="A227" s="3"/>
      <c r="B227" s="3" t="s">
        <v>1814</v>
      </c>
      <c r="C227" s="12">
        <v>6</v>
      </c>
      <c r="D227" s="12">
        <v>14</v>
      </c>
      <c r="E227" s="12">
        <v>9</v>
      </c>
      <c r="F227" s="12">
        <v>5</v>
      </c>
      <c r="G227" s="12" t="s">
        <v>132</v>
      </c>
      <c r="H227" s="12" t="s">
        <v>132</v>
      </c>
      <c r="I227" s="12" t="s">
        <v>132</v>
      </c>
      <c r="J227" s="12" t="s">
        <v>132</v>
      </c>
      <c r="K227" s="12" t="s">
        <v>132</v>
      </c>
      <c r="L227" s="12" t="s">
        <v>132</v>
      </c>
      <c r="M227" s="12" t="s">
        <v>132</v>
      </c>
      <c r="N227" s="12" t="s">
        <v>132</v>
      </c>
      <c r="O227" s="12" t="s">
        <v>132</v>
      </c>
      <c r="P227" s="12" t="s">
        <v>132</v>
      </c>
      <c r="Q227" s="12" t="s">
        <v>132</v>
      </c>
      <c r="R227" s="12" t="s">
        <v>132</v>
      </c>
    </row>
    <row r="228" spans="1:18" ht="10.5" customHeight="1" x14ac:dyDescent="0.15">
      <c r="A228" s="3"/>
      <c r="B228" s="3" t="s">
        <v>1907</v>
      </c>
      <c r="C228" s="12">
        <v>342</v>
      </c>
      <c r="D228" s="12">
        <v>776</v>
      </c>
      <c r="E228" s="12">
        <v>364</v>
      </c>
      <c r="F228" s="12">
        <v>412</v>
      </c>
      <c r="G228" s="12">
        <v>62</v>
      </c>
      <c r="H228" s="12">
        <v>66</v>
      </c>
      <c r="I228" s="12">
        <v>68</v>
      </c>
      <c r="J228" s="12">
        <v>71</v>
      </c>
      <c r="K228" s="12">
        <v>103</v>
      </c>
      <c r="L228" s="12">
        <v>118</v>
      </c>
      <c r="M228" s="12">
        <v>85</v>
      </c>
      <c r="N228" s="12">
        <v>203</v>
      </c>
      <c r="O228" s="12">
        <v>0</v>
      </c>
      <c r="P228" s="12">
        <v>95</v>
      </c>
      <c r="Q228" s="12">
        <v>434</v>
      </c>
      <c r="R228" s="12">
        <v>247</v>
      </c>
    </row>
    <row r="229" spans="1:18" ht="10.5" customHeight="1" x14ac:dyDescent="0.15">
      <c r="A229" s="3"/>
      <c r="B229" s="3" t="s">
        <v>1908</v>
      </c>
      <c r="C229" s="12">
        <v>503</v>
      </c>
      <c r="D229" s="12">
        <v>1210</v>
      </c>
      <c r="E229" s="12">
        <v>575</v>
      </c>
      <c r="F229" s="12">
        <v>635</v>
      </c>
      <c r="G229" s="12">
        <v>102</v>
      </c>
      <c r="H229" s="12">
        <v>96</v>
      </c>
      <c r="I229" s="12">
        <v>88</v>
      </c>
      <c r="J229" s="12">
        <v>127</v>
      </c>
      <c r="K229" s="12">
        <v>166</v>
      </c>
      <c r="L229" s="12">
        <v>136</v>
      </c>
      <c r="M229" s="12">
        <v>186</v>
      </c>
      <c r="N229" s="12">
        <v>309</v>
      </c>
      <c r="O229" s="12">
        <v>0</v>
      </c>
      <c r="P229" s="12">
        <v>152</v>
      </c>
      <c r="Q229" s="12">
        <v>659</v>
      </c>
      <c r="R229" s="12">
        <v>399</v>
      </c>
    </row>
    <row r="230" spans="1:18" ht="10.5" customHeight="1" x14ac:dyDescent="0.15">
      <c r="A230" s="3"/>
      <c r="B230" s="3" t="s">
        <v>1909</v>
      </c>
      <c r="C230" s="12">
        <v>436</v>
      </c>
      <c r="D230" s="12">
        <v>1146</v>
      </c>
      <c r="E230" s="12">
        <v>571</v>
      </c>
      <c r="F230" s="12">
        <v>575</v>
      </c>
      <c r="G230" s="12">
        <v>129</v>
      </c>
      <c r="H230" s="12">
        <v>155</v>
      </c>
      <c r="I230" s="12">
        <v>101</v>
      </c>
      <c r="J230" s="12">
        <v>122</v>
      </c>
      <c r="K230" s="12">
        <v>218</v>
      </c>
      <c r="L230" s="12">
        <v>182</v>
      </c>
      <c r="M230" s="12">
        <v>99</v>
      </c>
      <c r="N230" s="12">
        <v>140</v>
      </c>
      <c r="O230" s="12">
        <v>0</v>
      </c>
      <c r="P230" s="12">
        <v>212</v>
      </c>
      <c r="Q230" s="12">
        <v>753</v>
      </c>
      <c r="R230" s="12">
        <v>181</v>
      </c>
    </row>
    <row r="231" spans="1:18" ht="10.5" customHeight="1" x14ac:dyDescent="0.15">
      <c r="A231" s="3"/>
      <c r="B231" s="3" t="s">
        <v>1910</v>
      </c>
      <c r="C231" s="12">
        <v>284</v>
      </c>
      <c r="D231" s="12">
        <v>772</v>
      </c>
      <c r="E231" s="12">
        <v>382</v>
      </c>
      <c r="F231" s="12">
        <v>390</v>
      </c>
      <c r="G231" s="12">
        <v>108</v>
      </c>
      <c r="H231" s="12">
        <v>115</v>
      </c>
      <c r="I231" s="12">
        <v>80</v>
      </c>
      <c r="J231" s="12">
        <v>110</v>
      </c>
      <c r="K231" s="12">
        <v>161</v>
      </c>
      <c r="L231" s="12">
        <v>95</v>
      </c>
      <c r="M231" s="12">
        <v>31</v>
      </c>
      <c r="N231" s="12">
        <v>72</v>
      </c>
      <c r="O231" s="12">
        <v>0</v>
      </c>
      <c r="P231" s="12">
        <v>157</v>
      </c>
      <c r="Q231" s="12">
        <v>534</v>
      </c>
      <c r="R231" s="12">
        <v>81</v>
      </c>
    </row>
    <row r="232" spans="1:18" ht="10.5" customHeight="1" x14ac:dyDescent="0.15">
      <c r="A232" s="3"/>
      <c r="B232" s="3" t="s">
        <v>1911</v>
      </c>
      <c r="C232" s="12">
        <v>372</v>
      </c>
      <c r="D232" s="12">
        <v>929</v>
      </c>
      <c r="E232" s="12">
        <v>472</v>
      </c>
      <c r="F232" s="12">
        <v>457</v>
      </c>
      <c r="G232" s="12">
        <v>109</v>
      </c>
      <c r="H232" s="12">
        <v>99</v>
      </c>
      <c r="I232" s="12">
        <v>93</v>
      </c>
      <c r="J232" s="12">
        <v>137</v>
      </c>
      <c r="K232" s="12">
        <v>157</v>
      </c>
      <c r="L232" s="12">
        <v>111</v>
      </c>
      <c r="M232" s="12">
        <v>100</v>
      </c>
      <c r="N232" s="12">
        <v>123</v>
      </c>
      <c r="O232" s="12">
        <v>0</v>
      </c>
      <c r="P232" s="12">
        <v>156</v>
      </c>
      <c r="Q232" s="12">
        <v>607</v>
      </c>
      <c r="R232" s="12">
        <v>166</v>
      </c>
    </row>
    <row r="233" spans="1:18" ht="10.5" customHeight="1" x14ac:dyDescent="0.15">
      <c r="A233" s="3"/>
      <c r="B233" s="3" t="s">
        <v>1912</v>
      </c>
      <c r="C233" s="12">
        <v>331</v>
      </c>
      <c r="D233" s="12">
        <v>778</v>
      </c>
      <c r="E233" s="12">
        <v>386</v>
      </c>
      <c r="F233" s="12">
        <v>392</v>
      </c>
      <c r="G233" s="12">
        <v>75</v>
      </c>
      <c r="H233" s="12">
        <v>69</v>
      </c>
      <c r="I233" s="12">
        <v>100</v>
      </c>
      <c r="J233" s="12">
        <v>116</v>
      </c>
      <c r="K233" s="12">
        <v>111</v>
      </c>
      <c r="L233" s="12">
        <v>120</v>
      </c>
      <c r="M233" s="12">
        <v>106</v>
      </c>
      <c r="N233" s="12">
        <v>81</v>
      </c>
      <c r="O233" s="12">
        <v>0</v>
      </c>
      <c r="P233" s="12">
        <v>109</v>
      </c>
      <c r="Q233" s="12">
        <v>542</v>
      </c>
      <c r="R233" s="12">
        <v>127</v>
      </c>
    </row>
    <row r="234" spans="1:18" ht="10.5" customHeight="1" x14ac:dyDescent="0.15">
      <c r="A234" s="3"/>
      <c r="B234" s="3" t="s">
        <v>1913</v>
      </c>
      <c r="C234" s="12">
        <v>151</v>
      </c>
      <c r="D234" s="12">
        <v>361</v>
      </c>
      <c r="E234" s="12">
        <v>167</v>
      </c>
      <c r="F234" s="12">
        <v>194</v>
      </c>
      <c r="G234" s="12">
        <v>40</v>
      </c>
      <c r="H234" s="12">
        <v>32</v>
      </c>
      <c r="I234" s="12">
        <v>21</v>
      </c>
      <c r="J234" s="12">
        <v>45</v>
      </c>
      <c r="K234" s="12">
        <v>53</v>
      </c>
      <c r="L234" s="12">
        <v>44</v>
      </c>
      <c r="M234" s="12">
        <v>32</v>
      </c>
      <c r="N234" s="12">
        <v>94</v>
      </c>
      <c r="O234" s="12">
        <v>0</v>
      </c>
      <c r="P234" s="12">
        <v>53</v>
      </c>
      <c r="Q234" s="12">
        <v>198</v>
      </c>
      <c r="R234" s="12">
        <v>110</v>
      </c>
    </row>
    <row r="235" spans="1:18" ht="10.5" customHeight="1" x14ac:dyDescent="0.15">
      <c r="A235" s="3"/>
      <c r="B235" s="3" t="s">
        <v>1914</v>
      </c>
      <c r="C235" s="12">
        <v>559</v>
      </c>
      <c r="D235" s="12">
        <v>1298</v>
      </c>
      <c r="E235" s="12">
        <v>637</v>
      </c>
      <c r="F235" s="12">
        <v>661</v>
      </c>
      <c r="G235" s="12">
        <v>112</v>
      </c>
      <c r="H235" s="12">
        <v>129</v>
      </c>
      <c r="I235" s="12">
        <v>143</v>
      </c>
      <c r="J235" s="12">
        <v>131</v>
      </c>
      <c r="K235" s="12">
        <v>197</v>
      </c>
      <c r="L235" s="12">
        <v>215</v>
      </c>
      <c r="M235" s="12">
        <v>175</v>
      </c>
      <c r="N235" s="12">
        <v>196</v>
      </c>
      <c r="O235" s="12">
        <v>0</v>
      </c>
      <c r="P235" s="12">
        <v>166</v>
      </c>
      <c r="Q235" s="12">
        <v>867</v>
      </c>
      <c r="R235" s="12">
        <v>265</v>
      </c>
    </row>
    <row r="236" spans="1:18" ht="10.5" customHeight="1" x14ac:dyDescent="0.15">
      <c r="A236" s="3"/>
      <c r="B236" s="3" t="s">
        <v>1915</v>
      </c>
      <c r="C236" s="12">
        <v>752</v>
      </c>
      <c r="D236" s="12">
        <v>1918</v>
      </c>
      <c r="E236" s="12">
        <v>933</v>
      </c>
      <c r="F236" s="12">
        <v>985</v>
      </c>
      <c r="G236" s="12">
        <v>101</v>
      </c>
      <c r="H236" s="12">
        <v>185</v>
      </c>
      <c r="I236" s="12">
        <v>224</v>
      </c>
      <c r="J236" s="12">
        <v>167</v>
      </c>
      <c r="K236" s="12">
        <v>203</v>
      </c>
      <c r="L236" s="12">
        <v>397</v>
      </c>
      <c r="M236" s="12">
        <v>340</v>
      </c>
      <c r="N236" s="12">
        <v>301</v>
      </c>
      <c r="O236" s="12">
        <v>0</v>
      </c>
      <c r="P236" s="12">
        <v>185</v>
      </c>
      <c r="Q236" s="12">
        <v>1280</v>
      </c>
      <c r="R236" s="12">
        <v>453</v>
      </c>
    </row>
    <row r="237" spans="1:18" ht="10.5" customHeight="1" x14ac:dyDescent="0.15">
      <c r="A237" s="3"/>
      <c r="B237" s="3" t="s">
        <v>1916</v>
      </c>
      <c r="C237" s="12">
        <v>566</v>
      </c>
      <c r="D237" s="12">
        <v>1438</v>
      </c>
      <c r="E237" s="12">
        <v>689</v>
      </c>
      <c r="F237" s="12">
        <v>749</v>
      </c>
      <c r="G237" s="12">
        <v>134</v>
      </c>
      <c r="H237" s="12">
        <v>184</v>
      </c>
      <c r="I237" s="12">
        <v>160</v>
      </c>
      <c r="J237" s="12">
        <v>151</v>
      </c>
      <c r="K237" s="12">
        <v>216</v>
      </c>
      <c r="L237" s="12">
        <v>260</v>
      </c>
      <c r="M237" s="12">
        <v>156</v>
      </c>
      <c r="N237" s="12">
        <v>177</v>
      </c>
      <c r="O237" s="12">
        <v>0</v>
      </c>
      <c r="P237" s="12">
        <v>207</v>
      </c>
      <c r="Q237" s="12">
        <v>987</v>
      </c>
      <c r="R237" s="12">
        <v>244</v>
      </c>
    </row>
    <row r="238" spans="1:18" ht="10.5" customHeight="1" x14ac:dyDescent="0.15">
      <c r="A238" s="3"/>
      <c r="B238" s="3" t="s">
        <v>1917</v>
      </c>
      <c r="C238" s="12">
        <v>818</v>
      </c>
      <c r="D238" s="12">
        <v>2035</v>
      </c>
      <c r="E238" s="12">
        <v>997</v>
      </c>
      <c r="F238" s="12">
        <v>1038</v>
      </c>
      <c r="G238" s="12">
        <v>181</v>
      </c>
      <c r="H238" s="12">
        <v>252</v>
      </c>
      <c r="I238" s="12">
        <v>249</v>
      </c>
      <c r="J238" s="12">
        <v>202</v>
      </c>
      <c r="K238" s="12">
        <v>329</v>
      </c>
      <c r="L238" s="12">
        <v>354</v>
      </c>
      <c r="M238" s="12">
        <v>218</v>
      </c>
      <c r="N238" s="12">
        <v>250</v>
      </c>
      <c r="O238" s="12">
        <v>0</v>
      </c>
      <c r="P238" s="12">
        <v>303</v>
      </c>
      <c r="Q238" s="12">
        <v>1387</v>
      </c>
      <c r="R238" s="12">
        <v>345</v>
      </c>
    </row>
    <row r="239" spans="1:18" ht="10.5" customHeight="1" x14ac:dyDescent="0.15">
      <c r="A239" s="3"/>
      <c r="B239" s="3" t="s">
        <v>1918</v>
      </c>
      <c r="C239" s="12">
        <v>539</v>
      </c>
      <c r="D239" s="12">
        <v>1344</v>
      </c>
      <c r="E239" s="12">
        <v>659</v>
      </c>
      <c r="F239" s="12">
        <v>685</v>
      </c>
      <c r="G239" s="12">
        <v>139</v>
      </c>
      <c r="H239" s="12">
        <v>138</v>
      </c>
      <c r="I239" s="12">
        <v>144</v>
      </c>
      <c r="J239" s="12">
        <v>153</v>
      </c>
      <c r="K239" s="12">
        <v>207</v>
      </c>
      <c r="L239" s="12">
        <v>180</v>
      </c>
      <c r="M239" s="12">
        <v>141</v>
      </c>
      <c r="N239" s="12">
        <v>242</v>
      </c>
      <c r="O239" s="12">
        <v>0</v>
      </c>
      <c r="P239" s="12">
        <v>209</v>
      </c>
      <c r="Q239" s="12">
        <v>818</v>
      </c>
      <c r="R239" s="12">
        <v>317</v>
      </c>
    </row>
    <row r="240" spans="1:18" ht="10.5" customHeight="1" x14ac:dyDescent="0.15">
      <c r="A240" s="3"/>
      <c r="B240" s="3" t="s">
        <v>1919</v>
      </c>
      <c r="C240" s="12">
        <v>454</v>
      </c>
      <c r="D240" s="12">
        <v>1176</v>
      </c>
      <c r="E240" s="12">
        <v>577</v>
      </c>
      <c r="F240" s="12">
        <v>599</v>
      </c>
      <c r="G240" s="12">
        <v>161</v>
      </c>
      <c r="H240" s="12">
        <v>102</v>
      </c>
      <c r="I240" s="12">
        <v>127</v>
      </c>
      <c r="J240" s="12">
        <v>188</v>
      </c>
      <c r="K240" s="12">
        <v>184</v>
      </c>
      <c r="L240" s="12">
        <v>146</v>
      </c>
      <c r="M240" s="12">
        <v>113</v>
      </c>
      <c r="N240" s="12">
        <v>155</v>
      </c>
      <c r="O240" s="12">
        <v>0</v>
      </c>
      <c r="P240" s="12">
        <v>216</v>
      </c>
      <c r="Q240" s="12">
        <v>750</v>
      </c>
      <c r="R240" s="12">
        <v>210</v>
      </c>
    </row>
    <row r="241" spans="1:18" ht="10.5" customHeight="1" x14ac:dyDescent="0.15">
      <c r="A241" s="3"/>
      <c r="B241" s="3" t="s">
        <v>1920</v>
      </c>
      <c r="C241" s="12">
        <v>354</v>
      </c>
      <c r="D241" s="12">
        <v>900</v>
      </c>
      <c r="E241" s="12">
        <v>447</v>
      </c>
      <c r="F241" s="12">
        <v>453</v>
      </c>
      <c r="G241" s="12">
        <v>99</v>
      </c>
      <c r="H241" s="12">
        <v>73</v>
      </c>
      <c r="I241" s="12">
        <v>87</v>
      </c>
      <c r="J241" s="12">
        <v>145</v>
      </c>
      <c r="K241" s="12">
        <v>119</v>
      </c>
      <c r="L241" s="12">
        <v>113</v>
      </c>
      <c r="M241" s="12">
        <v>119</v>
      </c>
      <c r="N241" s="12">
        <v>145</v>
      </c>
      <c r="O241" s="12">
        <v>0</v>
      </c>
      <c r="P241" s="12">
        <v>136</v>
      </c>
      <c r="Q241" s="12">
        <v>559</v>
      </c>
      <c r="R241" s="12">
        <v>205</v>
      </c>
    </row>
    <row r="242" spans="1:18" ht="10.5" customHeight="1" x14ac:dyDescent="0.15">
      <c r="A242" s="3"/>
      <c r="B242" s="3" t="s">
        <v>1921</v>
      </c>
      <c r="C242" s="12">
        <v>231</v>
      </c>
      <c r="D242" s="12">
        <v>663</v>
      </c>
      <c r="E242" s="12">
        <v>329</v>
      </c>
      <c r="F242" s="12">
        <v>334</v>
      </c>
      <c r="G242" s="12">
        <v>164</v>
      </c>
      <c r="H242" s="12">
        <v>39</v>
      </c>
      <c r="I242" s="12">
        <v>58</v>
      </c>
      <c r="J242" s="12">
        <v>184</v>
      </c>
      <c r="K242" s="12">
        <v>98</v>
      </c>
      <c r="L242" s="12">
        <v>56</v>
      </c>
      <c r="M242" s="12">
        <v>34</v>
      </c>
      <c r="N242" s="12">
        <v>30</v>
      </c>
      <c r="O242" s="12">
        <v>0</v>
      </c>
      <c r="P242" s="12">
        <v>191</v>
      </c>
      <c r="Q242" s="12">
        <v>425</v>
      </c>
      <c r="R242" s="12">
        <v>47</v>
      </c>
    </row>
    <row r="243" spans="1:18" ht="10.5" customHeight="1" x14ac:dyDescent="0.15">
      <c r="A243" s="3"/>
      <c r="B243" s="3" t="s">
        <v>1922</v>
      </c>
      <c r="C243" s="12">
        <v>185</v>
      </c>
      <c r="D243" s="12">
        <v>436</v>
      </c>
      <c r="E243" s="12">
        <v>199</v>
      </c>
      <c r="F243" s="12">
        <v>237</v>
      </c>
      <c r="G243" s="12">
        <v>38</v>
      </c>
      <c r="H243" s="12">
        <v>29</v>
      </c>
      <c r="I243" s="12">
        <v>60</v>
      </c>
      <c r="J243" s="12">
        <v>69</v>
      </c>
      <c r="K243" s="12">
        <v>52</v>
      </c>
      <c r="L243" s="12">
        <v>75</v>
      </c>
      <c r="M243" s="12">
        <v>56</v>
      </c>
      <c r="N243" s="12">
        <v>57</v>
      </c>
      <c r="O243" s="12">
        <v>0</v>
      </c>
      <c r="P243" s="12">
        <v>54</v>
      </c>
      <c r="Q243" s="12">
        <v>299</v>
      </c>
      <c r="R243" s="12">
        <v>83</v>
      </c>
    </row>
    <row r="244" spans="1:18" ht="10.5" customHeight="1" x14ac:dyDescent="0.15">
      <c r="A244" s="3"/>
      <c r="B244" s="3" t="s">
        <v>1923</v>
      </c>
      <c r="C244" s="12">
        <v>279</v>
      </c>
      <c r="D244" s="12">
        <v>687</v>
      </c>
      <c r="E244" s="12">
        <v>345</v>
      </c>
      <c r="F244" s="12">
        <v>342</v>
      </c>
      <c r="G244" s="12">
        <v>64</v>
      </c>
      <c r="H244" s="12">
        <v>73</v>
      </c>
      <c r="I244" s="12">
        <v>77</v>
      </c>
      <c r="J244" s="12">
        <v>72</v>
      </c>
      <c r="K244" s="12">
        <v>118</v>
      </c>
      <c r="L244" s="12">
        <v>124</v>
      </c>
      <c r="M244" s="12">
        <v>55</v>
      </c>
      <c r="N244" s="12">
        <v>104</v>
      </c>
      <c r="O244" s="12">
        <v>0</v>
      </c>
      <c r="P244" s="12">
        <v>96</v>
      </c>
      <c r="Q244" s="12">
        <v>464</v>
      </c>
      <c r="R244" s="12">
        <v>127</v>
      </c>
    </row>
    <row r="245" spans="1:18" ht="10.5" customHeight="1" x14ac:dyDescent="0.15">
      <c r="A245" s="3"/>
      <c r="B245" s="3" t="s">
        <v>1924</v>
      </c>
      <c r="C245" s="12">
        <v>300</v>
      </c>
      <c r="D245" s="12">
        <v>803</v>
      </c>
      <c r="E245" s="12">
        <v>390</v>
      </c>
      <c r="F245" s="12">
        <v>413</v>
      </c>
      <c r="G245" s="12">
        <v>153</v>
      </c>
      <c r="H245" s="12">
        <v>70</v>
      </c>
      <c r="I245" s="12">
        <v>66</v>
      </c>
      <c r="J245" s="12">
        <v>181</v>
      </c>
      <c r="K245" s="12">
        <v>98</v>
      </c>
      <c r="L245" s="12">
        <v>71</v>
      </c>
      <c r="M245" s="12">
        <v>59</v>
      </c>
      <c r="N245" s="12">
        <v>105</v>
      </c>
      <c r="O245" s="12">
        <v>0</v>
      </c>
      <c r="P245" s="12">
        <v>189</v>
      </c>
      <c r="Q245" s="12">
        <v>476</v>
      </c>
      <c r="R245" s="12">
        <v>138</v>
      </c>
    </row>
    <row r="246" spans="1:18" ht="10.5" customHeight="1" x14ac:dyDescent="0.15">
      <c r="A246" s="3"/>
      <c r="B246" s="3" t="s">
        <v>1925</v>
      </c>
      <c r="C246" s="12">
        <v>572</v>
      </c>
      <c r="D246" s="12">
        <v>1521</v>
      </c>
      <c r="E246" s="12">
        <v>775</v>
      </c>
      <c r="F246" s="12">
        <v>746</v>
      </c>
      <c r="G246" s="12">
        <v>252</v>
      </c>
      <c r="H246" s="12">
        <v>170</v>
      </c>
      <c r="I246" s="12">
        <v>145</v>
      </c>
      <c r="J246" s="12">
        <v>264</v>
      </c>
      <c r="K246" s="12">
        <v>238</v>
      </c>
      <c r="L246" s="12">
        <v>156</v>
      </c>
      <c r="M246" s="12">
        <v>119</v>
      </c>
      <c r="N246" s="12">
        <v>177</v>
      </c>
      <c r="O246" s="12">
        <v>0</v>
      </c>
      <c r="P246" s="12">
        <v>342</v>
      </c>
      <c r="Q246" s="12">
        <v>946</v>
      </c>
      <c r="R246" s="12">
        <v>233</v>
      </c>
    </row>
    <row r="247" spans="1:18" ht="10.5" customHeight="1" x14ac:dyDescent="0.15">
      <c r="A247" s="3"/>
      <c r="B247" s="3" t="s">
        <v>1926</v>
      </c>
      <c r="C247" s="12">
        <v>264</v>
      </c>
      <c r="D247" s="12">
        <v>618</v>
      </c>
      <c r="E247" s="12">
        <v>301</v>
      </c>
      <c r="F247" s="12">
        <v>317</v>
      </c>
      <c r="G247" s="12">
        <v>51</v>
      </c>
      <c r="H247" s="12">
        <v>74</v>
      </c>
      <c r="I247" s="12">
        <v>61</v>
      </c>
      <c r="J247" s="12">
        <v>82</v>
      </c>
      <c r="K247" s="12">
        <v>118</v>
      </c>
      <c r="L247" s="12">
        <v>69</v>
      </c>
      <c r="M247" s="12">
        <v>66</v>
      </c>
      <c r="N247" s="12">
        <v>97</v>
      </c>
      <c r="O247" s="12">
        <v>0</v>
      </c>
      <c r="P247" s="12">
        <v>86</v>
      </c>
      <c r="Q247" s="12">
        <v>397</v>
      </c>
      <c r="R247" s="12">
        <v>135</v>
      </c>
    </row>
    <row r="248" spans="1:18" ht="10.5" customHeight="1" x14ac:dyDescent="0.15">
      <c r="A248" s="3"/>
      <c r="B248" s="3" t="s">
        <v>1927</v>
      </c>
      <c r="C248" s="12">
        <v>351</v>
      </c>
      <c r="D248" s="12">
        <v>926</v>
      </c>
      <c r="E248" s="12">
        <v>436</v>
      </c>
      <c r="F248" s="12">
        <v>490</v>
      </c>
      <c r="G248" s="12">
        <v>109</v>
      </c>
      <c r="H248" s="12">
        <v>118</v>
      </c>
      <c r="I248" s="12">
        <v>79</v>
      </c>
      <c r="J248" s="12">
        <v>108</v>
      </c>
      <c r="K248" s="12">
        <v>144</v>
      </c>
      <c r="L248" s="12">
        <v>148</v>
      </c>
      <c r="M248" s="12">
        <v>73</v>
      </c>
      <c r="N248" s="12">
        <v>147</v>
      </c>
      <c r="O248" s="12">
        <v>0</v>
      </c>
      <c r="P248" s="12">
        <v>157</v>
      </c>
      <c r="Q248" s="12">
        <v>584</v>
      </c>
      <c r="R248" s="12">
        <v>185</v>
      </c>
    </row>
    <row r="249" spans="1:18" ht="10.5" customHeight="1" x14ac:dyDescent="0.15">
      <c r="A249" s="3"/>
      <c r="B249" s="3" t="s">
        <v>1928</v>
      </c>
      <c r="C249" s="12">
        <v>867</v>
      </c>
      <c r="D249" s="12">
        <v>2081</v>
      </c>
      <c r="E249" s="12">
        <v>984</v>
      </c>
      <c r="F249" s="12">
        <v>1097</v>
      </c>
      <c r="G249" s="12">
        <v>148</v>
      </c>
      <c r="H249" s="12">
        <v>193</v>
      </c>
      <c r="I249" s="12">
        <v>214</v>
      </c>
      <c r="J249" s="12">
        <v>182</v>
      </c>
      <c r="K249" s="12">
        <v>285</v>
      </c>
      <c r="L249" s="12">
        <v>305</v>
      </c>
      <c r="M249" s="12">
        <v>285</v>
      </c>
      <c r="N249" s="12">
        <v>469</v>
      </c>
      <c r="O249" s="12">
        <v>0</v>
      </c>
      <c r="P249" s="12">
        <v>234</v>
      </c>
      <c r="Q249" s="12">
        <v>1256</v>
      </c>
      <c r="R249" s="12">
        <v>591</v>
      </c>
    </row>
    <row r="250" spans="1:18" ht="10.5" customHeight="1" x14ac:dyDescent="0.15">
      <c r="A250" s="3"/>
      <c r="B250" s="3" t="s">
        <v>1929</v>
      </c>
      <c r="C250" s="12">
        <v>586</v>
      </c>
      <c r="D250" s="12">
        <v>1498</v>
      </c>
      <c r="E250" s="12">
        <v>727</v>
      </c>
      <c r="F250" s="12">
        <v>771</v>
      </c>
      <c r="G250" s="12">
        <v>165</v>
      </c>
      <c r="H250" s="12">
        <v>160</v>
      </c>
      <c r="I250" s="12">
        <v>115</v>
      </c>
      <c r="J250" s="12">
        <v>194</v>
      </c>
      <c r="K250" s="12">
        <v>214</v>
      </c>
      <c r="L250" s="12">
        <v>188</v>
      </c>
      <c r="M250" s="12">
        <v>157</v>
      </c>
      <c r="N250" s="12">
        <v>305</v>
      </c>
      <c r="O250" s="12">
        <v>0</v>
      </c>
      <c r="P250" s="12">
        <v>247</v>
      </c>
      <c r="Q250" s="12">
        <v>878</v>
      </c>
      <c r="R250" s="12">
        <v>373</v>
      </c>
    </row>
    <row r="251" spans="1:18" ht="10.5" customHeight="1" x14ac:dyDescent="0.15">
      <c r="A251" s="3"/>
      <c r="B251" s="3" t="s">
        <v>1930</v>
      </c>
      <c r="C251" s="12">
        <v>3187</v>
      </c>
      <c r="D251" s="12">
        <v>6539</v>
      </c>
      <c r="E251" s="12">
        <v>3156</v>
      </c>
      <c r="F251" s="12">
        <v>3383</v>
      </c>
      <c r="G251" s="12">
        <v>642</v>
      </c>
      <c r="H251" s="12">
        <v>444</v>
      </c>
      <c r="I251" s="12">
        <v>460</v>
      </c>
      <c r="J251" s="12">
        <v>764</v>
      </c>
      <c r="K251" s="12">
        <v>917</v>
      </c>
      <c r="L251" s="12">
        <v>829</v>
      </c>
      <c r="M251" s="12">
        <v>776</v>
      </c>
      <c r="N251" s="12">
        <v>1707</v>
      </c>
      <c r="O251" s="12">
        <v>0</v>
      </c>
      <c r="P251" s="12">
        <v>885</v>
      </c>
      <c r="Q251" s="12">
        <v>3552</v>
      </c>
      <c r="R251" s="12">
        <v>2102</v>
      </c>
    </row>
    <row r="252" spans="1:18" ht="10.5" customHeight="1" x14ac:dyDescent="0.15">
      <c r="A252" s="3"/>
      <c r="B252" s="3" t="s">
        <v>1931</v>
      </c>
      <c r="C252" s="12">
        <v>218</v>
      </c>
      <c r="D252" s="12">
        <v>601</v>
      </c>
      <c r="E252" s="12">
        <v>295</v>
      </c>
      <c r="F252" s="12">
        <v>306</v>
      </c>
      <c r="G252" s="12">
        <v>83</v>
      </c>
      <c r="H252" s="12">
        <v>46</v>
      </c>
      <c r="I252" s="12">
        <v>51</v>
      </c>
      <c r="J252" s="12">
        <v>88</v>
      </c>
      <c r="K252" s="12">
        <v>101</v>
      </c>
      <c r="L252" s="12">
        <v>89</v>
      </c>
      <c r="M252" s="12">
        <v>59</v>
      </c>
      <c r="N252" s="12">
        <v>84</v>
      </c>
      <c r="O252" s="12">
        <v>0</v>
      </c>
      <c r="P252" s="12">
        <v>109</v>
      </c>
      <c r="Q252" s="12">
        <v>389</v>
      </c>
      <c r="R252" s="12">
        <v>103</v>
      </c>
    </row>
    <row r="253" spans="1:18" ht="10.5" customHeight="1" x14ac:dyDescent="0.15">
      <c r="A253" s="3"/>
      <c r="B253" s="3" t="s">
        <v>1837</v>
      </c>
      <c r="C253" s="12">
        <v>2137</v>
      </c>
      <c r="D253" s="12">
        <v>4588</v>
      </c>
      <c r="E253" s="12">
        <v>2279</v>
      </c>
      <c r="F253" s="12">
        <v>2309</v>
      </c>
      <c r="G253" s="12">
        <v>384</v>
      </c>
      <c r="H253" s="12">
        <v>384</v>
      </c>
      <c r="I253" s="12">
        <v>455</v>
      </c>
      <c r="J253" s="12">
        <v>547</v>
      </c>
      <c r="K253" s="12">
        <v>703</v>
      </c>
      <c r="L253" s="12">
        <v>579</v>
      </c>
      <c r="M253" s="12">
        <v>515</v>
      </c>
      <c r="N253" s="12">
        <v>1021</v>
      </c>
      <c r="O253" s="12">
        <v>0</v>
      </c>
      <c r="P253" s="12">
        <v>541</v>
      </c>
      <c r="Q253" s="12">
        <v>2734</v>
      </c>
      <c r="R253" s="12">
        <v>1313</v>
      </c>
    </row>
    <row r="254" spans="1:18" ht="10.5" customHeight="1" x14ac:dyDescent="0.15">
      <c r="A254" s="3"/>
      <c r="B254" s="3" t="s">
        <v>1838</v>
      </c>
      <c r="C254" s="12">
        <v>12</v>
      </c>
      <c r="D254" s="12">
        <v>28</v>
      </c>
      <c r="E254" s="12">
        <v>12</v>
      </c>
      <c r="F254" s="12">
        <v>16</v>
      </c>
      <c r="G254" s="12">
        <v>1</v>
      </c>
      <c r="H254" s="12">
        <v>3</v>
      </c>
      <c r="I254" s="12">
        <v>2</v>
      </c>
      <c r="J254" s="12">
        <v>0</v>
      </c>
      <c r="K254" s="12">
        <v>4</v>
      </c>
      <c r="L254" s="12">
        <v>4</v>
      </c>
      <c r="M254" s="12">
        <v>5</v>
      </c>
      <c r="N254" s="12">
        <v>9</v>
      </c>
      <c r="O254" s="12">
        <v>0</v>
      </c>
      <c r="P254" s="12">
        <v>2</v>
      </c>
      <c r="Q254" s="12">
        <v>16</v>
      </c>
      <c r="R254" s="12">
        <v>10</v>
      </c>
    </row>
    <row r="255" spans="1:18" ht="10.5" customHeight="1" x14ac:dyDescent="0.15">
      <c r="A255" s="3"/>
      <c r="B255" s="3" t="s">
        <v>1839</v>
      </c>
      <c r="C255" s="12">
        <v>6</v>
      </c>
      <c r="D255" s="12">
        <v>9</v>
      </c>
      <c r="E255" s="12">
        <v>4</v>
      </c>
      <c r="F255" s="12">
        <v>5</v>
      </c>
      <c r="G255" s="12" t="s">
        <v>132</v>
      </c>
      <c r="H255" s="12" t="s">
        <v>132</v>
      </c>
      <c r="I255" s="12" t="s">
        <v>132</v>
      </c>
      <c r="J255" s="12" t="s">
        <v>132</v>
      </c>
      <c r="K255" s="12" t="s">
        <v>132</v>
      </c>
      <c r="L255" s="12" t="s">
        <v>132</v>
      </c>
      <c r="M255" s="12" t="s">
        <v>132</v>
      </c>
      <c r="N255" s="12" t="s">
        <v>132</v>
      </c>
      <c r="O255" s="12" t="s">
        <v>132</v>
      </c>
      <c r="P255" s="12" t="s">
        <v>132</v>
      </c>
      <c r="Q255" s="12" t="s">
        <v>132</v>
      </c>
      <c r="R255" s="12" t="s">
        <v>132</v>
      </c>
    </row>
    <row r="256" spans="1:18" ht="10.5" customHeight="1" x14ac:dyDescent="0.15">
      <c r="A256" s="3"/>
      <c r="B256" s="3" t="s">
        <v>1932</v>
      </c>
      <c r="C256" s="12">
        <v>282</v>
      </c>
      <c r="D256" s="12">
        <v>471</v>
      </c>
      <c r="E256" s="12">
        <v>306</v>
      </c>
      <c r="F256" s="12">
        <v>165</v>
      </c>
      <c r="G256" s="12">
        <v>27</v>
      </c>
      <c r="H256" s="12">
        <v>30</v>
      </c>
      <c r="I256" s="12">
        <v>139</v>
      </c>
      <c r="J256" s="12">
        <v>51</v>
      </c>
      <c r="K256" s="12">
        <v>61</v>
      </c>
      <c r="L256" s="12">
        <v>59</v>
      </c>
      <c r="M256" s="12">
        <v>35</v>
      </c>
      <c r="N256" s="12">
        <v>69</v>
      </c>
      <c r="O256" s="12">
        <v>0</v>
      </c>
      <c r="P256" s="12">
        <v>37</v>
      </c>
      <c r="Q256" s="12">
        <v>347</v>
      </c>
      <c r="R256" s="12">
        <v>87</v>
      </c>
    </row>
    <row r="257" spans="1:18" ht="10.5" customHeight="1" x14ac:dyDescent="0.15">
      <c r="A257" s="3"/>
      <c r="B257" s="3" t="s">
        <v>1933</v>
      </c>
      <c r="C257" s="12">
        <v>1</v>
      </c>
      <c r="D257" s="12">
        <v>1</v>
      </c>
      <c r="E257" s="12">
        <v>0</v>
      </c>
      <c r="F257" s="12">
        <v>1</v>
      </c>
      <c r="G257" s="12" t="s">
        <v>132</v>
      </c>
      <c r="H257" s="12" t="s">
        <v>132</v>
      </c>
      <c r="I257" s="12" t="s">
        <v>132</v>
      </c>
      <c r="J257" s="12" t="s">
        <v>132</v>
      </c>
      <c r="K257" s="12" t="s">
        <v>132</v>
      </c>
      <c r="L257" s="12" t="s">
        <v>132</v>
      </c>
      <c r="M257" s="12" t="s">
        <v>132</v>
      </c>
      <c r="N257" s="12" t="s">
        <v>132</v>
      </c>
      <c r="O257" s="12" t="s">
        <v>132</v>
      </c>
      <c r="P257" s="12" t="s">
        <v>132</v>
      </c>
      <c r="Q257" s="12" t="s">
        <v>132</v>
      </c>
      <c r="R257" s="12" t="s">
        <v>132</v>
      </c>
    </row>
    <row r="258" spans="1:18" ht="10.5" customHeight="1" x14ac:dyDescent="0.15">
      <c r="A258" s="3"/>
      <c r="B258" s="3" t="s">
        <v>1840</v>
      </c>
      <c r="C258" s="12">
        <v>29</v>
      </c>
      <c r="D258" s="12">
        <v>73</v>
      </c>
      <c r="E258" s="12">
        <v>37</v>
      </c>
      <c r="F258" s="12">
        <v>36</v>
      </c>
      <c r="G258" s="12">
        <v>3</v>
      </c>
      <c r="H258" s="12">
        <v>6</v>
      </c>
      <c r="I258" s="12">
        <v>5</v>
      </c>
      <c r="J258" s="12">
        <v>7</v>
      </c>
      <c r="K258" s="12">
        <v>10</v>
      </c>
      <c r="L258" s="12">
        <v>19</v>
      </c>
      <c r="M258" s="12">
        <v>10</v>
      </c>
      <c r="N258" s="12">
        <v>13</v>
      </c>
      <c r="O258" s="12">
        <v>0</v>
      </c>
      <c r="P258" s="12">
        <v>4</v>
      </c>
      <c r="Q258" s="12">
        <v>51</v>
      </c>
      <c r="R258" s="12">
        <v>18</v>
      </c>
    </row>
    <row r="259" spans="1:18" ht="10.5" customHeight="1" x14ac:dyDescent="0.15">
      <c r="A259" s="3"/>
      <c r="B259" s="3" t="s">
        <v>1934</v>
      </c>
      <c r="C259" s="12">
        <v>61</v>
      </c>
      <c r="D259" s="12">
        <v>126</v>
      </c>
      <c r="E259" s="12">
        <v>64</v>
      </c>
      <c r="F259" s="12">
        <v>62</v>
      </c>
      <c r="G259" s="12">
        <v>9</v>
      </c>
      <c r="H259" s="12">
        <v>17</v>
      </c>
      <c r="I259" s="12">
        <v>16</v>
      </c>
      <c r="J259" s="12">
        <v>12</v>
      </c>
      <c r="K259" s="12">
        <v>23</v>
      </c>
      <c r="L259" s="12">
        <v>24</v>
      </c>
      <c r="M259" s="12">
        <v>4</v>
      </c>
      <c r="N259" s="12">
        <v>21</v>
      </c>
      <c r="O259" s="12">
        <v>0</v>
      </c>
      <c r="P259" s="12">
        <v>18</v>
      </c>
      <c r="Q259" s="12">
        <v>85</v>
      </c>
      <c r="R259" s="12">
        <v>23</v>
      </c>
    </row>
    <row r="260" spans="1:18" ht="10.5" customHeight="1" x14ac:dyDescent="0.15">
      <c r="A260" s="3"/>
      <c r="B260" s="3" t="s">
        <v>1841</v>
      </c>
      <c r="C260" s="12">
        <v>82</v>
      </c>
      <c r="D260" s="12">
        <v>158</v>
      </c>
      <c r="E260" s="12">
        <v>81</v>
      </c>
      <c r="F260" s="12">
        <v>77</v>
      </c>
      <c r="G260" s="12">
        <v>6</v>
      </c>
      <c r="H260" s="12">
        <v>5</v>
      </c>
      <c r="I260" s="12">
        <v>14</v>
      </c>
      <c r="J260" s="12">
        <v>19</v>
      </c>
      <c r="K260" s="12">
        <v>19</v>
      </c>
      <c r="L260" s="12">
        <v>18</v>
      </c>
      <c r="M260" s="12">
        <v>34</v>
      </c>
      <c r="N260" s="12">
        <v>43</v>
      </c>
      <c r="O260" s="12">
        <v>0</v>
      </c>
      <c r="P260" s="12">
        <v>10</v>
      </c>
      <c r="Q260" s="12">
        <v>87</v>
      </c>
      <c r="R260" s="12">
        <v>61</v>
      </c>
    </row>
    <row r="261" spans="1:18" ht="10.5" customHeight="1" x14ac:dyDescent="0.15">
      <c r="A261" s="3"/>
      <c r="B261" s="3" t="s">
        <v>1935</v>
      </c>
      <c r="C261" s="12">
        <v>70</v>
      </c>
      <c r="D261" s="12">
        <v>165</v>
      </c>
      <c r="E261" s="12">
        <v>80</v>
      </c>
      <c r="F261" s="12">
        <v>85</v>
      </c>
      <c r="G261" s="12">
        <v>36</v>
      </c>
      <c r="H261" s="12">
        <v>2</v>
      </c>
      <c r="I261" s="12">
        <v>26</v>
      </c>
      <c r="J261" s="12">
        <v>63</v>
      </c>
      <c r="K261" s="12">
        <v>22</v>
      </c>
      <c r="L261" s="12">
        <v>10</v>
      </c>
      <c r="M261" s="12">
        <v>2</v>
      </c>
      <c r="N261" s="12">
        <v>4</v>
      </c>
      <c r="O261" s="12">
        <v>0</v>
      </c>
      <c r="P261" s="12">
        <v>37</v>
      </c>
      <c r="Q261" s="12">
        <v>123</v>
      </c>
      <c r="R261" s="12">
        <v>5</v>
      </c>
    </row>
    <row r="262" spans="1:18" ht="10.5" customHeight="1" x14ac:dyDescent="0.15">
      <c r="A262" s="3"/>
      <c r="B262" s="3" t="s">
        <v>1936</v>
      </c>
      <c r="C262" s="12">
        <v>1503</v>
      </c>
      <c r="D262" s="12">
        <v>3391</v>
      </c>
      <c r="E262" s="12">
        <v>1607</v>
      </c>
      <c r="F262" s="12">
        <v>1784</v>
      </c>
      <c r="G262" s="12">
        <v>291</v>
      </c>
      <c r="H262" s="12">
        <v>302</v>
      </c>
      <c r="I262" s="12">
        <v>234</v>
      </c>
      <c r="J262" s="12">
        <v>384</v>
      </c>
      <c r="K262" s="12">
        <v>534</v>
      </c>
      <c r="L262" s="12">
        <v>427</v>
      </c>
      <c r="M262" s="12">
        <v>409</v>
      </c>
      <c r="N262" s="12">
        <v>810</v>
      </c>
      <c r="O262" s="12">
        <v>0</v>
      </c>
      <c r="P262" s="12">
        <v>412</v>
      </c>
      <c r="Q262" s="12">
        <v>1929</v>
      </c>
      <c r="R262" s="12">
        <v>1050</v>
      </c>
    </row>
    <row r="263" spans="1:18" ht="10.5" customHeight="1" x14ac:dyDescent="0.15">
      <c r="A263" s="3"/>
      <c r="B263" s="3" t="s">
        <v>1937</v>
      </c>
      <c r="C263" s="12">
        <v>7</v>
      </c>
      <c r="D263" s="12">
        <v>26</v>
      </c>
      <c r="E263" s="12">
        <v>12</v>
      </c>
      <c r="F263" s="12">
        <v>14</v>
      </c>
      <c r="G263" s="12">
        <v>6</v>
      </c>
      <c r="H263" s="12">
        <v>5</v>
      </c>
      <c r="I263" s="12">
        <v>0</v>
      </c>
      <c r="J263" s="12">
        <v>1</v>
      </c>
      <c r="K263" s="12">
        <v>7</v>
      </c>
      <c r="L263" s="12">
        <v>3</v>
      </c>
      <c r="M263" s="12">
        <v>0</v>
      </c>
      <c r="N263" s="12">
        <v>4</v>
      </c>
      <c r="O263" s="12">
        <v>0</v>
      </c>
      <c r="P263" s="12">
        <v>10</v>
      </c>
      <c r="Q263" s="12">
        <v>12</v>
      </c>
      <c r="R263" s="12">
        <v>4</v>
      </c>
    </row>
    <row r="264" spans="1:18" ht="10.5" customHeight="1" x14ac:dyDescent="0.15">
      <c r="A264" s="3"/>
      <c r="B264" s="3" t="s">
        <v>1938</v>
      </c>
      <c r="C264" s="12">
        <v>2</v>
      </c>
      <c r="D264" s="12">
        <v>2</v>
      </c>
      <c r="E264" s="12">
        <v>2</v>
      </c>
      <c r="F264" s="12">
        <v>0</v>
      </c>
      <c r="G264" s="12" t="s">
        <v>132</v>
      </c>
      <c r="H264" s="12" t="s">
        <v>132</v>
      </c>
      <c r="I264" s="12" t="s">
        <v>132</v>
      </c>
      <c r="J264" s="12" t="s">
        <v>132</v>
      </c>
      <c r="K264" s="12" t="s">
        <v>132</v>
      </c>
      <c r="L264" s="12" t="s">
        <v>132</v>
      </c>
      <c r="M264" s="12" t="s">
        <v>132</v>
      </c>
      <c r="N264" s="12" t="s">
        <v>132</v>
      </c>
      <c r="O264" s="12" t="s">
        <v>132</v>
      </c>
      <c r="P264" s="12" t="s">
        <v>132</v>
      </c>
      <c r="Q264" s="12" t="s">
        <v>132</v>
      </c>
      <c r="R264" s="12" t="s">
        <v>132</v>
      </c>
    </row>
    <row r="265" spans="1:18" ht="10.5" customHeight="1" x14ac:dyDescent="0.15">
      <c r="A265" s="3"/>
      <c r="B265" s="3" t="s">
        <v>1939</v>
      </c>
      <c r="C265" s="12">
        <v>59</v>
      </c>
      <c r="D265" s="12">
        <v>87</v>
      </c>
      <c r="E265" s="12">
        <v>48</v>
      </c>
      <c r="F265" s="12">
        <v>39</v>
      </c>
      <c r="G265" s="12">
        <v>2</v>
      </c>
      <c r="H265" s="12">
        <v>9</v>
      </c>
      <c r="I265" s="12">
        <v>13</v>
      </c>
      <c r="J265" s="12">
        <v>6</v>
      </c>
      <c r="K265" s="12">
        <v>10</v>
      </c>
      <c r="L265" s="12">
        <v>8</v>
      </c>
      <c r="M265" s="12">
        <v>11</v>
      </c>
      <c r="N265" s="12">
        <v>28</v>
      </c>
      <c r="O265" s="12">
        <v>0</v>
      </c>
      <c r="P265" s="12">
        <v>6</v>
      </c>
      <c r="Q265" s="12">
        <v>48</v>
      </c>
      <c r="R265" s="12">
        <v>33</v>
      </c>
    </row>
    <row r="266" spans="1:18" ht="10.5" customHeight="1" x14ac:dyDescent="0.15">
      <c r="A266" s="3"/>
      <c r="B266" s="3" t="s">
        <v>1842</v>
      </c>
      <c r="C266" s="12">
        <v>23</v>
      </c>
      <c r="D266" s="12">
        <v>51</v>
      </c>
      <c r="E266" s="12">
        <v>26</v>
      </c>
      <c r="F266" s="12">
        <v>25</v>
      </c>
      <c r="G266" s="12">
        <v>3</v>
      </c>
      <c r="H266" s="12">
        <v>5</v>
      </c>
      <c r="I266" s="12">
        <v>4</v>
      </c>
      <c r="J266" s="12">
        <v>3</v>
      </c>
      <c r="K266" s="12">
        <v>11</v>
      </c>
      <c r="L266" s="12">
        <v>7</v>
      </c>
      <c r="M266" s="12">
        <v>2</v>
      </c>
      <c r="N266" s="12">
        <v>16</v>
      </c>
      <c r="O266" s="12">
        <v>0</v>
      </c>
      <c r="P266" s="12">
        <v>5</v>
      </c>
      <c r="Q266" s="12">
        <v>30</v>
      </c>
      <c r="R266" s="12">
        <v>16</v>
      </c>
    </row>
    <row r="267" spans="1:18" ht="10.5" customHeight="1" x14ac:dyDescent="0.15">
      <c r="A267" s="3"/>
      <c r="B267" s="3" t="s">
        <v>1940</v>
      </c>
      <c r="C267" s="12">
        <v>215</v>
      </c>
      <c r="D267" s="12">
        <v>583</v>
      </c>
      <c r="E267" s="12">
        <v>281</v>
      </c>
      <c r="F267" s="12">
        <v>302</v>
      </c>
      <c r="G267" s="12">
        <v>53</v>
      </c>
      <c r="H267" s="12">
        <v>71</v>
      </c>
      <c r="I267" s="12">
        <v>81</v>
      </c>
      <c r="J267" s="12">
        <v>58</v>
      </c>
      <c r="K267" s="12">
        <v>108</v>
      </c>
      <c r="L267" s="12">
        <v>123</v>
      </c>
      <c r="M267" s="12">
        <v>54</v>
      </c>
      <c r="N267" s="12">
        <v>35</v>
      </c>
      <c r="O267" s="12">
        <v>0</v>
      </c>
      <c r="P267" s="12">
        <v>89</v>
      </c>
      <c r="Q267" s="12">
        <v>439</v>
      </c>
      <c r="R267" s="12">
        <v>55</v>
      </c>
    </row>
    <row r="268" spans="1:18" ht="10.5" customHeight="1" x14ac:dyDescent="0.15">
      <c r="A268" s="3"/>
      <c r="B268" s="3" t="s">
        <v>1941</v>
      </c>
      <c r="C268" s="12">
        <v>307</v>
      </c>
      <c r="D268" s="12">
        <v>817</v>
      </c>
      <c r="E268" s="12">
        <v>397</v>
      </c>
      <c r="F268" s="12">
        <v>420</v>
      </c>
      <c r="G268" s="12">
        <v>95</v>
      </c>
      <c r="H268" s="12">
        <v>117</v>
      </c>
      <c r="I268" s="12">
        <v>82</v>
      </c>
      <c r="J268" s="12">
        <v>122</v>
      </c>
      <c r="K268" s="12">
        <v>156</v>
      </c>
      <c r="L268" s="12">
        <v>121</v>
      </c>
      <c r="M268" s="12">
        <v>50</v>
      </c>
      <c r="N268" s="12">
        <v>74</v>
      </c>
      <c r="O268" s="12">
        <v>0</v>
      </c>
      <c r="P268" s="12">
        <v>143</v>
      </c>
      <c r="Q268" s="12">
        <v>572</v>
      </c>
      <c r="R268" s="12">
        <v>102</v>
      </c>
    </row>
    <row r="269" spans="1:18" ht="10.5" customHeight="1" x14ac:dyDescent="0.15">
      <c r="A269" s="3"/>
      <c r="B269" s="3" t="s">
        <v>1942</v>
      </c>
      <c r="C269" s="12">
        <v>655</v>
      </c>
      <c r="D269" s="12">
        <v>1450</v>
      </c>
      <c r="E269" s="12">
        <v>701</v>
      </c>
      <c r="F269" s="12">
        <v>749</v>
      </c>
      <c r="G269" s="12">
        <v>84</v>
      </c>
      <c r="H269" s="12">
        <v>108</v>
      </c>
      <c r="I269" s="12">
        <v>144</v>
      </c>
      <c r="J269" s="12">
        <v>161</v>
      </c>
      <c r="K269" s="12">
        <v>187</v>
      </c>
      <c r="L269" s="12">
        <v>225</v>
      </c>
      <c r="M269" s="12">
        <v>229</v>
      </c>
      <c r="N269" s="12">
        <v>312</v>
      </c>
      <c r="O269" s="12">
        <v>0</v>
      </c>
      <c r="P269" s="12">
        <v>139</v>
      </c>
      <c r="Q269" s="12">
        <v>890</v>
      </c>
      <c r="R269" s="12">
        <v>421</v>
      </c>
    </row>
    <row r="270" spans="1:18" ht="10.5" customHeight="1" x14ac:dyDescent="0.15">
      <c r="A270" s="3"/>
      <c r="B270" s="3" t="s">
        <v>1943</v>
      </c>
      <c r="C270" s="12">
        <v>332</v>
      </c>
      <c r="D270" s="12">
        <v>804</v>
      </c>
      <c r="E270" s="12">
        <v>394</v>
      </c>
      <c r="F270" s="12">
        <v>410</v>
      </c>
      <c r="G270" s="12">
        <v>108</v>
      </c>
      <c r="H270" s="12">
        <v>64</v>
      </c>
      <c r="I270" s="12">
        <v>75</v>
      </c>
      <c r="J270" s="12">
        <v>132</v>
      </c>
      <c r="K270" s="12">
        <v>126</v>
      </c>
      <c r="L270" s="12">
        <v>114</v>
      </c>
      <c r="M270" s="12">
        <v>80</v>
      </c>
      <c r="N270" s="12">
        <v>105</v>
      </c>
      <c r="O270" s="12">
        <v>0</v>
      </c>
      <c r="P270" s="12">
        <v>146</v>
      </c>
      <c r="Q270" s="12">
        <v>510</v>
      </c>
      <c r="R270" s="12">
        <v>148</v>
      </c>
    </row>
    <row r="271" spans="1:18" ht="10.5" customHeight="1" x14ac:dyDescent="0.15">
      <c r="A271" s="3"/>
      <c r="B271" s="3" t="s">
        <v>1944</v>
      </c>
      <c r="C271" s="12">
        <v>65</v>
      </c>
      <c r="D271" s="12">
        <v>114</v>
      </c>
      <c r="E271" s="12">
        <v>63</v>
      </c>
      <c r="F271" s="12">
        <v>51</v>
      </c>
      <c r="G271" s="12">
        <v>7</v>
      </c>
      <c r="H271" s="12">
        <v>4</v>
      </c>
      <c r="I271" s="12">
        <v>15</v>
      </c>
      <c r="J271" s="12">
        <v>19</v>
      </c>
      <c r="K271" s="12">
        <v>22</v>
      </c>
      <c r="L271" s="12">
        <v>18</v>
      </c>
      <c r="M271" s="12">
        <v>13</v>
      </c>
      <c r="N271" s="12">
        <v>16</v>
      </c>
      <c r="O271" s="12">
        <v>0</v>
      </c>
      <c r="P271" s="12">
        <v>10</v>
      </c>
      <c r="Q271" s="12">
        <v>82</v>
      </c>
      <c r="R271" s="12">
        <v>22</v>
      </c>
    </row>
    <row r="272" spans="1:18" ht="10.5" customHeight="1" x14ac:dyDescent="0.15">
      <c r="A272" s="3"/>
      <c r="B272" s="3" t="s">
        <v>1945</v>
      </c>
      <c r="C272" s="12">
        <v>2</v>
      </c>
      <c r="D272" s="12">
        <v>2</v>
      </c>
      <c r="E272" s="12">
        <v>2</v>
      </c>
      <c r="F272" s="12">
        <v>0</v>
      </c>
      <c r="G272" s="12" t="s">
        <v>132</v>
      </c>
      <c r="H272" s="12" t="s">
        <v>132</v>
      </c>
      <c r="I272" s="12" t="s">
        <v>132</v>
      </c>
      <c r="J272" s="12" t="s">
        <v>132</v>
      </c>
      <c r="K272" s="12" t="s">
        <v>132</v>
      </c>
      <c r="L272" s="12" t="s">
        <v>132</v>
      </c>
      <c r="M272" s="12" t="s">
        <v>132</v>
      </c>
      <c r="N272" s="12" t="s">
        <v>132</v>
      </c>
      <c r="O272" s="12" t="s">
        <v>132</v>
      </c>
      <c r="P272" s="12" t="s">
        <v>132</v>
      </c>
      <c r="Q272" s="12" t="s">
        <v>132</v>
      </c>
      <c r="R272" s="12" t="s">
        <v>132</v>
      </c>
    </row>
    <row r="273" spans="1:18" ht="10.5" customHeight="1" x14ac:dyDescent="0.15">
      <c r="A273" s="3"/>
      <c r="B273" s="3" t="s">
        <v>1946</v>
      </c>
      <c r="C273" s="12">
        <v>92</v>
      </c>
      <c r="D273" s="12">
        <v>170</v>
      </c>
      <c r="E273" s="12">
        <v>88</v>
      </c>
      <c r="F273" s="12">
        <v>82</v>
      </c>
      <c r="G273" s="12">
        <v>9</v>
      </c>
      <c r="H273" s="12">
        <v>8</v>
      </c>
      <c r="I273" s="12">
        <v>24</v>
      </c>
      <c r="J273" s="12">
        <v>19</v>
      </c>
      <c r="K273" s="12">
        <v>31</v>
      </c>
      <c r="L273" s="12">
        <v>26</v>
      </c>
      <c r="M273" s="12">
        <v>19</v>
      </c>
      <c r="N273" s="12">
        <v>34</v>
      </c>
      <c r="O273" s="12">
        <v>0</v>
      </c>
      <c r="P273" s="12">
        <v>11</v>
      </c>
      <c r="Q273" s="12">
        <v>115</v>
      </c>
      <c r="R273" s="12">
        <v>44</v>
      </c>
    </row>
    <row r="274" spans="1:18" ht="10.5" customHeight="1" x14ac:dyDescent="0.15">
      <c r="A274" s="3"/>
      <c r="B274" s="3" t="s">
        <v>1947</v>
      </c>
      <c r="C274" s="12">
        <v>562</v>
      </c>
      <c r="D274" s="12">
        <v>1547</v>
      </c>
      <c r="E274" s="12">
        <v>765</v>
      </c>
      <c r="F274" s="12">
        <v>782</v>
      </c>
      <c r="G274" s="12">
        <v>161</v>
      </c>
      <c r="H274" s="12">
        <v>236</v>
      </c>
      <c r="I274" s="12">
        <v>263</v>
      </c>
      <c r="J274" s="12">
        <v>161</v>
      </c>
      <c r="K274" s="12">
        <v>288</v>
      </c>
      <c r="L274" s="12">
        <v>265</v>
      </c>
      <c r="M274" s="12">
        <v>65</v>
      </c>
      <c r="N274" s="12">
        <v>108</v>
      </c>
      <c r="O274" s="12">
        <v>0</v>
      </c>
      <c r="P274" s="12">
        <v>269</v>
      </c>
      <c r="Q274" s="12">
        <v>1143</v>
      </c>
      <c r="R274" s="12">
        <v>135</v>
      </c>
    </row>
    <row r="275" spans="1:18" ht="10.5" customHeight="1" x14ac:dyDescent="0.15">
      <c r="A275" s="3"/>
      <c r="B275" s="3" t="s">
        <v>1948</v>
      </c>
      <c r="C275" s="12">
        <v>497</v>
      </c>
      <c r="D275" s="12">
        <v>1329</v>
      </c>
      <c r="E275" s="12">
        <v>660</v>
      </c>
      <c r="F275" s="12">
        <v>669</v>
      </c>
      <c r="G275" s="12">
        <v>132</v>
      </c>
      <c r="H275" s="12">
        <v>177</v>
      </c>
      <c r="I275" s="12">
        <v>134</v>
      </c>
      <c r="J275" s="12">
        <v>137</v>
      </c>
      <c r="K275" s="12">
        <v>246</v>
      </c>
      <c r="L275" s="12">
        <v>212</v>
      </c>
      <c r="M275" s="12">
        <v>98</v>
      </c>
      <c r="N275" s="12">
        <v>193</v>
      </c>
      <c r="O275" s="12">
        <v>0</v>
      </c>
      <c r="P275" s="12">
        <v>218</v>
      </c>
      <c r="Q275" s="12">
        <v>871</v>
      </c>
      <c r="R275" s="12">
        <v>240</v>
      </c>
    </row>
    <row r="276" spans="1:18" ht="10.5" customHeight="1" x14ac:dyDescent="0.15">
      <c r="A276" s="3"/>
      <c r="B276" s="3" t="s">
        <v>1949</v>
      </c>
      <c r="C276" s="12">
        <v>605</v>
      </c>
      <c r="D276" s="12">
        <v>1512</v>
      </c>
      <c r="E276" s="12">
        <v>751</v>
      </c>
      <c r="F276" s="12">
        <v>761</v>
      </c>
      <c r="G276" s="12">
        <v>134</v>
      </c>
      <c r="H276" s="12">
        <v>179</v>
      </c>
      <c r="I276" s="12">
        <v>175</v>
      </c>
      <c r="J276" s="12">
        <v>148</v>
      </c>
      <c r="K276" s="12">
        <v>240</v>
      </c>
      <c r="L276" s="12">
        <v>248</v>
      </c>
      <c r="M276" s="12">
        <v>122</v>
      </c>
      <c r="N276" s="12">
        <v>266</v>
      </c>
      <c r="O276" s="12">
        <v>0</v>
      </c>
      <c r="P276" s="12">
        <v>202</v>
      </c>
      <c r="Q276" s="12">
        <v>984</v>
      </c>
      <c r="R276" s="12">
        <v>326</v>
      </c>
    </row>
    <row r="277" spans="1:18" ht="10.5" customHeight="1" x14ac:dyDescent="0.15">
      <c r="A277" s="3"/>
      <c r="B277" s="3" t="s">
        <v>1950</v>
      </c>
      <c r="C277" s="12">
        <v>184</v>
      </c>
      <c r="D277" s="12">
        <v>427</v>
      </c>
      <c r="E277" s="12">
        <v>223</v>
      </c>
      <c r="F277" s="12">
        <v>204</v>
      </c>
      <c r="G277" s="12">
        <v>30</v>
      </c>
      <c r="H277" s="12">
        <v>52</v>
      </c>
      <c r="I277" s="12">
        <v>60</v>
      </c>
      <c r="J277" s="12">
        <v>50</v>
      </c>
      <c r="K277" s="12">
        <v>69</v>
      </c>
      <c r="L277" s="12">
        <v>78</v>
      </c>
      <c r="M277" s="12">
        <v>44</v>
      </c>
      <c r="N277" s="12">
        <v>44</v>
      </c>
      <c r="O277" s="12">
        <v>0</v>
      </c>
      <c r="P277" s="12">
        <v>55</v>
      </c>
      <c r="Q277" s="12">
        <v>307</v>
      </c>
      <c r="R277" s="12">
        <v>65</v>
      </c>
    </row>
    <row r="278" spans="1:18" ht="10.5" customHeight="1" x14ac:dyDescent="0.15">
      <c r="A278" s="3"/>
      <c r="B278" s="3" t="s">
        <v>1951</v>
      </c>
      <c r="C278" s="12">
        <v>179</v>
      </c>
      <c r="D278" s="12">
        <v>467</v>
      </c>
      <c r="E278" s="12">
        <v>233</v>
      </c>
      <c r="F278" s="12">
        <v>234</v>
      </c>
      <c r="G278" s="12">
        <v>27</v>
      </c>
      <c r="H278" s="12">
        <v>44</v>
      </c>
      <c r="I278" s="12">
        <v>57</v>
      </c>
      <c r="J278" s="12">
        <v>40</v>
      </c>
      <c r="K278" s="12">
        <v>60</v>
      </c>
      <c r="L278" s="12">
        <v>87</v>
      </c>
      <c r="M278" s="12">
        <v>68</v>
      </c>
      <c r="N278" s="12">
        <v>84</v>
      </c>
      <c r="O278" s="12">
        <v>0</v>
      </c>
      <c r="P278" s="12">
        <v>45</v>
      </c>
      <c r="Q278" s="12">
        <v>307</v>
      </c>
      <c r="R278" s="12">
        <v>115</v>
      </c>
    </row>
    <row r="279" spans="1:18" ht="10.5" customHeight="1" x14ac:dyDescent="0.15">
      <c r="A279" s="3"/>
      <c r="B279" s="3" t="s">
        <v>1952</v>
      </c>
      <c r="C279" s="12">
        <v>307</v>
      </c>
      <c r="D279" s="12">
        <v>689</v>
      </c>
      <c r="E279" s="12">
        <v>336</v>
      </c>
      <c r="F279" s="12">
        <v>353</v>
      </c>
      <c r="G279" s="12">
        <v>46</v>
      </c>
      <c r="H279" s="12">
        <v>92</v>
      </c>
      <c r="I279" s="12">
        <v>87</v>
      </c>
      <c r="J279" s="12">
        <v>77</v>
      </c>
      <c r="K279" s="12">
        <v>120</v>
      </c>
      <c r="L279" s="12">
        <v>127</v>
      </c>
      <c r="M279" s="12">
        <v>58</v>
      </c>
      <c r="N279" s="12">
        <v>82</v>
      </c>
      <c r="O279" s="12">
        <v>0</v>
      </c>
      <c r="P279" s="12">
        <v>97</v>
      </c>
      <c r="Q279" s="12">
        <v>480</v>
      </c>
      <c r="R279" s="12">
        <v>112</v>
      </c>
    </row>
    <row r="280" spans="1:18" ht="10.5" customHeight="1" x14ac:dyDescent="0.15">
      <c r="A280" s="3"/>
      <c r="B280" s="3" t="s">
        <v>1953</v>
      </c>
      <c r="C280" s="12">
        <v>63</v>
      </c>
      <c r="D280" s="12">
        <v>126</v>
      </c>
      <c r="E280" s="12">
        <v>63</v>
      </c>
      <c r="F280" s="12">
        <v>63</v>
      </c>
      <c r="G280" s="12">
        <v>8</v>
      </c>
      <c r="H280" s="12">
        <v>8</v>
      </c>
      <c r="I280" s="12">
        <v>9</v>
      </c>
      <c r="J280" s="12">
        <v>23</v>
      </c>
      <c r="K280" s="12">
        <v>17</v>
      </c>
      <c r="L280" s="12">
        <v>19</v>
      </c>
      <c r="M280" s="12">
        <v>14</v>
      </c>
      <c r="N280" s="12">
        <v>28</v>
      </c>
      <c r="O280" s="12">
        <v>0</v>
      </c>
      <c r="P280" s="12">
        <v>12</v>
      </c>
      <c r="Q280" s="12">
        <v>79</v>
      </c>
      <c r="R280" s="12">
        <v>35</v>
      </c>
    </row>
    <row r="281" spans="1:18" ht="10.5" customHeight="1" x14ac:dyDescent="0.15">
      <c r="A281" s="3"/>
      <c r="B281" s="3" t="s">
        <v>1954</v>
      </c>
      <c r="C281" s="12">
        <v>376</v>
      </c>
      <c r="D281" s="12">
        <v>962</v>
      </c>
      <c r="E281" s="12">
        <v>472</v>
      </c>
      <c r="F281" s="12">
        <v>490</v>
      </c>
      <c r="G281" s="12">
        <v>95</v>
      </c>
      <c r="H281" s="12">
        <v>137</v>
      </c>
      <c r="I281" s="12">
        <v>124</v>
      </c>
      <c r="J281" s="12">
        <v>88</v>
      </c>
      <c r="K281" s="12">
        <v>160</v>
      </c>
      <c r="L281" s="12">
        <v>151</v>
      </c>
      <c r="M281" s="12">
        <v>66</v>
      </c>
      <c r="N281" s="12">
        <v>141</v>
      </c>
      <c r="O281" s="12">
        <v>0</v>
      </c>
      <c r="P281" s="12">
        <v>148</v>
      </c>
      <c r="Q281" s="12">
        <v>643</v>
      </c>
      <c r="R281" s="12">
        <v>171</v>
      </c>
    </row>
    <row r="282" spans="1:18" ht="10.5" customHeight="1" x14ac:dyDescent="0.15">
      <c r="A282" s="3"/>
      <c r="B282" s="3" t="s">
        <v>1955</v>
      </c>
      <c r="C282" s="12">
        <v>252</v>
      </c>
      <c r="D282" s="12">
        <v>697</v>
      </c>
      <c r="E282" s="12">
        <v>342</v>
      </c>
      <c r="F282" s="12">
        <v>355</v>
      </c>
      <c r="G282" s="12">
        <v>74</v>
      </c>
      <c r="H282" s="12">
        <v>92</v>
      </c>
      <c r="I282" s="12">
        <v>82</v>
      </c>
      <c r="J282" s="12">
        <v>87</v>
      </c>
      <c r="K282" s="12">
        <v>117</v>
      </c>
      <c r="L282" s="12">
        <v>108</v>
      </c>
      <c r="M282" s="12">
        <v>68</v>
      </c>
      <c r="N282" s="12">
        <v>69</v>
      </c>
      <c r="O282" s="12">
        <v>0</v>
      </c>
      <c r="P282" s="12">
        <v>106</v>
      </c>
      <c r="Q282" s="12">
        <v>490</v>
      </c>
      <c r="R282" s="12">
        <v>101</v>
      </c>
    </row>
    <row r="283" spans="1:18" ht="10.5" customHeight="1" x14ac:dyDescent="0.15">
      <c r="A283" s="3"/>
      <c r="B283" s="3" t="s">
        <v>1956</v>
      </c>
      <c r="C283" s="12">
        <v>566</v>
      </c>
      <c r="D283" s="12">
        <v>1517</v>
      </c>
      <c r="E283" s="12">
        <v>757</v>
      </c>
      <c r="F283" s="12">
        <v>760</v>
      </c>
      <c r="G283" s="12">
        <v>132</v>
      </c>
      <c r="H283" s="12">
        <v>189</v>
      </c>
      <c r="I283" s="12">
        <v>170</v>
      </c>
      <c r="J283" s="12">
        <v>176</v>
      </c>
      <c r="K283" s="12">
        <v>204</v>
      </c>
      <c r="L283" s="12">
        <v>248</v>
      </c>
      <c r="M283" s="12">
        <v>174</v>
      </c>
      <c r="N283" s="12">
        <v>224</v>
      </c>
      <c r="O283" s="12">
        <v>0</v>
      </c>
      <c r="P283" s="12">
        <v>214</v>
      </c>
      <c r="Q283" s="12">
        <v>985</v>
      </c>
      <c r="R283" s="12">
        <v>318</v>
      </c>
    </row>
    <row r="284" spans="1:18" ht="10.5" customHeight="1" x14ac:dyDescent="0.15">
      <c r="A284" s="3"/>
      <c r="B284" s="3" t="s">
        <v>1957</v>
      </c>
      <c r="C284" s="12">
        <v>365</v>
      </c>
      <c r="D284" s="12">
        <v>983</v>
      </c>
      <c r="E284" s="12">
        <v>486</v>
      </c>
      <c r="F284" s="12">
        <v>497</v>
      </c>
      <c r="G284" s="12">
        <v>107</v>
      </c>
      <c r="H284" s="12">
        <v>138</v>
      </c>
      <c r="I284" s="12">
        <v>105</v>
      </c>
      <c r="J284" s="12">
        <v>108</v>
      </c>
      <c r="K284" s="12">
        <v>174</v>
      </c>
      <c r="L284" s="12">
        <v>131</v>
      </c>
      <c r="M284" s="12">
        <v>92</v>
      </c>
      <c r="N284" s="12">
        <v>128</v>
      </c>
      <c r="O284" s="12">
        <v>0</v>
      </c>
      <c r="P284" s="12">
        <v>185</v>
      </c>
      <c r="Q284" s="12">
        <v>624</v>
      </c>
      <c r="R284" s="12">
        <v>174</v>
      </c>
    </row>
    <row r="285" spans="1:18" ht="10.5" customHeight="1" x14ac:dyDescent="0.15">
      <c r="A285" s="3"/>
      <c r="B285" s="3" t="s">
        <v>1958</v>
      </c>
      <c r="C285" s="12">
        <v>185</v>
      </c>
      <c r="D285" s="12">
        <v>461</v>
      </c>
      <c r="E285" s="12">
        <v>226</v>
      </c>
      <c r="F285" s="12">
        <v>235</v>
      </c>
      <c r="G285" s="12">
        <v>30</v>
      </c>
      <c r="H285" s="12">
        <v>73</v>
      </c>
      <c r="I285" s="12">
        <v>23</v>
      </c>
      <c r="J285" s="12">
        <v>30</v>
      </c>
      <c r="K285" s="12">
        <v>84</v>
      </c>
      <c r="L285" s="12">
        <v>51</v>
      </c>
      <c r="M285" s="12">
        <v>36</v>
      </c>
      <c r="N285" s="12">
        <v>134</v>
      </c>
      <c r="O285" s="12">
        <v>0</v>
      </c>
      <c r="P285" s="12">
        <v>65</v>
      </c>
      <c r="Q285" s="12">
        <v>244</v>
      </c>
      <c r="R285" s="12">
        <v>152</v>
      </c>
    </row>
    <row r="286" spans="1:18" ht="10.5" customHeight="1" x14ac:dyDescent="0.15">
      <c r="A286" s="3"/>
      <c r="B286" s="3" t="s">
        <v>1959</v>
      </c>
      <c r="C286" s="12">
        <v>674</v>
      </c>
      <c r="D286" s="12">
        <v>1499</v>
      </c>
      <c r="E286" s="12">
        <v>679</v>
      </c>
      <c r="F286" s="12">
        <v>820</v>
      </c>
      <c r="G286" s="12">
        <v>134</v>
      </c>
      <c r="H286" s="12">
        <v>104</v>
      </c>
      <c r="I286" s="12">
        <v>143</v>
      </c>
      <c r="J286" s="12">
        <v>179</v>
      </c>
      <c r="K286" s="12">
        <v>172</v>
      </c>
      <c r="L286" s="12">
        <v>206</v>
      </c>
      <c r="M286" s="12">
        <v>145</v>
      </c>
      <c r="N286" s="12">
        <v>416</v>
      </c>
      <c r="O286" s="12">
        <v>0</v>
      </c>
      <c r="P286" s="12">
        <v>181</v>
      </c>
      <c r="Q286" s="12">
        <v>822</v>
      </c>
      <c r="R286" s="12">
        <v>496</v>
      </c>
    </row>
    <row r="287" spans="1:18" ht="10.5" customHeight="1" x14ac:dyDescent="0.15">
      <c r="A287" s="3"/>
      <c r="B287" s="3" t="s">
        <v>1960</v>
      </c>
      <c r="C287" s="12">
        <v>499</v>
      </c>
      <c r="D287" s="12">
        <v>1099</v>
      </c>
      <c r="E287" s="12">
        <v>515</v>
      </c>
      <c r="F287" s="12">
        <v>584</v>
      </c>
      <c r="G287" s="12">
        <v>75</v>
      </c>
      <c r="H287" s="12">
        <v>72</v>
      </c>
      <c r="I287" s="12">
        <v>79</v>
      </c>
      <c r="J287" s="12">
        <v>94</v>
      </c>
      <c r="K287" s="12">
        <v>130</v>
      </c>
      <c r="L287" s="12">
        <v>156</v>
      </c>
      <c r="M287" s="12">
        <v>152</v>
      </c>
      <c r="N287" s="12">
        <v>341</v>
      </c>
      <c r="O287" s="12">
        <v>0</v>
      </c>
      <c r="P287" s="12">
        <v>115</v>
      </c>
      <c r="Q287" s="12">
        <v>570</v>
      </c>
      <c r="R287" s="12">
        <v>414</v>
      </c>
    </row>
    <row r="288" spans="1:18" ht="10.5" customHeight="1" x14ac:dyDescent="0.15">
      <c r="A288" s="3"/>
      <c r="B288" s="3" t="s">
        <v>1961</v>
      </c>
      <c r="C288" s="12">
        <v>326</v>
      </c>
      <c r="D288" s="12">
        <v>779</v>
      </c>
      <c r="E288" s="12">
        <v>337</v>
      </c>
      <c r="F288" s="12">
        <v>442</v>
      </c>
      <c r="G288" s="12">
        <v>87</v>
      </c>
      <c r="H288" s="12">
        <v>55</v>
      </c>
      <c r="I288" s="12">
        <v>47</v>
      </c>
      <c r="J288" s="12">
        <v>67</v>
      </c>
      <c r="K288" s="12">
        <v>91</v>
      </c>
      <c r="L288" s="12">
        <v>120</v>
      </c>
      <c r="M288" s="12">
        <v>83</v>
      </c>
      <c r="N288" s="12">
        <v>229</v>
      </c>
      <c r="O288" s="12">
        <v>0</v>
      </c>
      <c r="P288" s="12">
        <v>116</v>
      </c>
      <c r="Q288" s="12">
        <v>392</v>
      </c>
      <c r="R288" s="12">
        <v>271</v>
      </c>
    </row>
    <row r="289" spans="1:18" ht="10.5" customHeight="1" x14ac:dyDescent="0.15">
      <c r="A289" s="3"/>
      <c r="B289" s="3" t="s">
        <v>1962</v>
      </c>
      <c r="C289" s="12">
        <v>271</v>
      </c>
      <c r="D289" s="12">
        <v>750</v>
      </c>
      <c r="E289" s="12">
        <v>378</v>
      </c>
      <c r="F289" s="12">
        <v>372</v>
      </c>
      <c r="G289" s="12">
        <v>76</v>
      </c>
      <c r="H289" s="12">
        <v>80</v>
      </c>
      <c r="I289" s="12">
        <v>83</v>
      </c>
      <c r="J289" s="12">
        <v>87</v>
      </c>
      <c r="K289" s="12">
        <v>103</v>
      </c>
      <c r="L289" s="12">
        <v>103</v>
      </c>
      <c r="M289" s="12">
        <v>113</v>
      </c>
      <c r="N289" s="12">
        <v>105</v>
      </c>
      <c r="O289" s="12">
        <v>0</v>
      </c>
      <c r="P289" s="12">
        <v>121</v>
      </c>
      <c r="Q289" s="12">
        <v>482</v>
      </c>
      <c r="R289" s="12">
        <v>147</v>
      </c>
    </row>
    <row r="290" spans="1:18" ht="10.5" customHeight="1" x14ac:dyDescent="0.15">
      <c r="A290" s="3"/>
      <c r="B290" s="3" t="s">
        <v>1963</v>
      </c>
      <c r="C290" s="12">
        <v>147</v>
      </c>
      <c r="D290" s="12">
        <v>334</v>
      </c>
      <c r="E290" s="12">
        <v>180</v>
      </c>
      <c r="F290" s="12">
        <v>154</v>
      </c>
      <c r="G290" s="12">
        <v>33</v>
      </c>
      <c r="H290" s="12">
        <v>28</v>
      </c>
      <c r="I290" s="12">
        <v>41</v>
      </c>
      <c r="J290" s="12">
        <v>55</v>
      </c>
      <c r="K290" s="12">
        <v>44</v>
      </c>
      <c r="L290" s="12">
        <v>43</v>
      </c>
      <c r="M290" s="12">
        <v>50</v>
      </c>
      <c r="N290" s="12">
        <v>40</v>
      </c>
      <c r="O290" s="12">
        <v>0</v>
      </c>
      <c r="P290" s="12">
        <v>47</v>
      </c>
      <c r="Q290" s="12">
        <v>215</v>
      </c>
      <c r="R290" s="12">
        <v>72</v>
      </c>
    </row>
    <row r="291" spans="1:18" ht="10.5" customHeight="1" x14ac:dyDescent="0.15">
      <c r="A291" s="3"/>
      <c r="B291" s="3" t="s">
        <v>1964</v>
      </c>
      <c r="C291" s="12">
        <v>170</v>
      </c>
      <c r="D291" s="12">
        <v>429</v>
      </c>
      <c r="E291" s="12">
        <v>205</v>
      </c>
      <c r="F291" s="12">
        <v>224</v>
      </c>
      <c r="G291" s="12">
        <v>19</v>
      </c>
      <c r="H291" s="12">
        <v>36</v>
      </c>
      <c r="I291" s="12">
        <v>48</v>
      </c>
      <c r="J291" s="12">
        <v>35</v>
      </c>
      <c r="K291" s="12">
        <v>58</v>
      </c>
      <c r="L291" s="12">
        <v>88</v>
      </c>
      <c r="M291" s="12">
        <v>66</v>
      </c>
      <c r="N291" s="12">
        <v>79</v>
      </c>
      <c r="O291" s="12">
        <v>0</v>
      </c>
      <c r="P291" s="12">
        <v>32</v>
      </c>
      <c r="Q291" s="12">
        <v>281</v>
      </c>
      <c r="R291" s="12">
        <v>116</v>
      </c>
    </row>
    <row r="292" spans="1:18" ht="10.5" customHeight="1" x14ac:dyDescent="0.15">
      <c r="A292" s="3"/>
      <c r="B292" s="3" t="s">
        <v>1965</v>
      </c>
      <c r="C292" s="12">
        <v>499</v>
      </c>
      <c r="D292" s="12">
        <v>1146</v>
      </c>
      <c r="E292" s="12">
        <v>573</v>
      </c>
      <c r="F292" s="12">
        <v>573</v>
      </c>
      <c r="G292" s="12">
        <v>87</v>
      </c>
      <c r="H292" s="12">
        <v>111</v>
      </c>
      <c r="I292" s="12">
        <v>140</v>
      </c>
      <c r="J292" s="12">
        <v>139</v>
      </c>
      <c r="K292" s="12">
        <v>151</v>
      </c>
      <c r="L292" s="12">
        <v>182</v>
      </c>
      <c r="M292" s="12">
        <v>114</v>
      </c>
      <c r="N292" s="12">
        <v>222</v>
      </c>
      <c r="O292" s="12">
        <v>0</v>
      </c>
      <c r="P292" s="12">
        <v>145</v>
      </c>
      <c r="Q292" s="12">
        <v>726</v>
      </c>
      <c r="R292" s="12">
        <v>275</v>
      </c>
    </row>
    <row r="293" spans="1:18" ht="10.5" customHeight="1" x14ac:dyDescent="0.15">
      <c r="A293" s="3"/>
      <c r="B293" s="3" t="s">
        <v>1966</v>
      </c>
      <c r="C293" s="12">
        <v>270</v>
      </c>
      <c r="D293" s="12">
        <v>703</v>
      </c>
      <c r="E293" s="12">
        <v>351</v>
      </c>
      <c r="F293" s="12">
        <v>352</v>
      </c>
      <c r="G293" s="12">
        <v>80</v>
      </c>
      <c r="H293" s="12">
        <v>90</v>
      </c>
      <c r="I293" s="12">
        <v>95</v>
      </c>
      <c r="J293" s="12">
        <v>95</v>
      </c>
      <c r="K293" s="12">
        <v>118</v>
      </c>
      <c r="L293" s="12">
        <v>102</v>
      </c>
      <c r="M293" s="12">
        <v>59</v>
      </c>
      <c r="N293" s="12">
        <v>64</v>
      </c>
      <c r="O293" s="12">
        <v>0</v>
      </c>
      <c r="P293" s="12">
        <v>119</v>
      </c>
      <c r="Q293" s="12">
        <v>492</v>
      </c>
      <c r="R293" s="12">
        <v>92</v>
      </c>
    </row>
    <row r="294" spans="1:18" ht="10.5" customHeight="1" x14ac:dyDescent="0.15">
      <c r="A294" s="3"/>
      <c r="B294" s="3" t="s">
        <v>1967</v>
      </c>
      <c r="C294" s="12">
        <v>263</v>
      </c>
      <c r="D294" s="12">
        <v>717</v>
      </c>
      <c r="E294" s="12">
        <v>350</v>
      </c>
      <c r="F294" s="12">
        <v>367</v>
      </c>
      <c r="G294" s="12">
        <v>136</v>
      </c>
      <c r="H294" s="12">
        <v>108</v>
      </c>
      <c r="I294" s="12">
        <v>87</v>
      </c>
      <c r="J294" s="12">
        <v>122</v>
      </c>
      <c r="K294" s="12">
        <v>153</v>
      </c>
      <c r="L294" s="12">
        <v>61</v>
      </c>
      <c r="M294" s="12">
        <v>23</v>
      </c>
      <c r="N294" s="12">
        <v>27</v>
      </c>
      <c r="O294" s="12">
        <v>0</v>
      </c>
      <c r="P294" s="12">
        <v>199</v>
      </c>
      <c r="Q294" s="12">
        <v>479</v>
      </c>
      <c r="R294" s="12">
        <v>39</v>
      </c>
    </row>
    <row r="295" spans="1:18" ht="10.5" customHeight="1" x14ac:dyDescent="0.15">
      <c r="A295" s="3"/>
      <c r="B295" s="3" t="s">
        <v>1968</v>
      </c>
      <c r="C295" s="12">
        <v>212</v>
      </c>
      <c r="D295" s="12">
        <v>603</v>
      </c>
      <c r="E295" s="12">
        <v>294</v>
      </c>
      <c r="F295" s="12">
        <v>309</v>
      </c>
      <c r="G295" s="12">
        <v>71</v>
      </c>
      <c r="H295" s="12">
        <v>115</v>
      </c>
      <c r="I295" s="12">
        <v>66</v>
      </c>
      <c r="J295" s="12">
        <v>67</v>
      </c>
      <c r="K295" s="12">
        <v>139</v>
      </c>
      <c r="L295" s="12">
        <v>65</v>
      </c>
      <c r="M295" s="12">
        <v>24</v>
      </c>
      <c r="N295" s="12">
        <v>56</v>
      </c>
      <c r="O295" s="12">
        <v>0</v>
      </c>
      <c r="P295" s="12">
        <v>129</v>
      </c>
      <c r="Q295" s="12">
        <v>403</v>
      </c>
      <c r="R295" s="12">
        <v>71</v>
      </c>
    </row>
    <row r="296" spans="1:18" ht="10.5" customHeight="1" x14ac:dyDescent="0.15">
      <c r="A296" s="3"/>
      <c r="B296" s="3" t="s">
        <v>1969</v>
      </c>
      <c r="C296" s="12">
        <v>750</v>
      </c>
      <c r="D296" s="12">
        <v>1598</v>
      </c>
      <c r="E296" s="12">
        <v>755</v>
      </c>
      <c r="F296" s="12">
        <v>843</v>
      </c>
      <c r="G296" s="12">
        <v>115</v>
      </c>
      <c r="H296" s="12">
        <v>144</v>
      </c>
      <c r="I296" s="12">
        <v>113</v>
      </c>
      <c r="J296" s="12">
        <v>143</v>
      </c>
      <c r="K296" s="12">
        <v>215</v>
      </c>
      <c r="L296" s="12">
        <v>227</v>
      </c>
      <c r="M296" s="12">
        <v>168</v>
      </c>
      <c r="N296" s="12">
        <v>473</v>
      </c>
      <c r="O296" s="12">
        <v>0</v>
      </c>
      <c r="P296" s="12">
        <v>182</v>
      </c>
      <c r="Q296" s="12">
        <v>854</v>
      </c>
      <c r="R296" s="12">
        <v>562</v>
      </c>
    </row>
    <row r="297" spans="1:18" ht="10.5" customHeight="1" x14ac:dyDescent="0.15">
      <c r="A297" s="3"/>
      <c r="B297" s="3" t="s">
        <v>1970</v>
      </c>
      <c r="C297" s="12">
        <v>676</v>
      </c>
      <c r="D297" s="12">
        <v>1422</v>
      </c>
      <c r="E297" s="12">
        <v>679</v>
      </c>
      <c r="F297" s="12">
        <v>743</v>
      </c>
      <c r="G297" s="12">
        <v>135</v>
      </c>
      <c r="H297" s="12">
        <v>125</v>
      </c>
      <c r="I297" s="12">
        <v>150</v>
      </c>
      <c r="J297" s="12">
        <v>223</v>
      </c>
      <c r="K297" s="12">
        <v>222</v>
      </c>
      <c r="L297" s="12">
        <v>158</v>
      </c>
      <c r="M297" s="12">
        <v>155</v>
      </c>
      <c r="N297" s="12">
        <v>254</v>
      </c>
      <c r="O297" s="12">
        <v>0</v>
      </c>
      <c r="P297" s="12">
        <v>198</v>
      </c>
      <c r="Q297" s="12">
        <v>902</v>
      </c>
      <c r="R297" s="12">
        <v>322</v>
      </c>
    </row>
    <row r="298" spans="1:18" ht="10.5" customHeight="1" x14ac:dyDescent="0.15">
      <c r="A298" s="3"/>
      <c r="B298" s="3" t="s">
        <v>1971</v>
      </c>
      <c r="C298" s="12">
        <v>661</v>
      </c>
      <c r="D298" s="12">
        <v>1548</v>
      </c>
      <c r="E298" s="12">
        <v>713</v>
      </c>
      <c r="F298" s="12">
        <v>835</v>
      </c>
      <c r="G298" s="12">
        <v>177</v>
      </c>
      <c r="H298" s="12">
        <v>167</v>
      </c>
      <c r="I298" s="12">
        <v>147</v>
      </c>
      <c r="J298" s="12">
        <v>212</v>
      </c>
      <c r="K298" s="12">
        <v>230</v>
      </c>
      <c r="L298" s="12">
        <v>216</v>
      </c>
      <c r="M298" s="12">
        <v>162</v>
      </c>
      <c r="N298" s="12">
        <v>237</v>
      </c>
      <c r="O298" s="12">
        <v>0</v>
      </c>
      <c r="P298" s="12">
        <v>255</v>
      </c>
      <c r="Q298" s="12">
        <v>977</v>
      </c>
      <c r="R298" s="12">
        <v>316</v>
      </c>
    </row>
    <row r="299" spans="1:18" ht="10.5" customHeight="1" x14ac:dyDescent="0.15">
      <c r="A299" s="3"/>
      <c r="B299" s="3" t="s">
        <v>1972</v>
      </c>
      <c r="C299" s="12">
        <v>381</v>
      </c>
      <c r="D299" s="12">
        <v>904</v>
      </c>
      <c r="E299" s="12">
        <v>452</v>
      </c>
      <c r="F299" s="12">
        <v>452</v>
      </c>
      <c r="G299" s="12">
        <v>51</v>
      </c>
      <c r="H299" s="12">
        <v>90</v>
      </c>
      <c r="I299" s="12">
        <v>98</v>
      </c>
      <c r="J299" s="12">
        <v>83</v>
      </c>
      <c r="K299" s="12">
        <v>149</v>
      </c>
      <c r="L299" s="12">
        <v>163</v>
      </c>
      <c r="M299" s="12">
        <v>104</v>
      </c>
      <c r="N299" s="12">
        <v>166</v>
      </c>
      <c r="O299" s="12">
        <v>0</v>
      </c>
      <c r="P299" s="12">
        <v>98</v>
      </c>
      <c r="Q299" s="12">
        <v>597</v>
      </c>
      <c r="R299" s="12">
        <v>209</v>
      </c>
    </row>
    <row r="300" spans="1:18" ht="10.5" customHeight="1" x14ac:dyDescent="0.15">
      <c r="A300" s="3"/>
      <c r="B300" s="3" t="s">
        <v>1973</v>
      </c>
      <c r="C300" s="12">
        <v>449</v>
      </c>
      <c r="D300" s="12">
        <v>1093</v>
      </c>
      <c r="E300" s="12">
        <v>541</v>
      </c>
      <c r="F300" s="12">
        <v>552</v>
      </c>
      <c r="G300" s="12">
        <v>98</v>
      </c>
      <c r="H300" s="12">
        <v>104</v>
      </c>
      <c r="I300" s="12">
        <v>144</v>
      </c>
      <c r="J300" s="12">
        <v>102</v>
      </c>
      <c r="K300" s="12">
        <v>159</v>
      </c>
      <c r="L300" s="12">
        <v>214</v>
      </c>
      <c r="M300" s="12">
        <v>118</v>
      </c>
      <c r="N300" s="12">
        <v>154</v>
      </c>
      <c r="O300" s="12">
        <v>0</v>
      </c>
      <c r="P300" s="12">
        <v>143</v>
      </c>
      <c r="Q300" s="12">
        <v>745</v>
      </c>
      <c r="R300" s="12">
        <v>205</v>
      </c>
    </row>
    <row r="301" spans="1:18" ht="10.5" customHeight="1" x14ac:dyDescent="0.15">
      <c r="A301" s="3"/>
      <c r="B301" s="3" t="s">
        <v>1974</v>
      </c>
      <c r="C301" s="12">
        <v>427</v>
      </c>
      <c r="D301" s="12">
        <v>1151</v>
      </c>
      <c r="E301" s="12">
        <v>564</v>
      </c>
      <c r="F301" s="12">
        <v>587</v>
      </c>
      <c r="G301" s="12">
        <v>213</v>
      </c>
      <c r="H301" s="12">
        <v>154</v>
      </c>
      <c r="I301" s="12">
        <v>124</v>
      </c>
      <c r="J301" s="12">
        <v>186</v>
      </c>
      <c r="K301" s="12">
        <v>243</v>
      </c>
      <c r="L301" s="12">
        <v>89</v>
      </c>
      <c r="M301" s="12">
        <v>56</v>
      </c>
      <c r="N301" s="12">
        <v>86</v>
      </c>
      <c r="O301" s="12">
        <v>0</v>
      </c>
      <c r="P301" s="12">
        <v>324</v>
      </c>
      <c r="Q301" s="12">
        <v>717</v>
      </c>
      <c r="R301" s="12">
        <v>110</v>
      </c>
    </row>
    <row r="302" spans="1:18" ht="10.5" customHeight="1" x14ac:dyDescent="0.15">
      <c r="A302" s="3"/>
      <c r="B302" s="3" t="s">
        <v>1975</v>
      </c>
      <c r="C302" s="12">
        <v>461</v>
      </c>
      <c r="D302" s="12">
        <v>1242</v>
      </c>
      <c r="E302" s="12">
        <v>619</v>
      </c>
      <c r="F302" s="12">
        <v>623</v>
      </c>
      <c r="G302" s="12">
        <v>180</v>
      </c>
      <c r="H302" s="12">
        <v>209</v>
      </c>
      <c r="I302" s="12">
        <v>90</v>
      </c>
      <c r="J302" s="12">
        <v>163</v>
      </c>
      <c r="K302" s="12">
        <v>295</v>
      </c>
      <c r="L302" s="12">
        <v>133</v>
      </c>
      <c r="M302" s="12">
        <v>69</v>
      </c>
      <c r="N302" s="12">
        <v>103</v>
      </c>
      <c r="O302" s="12">
        <v>0</v>
      </c>
      <c r="P302" s="12">
        <v>316</v>
      </c>
      <c r="Q302" s="12">
        <v>788</v>
      </c>
      <c r="R302" s="12">
        <v>138</v>
      </c>
    </row>
    <row r="303" spans="1:18" ht="10.5" customHeight="1" x14ac:dyDescent="0.15">
      <c r="A303" s="3"/>
      <c r="B303" s="3" t="s">
        <v>1976</v>
      </c>
      <c r="C303" s="12">
        <v>246</v>
      </c>
      <c r="D303" s="12">
        <v>639</v>
      </c>
      <c r="E303" s="12">
        <v>307</v>
      </c>
      <c r="F303" s="12">
        <v>332</v>
      </c>
      <c r="G303" s="12">
        <v>130</v>
      </c>
      <c r="H303" s="12">
        <v>52</v>
      </c>
      <c r="I303" s="12">
        <v>50</v>
      </c>
      <c r="J303" s="12">
        <v>128</v>
      </c>
      <c r="K303" s="12">
        <v>124</v>
      </c>
      <c r="L303" s="12">
        <v>68</v>
      </c>
      <c r="M303" s="12">
        <v>36</v>
      </c>
      <c r="N303" s="12">
        <v>51</v>
      </c>
      <c r="O303" s="12">
        <v>0</v>
      </c>
      <c r="P303" s="12">
        <v>167</v>
      </c>
      <c r="Q303" s="12">
        <v>401</v>
      </c>
      <c r="R303" s="12">
        <v>71</v>
      </c>
    </row>
    <row r="304" spans="1:18" ht="10.5" customHeight="1" x14ac:dyDescent="0.15">
      <c r="A304" s="3"/>
      <c r="B304" s="3" t="s">
        <v>1977</v>
      </c>
      <c r="C304" s="12">
        <v>190</v>
      </c>
      <c r="D304" s="12">
        <v>551</v>
      </c>
      <c r="E304" s="12">
        <v>290</v>
      </c>
      <c r="F304" s="12">
        <v>261</v>
      </c>
      <c r="G304" s="12">
        <v>86</v>
      </c>
      <c r="H304" s="12">
        <v>87</v>
      </c>
      <c r="I304" s="12">
        <v>43</v>
      </c>
      <c r="J304" s="12">
        <v>96</v>
      </c>
      <c r="K304" s="12">
        <v>125</v>
      </c>
      <c r="L304" s="12">
        <v>54</v>
      </c>
      <c r="M304" s="12">
        <v>26</v>
      </c>
      <c r="N304" s="12">
        <v>34</v>
      </c>
      <c r="O304" s="12">
        <v>0</v>
      </c>
      <c r="P304" s="12">
        <v>132</v>
      </c>
      <c r="Q304" s="12">
        <v>370</v>
      </c>
      <c r="R304" s="12">
        <v>49</v>
      </c>
    </row>
    <row r="305" spans="1:18" ht="10.5" customHeight="1" x14ac:dyDescent="0.15">
      <c r="A305" s="3"/>
      <c r="B305" s="3" t="s">
        <v>1978</v>
      </c>
      <c r="C305" s="12">
        <v>428</v>
      </c>
      <c r="D305" s="12">
        <v>1189</v>
      </c>
      <c r="E305" s="12">
        <v>593</v>
      </c>
      <c r="F305" s="12">
        <v>596</v>
      </c>
      <c r="G305" s="12">
        <v>132</v>
      </c>
      <c r="H305" s="12">
        <v>217</v>
      </c>
      <c r="I305" s="12">
        <v>132</v>
      </c>
      <c r="J305" s="12">
        <v>131</v>
      </c>
      <c r="K305" s="12">
        <v>231</v>
      </c>
      <c r="L305" s="12">
        <v>148</v>
      </c>
      <c r="M305" s="12">
        <v>86</v>
      </c>
      <c r="N305" s="12">
        <v>112</v>
      </c>
      <c r="O305" s="12">
        <v>0</v>
      </c>
      <c r="P305" s="12">
        <v>246</v>
      </c>
      <c r="Q305" s="12">
        <v>795</v>
      </c>
      <c r="R305" s="12">
        <v>148</v>
      </c>
    </row>
    <row r="306" spans="1:18" ht="10.5" customHeight="1" x14ac:dyDescent="0.15">
      <c r="A306" s="3"/>
      <c r="B306" s="3" t="s">
        <v>1979</v>
      </c>
      <c r="C306" s="12">
        <v>233</v>
      </c>
      <c r="D306" s="12">
        <v>661</v>
      </c>
      <c r="E306" s="12">
        <v>316</v>
      </c>
      <c r="F306" s="12">
        <v>345</v>
      </c>
      <c r="G306" s="12">
        <v>47</v>
      </c>
      <c r="H306" s="12">
        <v>144</v>
      </c>
      <c r="I306" s="12">
        <v>52</v>
      </c>
      <c r="J306" s="12">
        <v>46</v>
      </c>
      <c r="K306" s="12">
        <v>167</v>
      </c>
      <c r="L306" s="12">
        <v>114</v>
      </c>
      <c r="M306" s="12">
        <v>34</v>
      </c>
      <c r="N306" s="12">
        <v>57</v>
      </c>
      <c r="O306" s="12">
        <v>0</v>
      </c>
      <c r="P306" s="12">
        <v>112</v>
      </c>
      <c r="Q306" s="12">
        <v>480</v>
      </c>
      <c r="R306" s="12">
        <v>69</v>
      </c>
    </row>
    <row r="307" spans="1:18" ht="10.5" customHeight="1" x14ac:dyDescent="0.15">
      <c r="A307" s="3"/>
      <c r="B307" s="3" t="s">
        <v>1980</v>
      </c>
      <c r="C307" s="12">
        <v>475</v>
      </c>
      <c r="D307" s="12">
        <v>1108</v>
      </c>
      <c r="E307" s="12">
        <v>560</v>
      </c>
      <c r="F307" s="12">
        <v>548</v>
      </c>
      <c r="G307" s="12">
        <v>98</v>
      </c>
      <c r="H307" s="12">
        <v>93</v>
      </c>
      <c r="I307" s="12">
        <v>168</v>
      </c>
      <c r="J307" s="12">
        <v>125</v>
      </c>
      <c r="K307" s="12">
        <v>162</v>
      </c>
      <c r="L307" s="12">
        <v>182</v>
      </c>
      <c r="M307" s="12">
        <v>108</v>
      </c>
      <c r="N307" s="12">
        <v>172</v>
      </c>
      <c r="O307" s="12">
        <v>0</v>
      </c>
      <c r="P307" s="12">
        <v>138</v>
      </c>
      <c r="Q307" s="12">
        <v>747</v>
      </c>
      <c r="R307" s="12">
        <v>223</v>
      </c>
    </row>
    <row r="308" spans="1:18" ht="10.5" customHeight="1" x14ac:dyDescent="0.15">
      <c r="A308" s="3" t="s">
        <v>2340</v>
      </c>
      <c r="B308" s="3"/>
      <c r="C308" s="12"/>
      <c r="D308" s="12"/>
      <c r="E308" s="12"/>
      <c r="F308" s="12"/>
      <c r="G308" s="12"/>
      <c r="H308" s="12"/>
      <c r="I308" s="12"/>
      <c r="J308" s="12"/>
      <c r="K308" s="12"/>
      <c r="L308" s="12"/>
      <c r="M308" s="12"/>
      <c r="N308" s="12"/>
      <c r="O308" s="12"/>
      <c r="P308" s="12"/>
      <c r="Q308" s="12"/>
      <c r="R308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7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1981</v>
      </c>
      <c r="B6" s="3"/>
      <c r="C6" s="12">
        <v>74915</v>
      </c>
      <c r="D6" s="12">
        <v>160782</v>
      </c>
      <c r="E6" s="12">
        <v>77546</v>
      </c>
      <c r="F6" s="12">
        <v>83236</v>
      </c>
      <c r="G6" s="12">
        <v>15344</v>
      </c>
      <c r="H6" s="12">
        <v>15616</v>
      </c>
      <c r="I6" s="12">
        <v>16700</v>
      </c>
      <c r="J6" s="12">
        <v>19577</v>
      </c>
      <c r="K6" s="12">
        <v>25537</v>
      </c>
      <c r="L6" s="12">
        <v>23327</v>
      </c>
      <c r="M6" s="12">
        <v>16609</v>
      </c>
      <c r="N6" s="12">
        <v>28071</v>
      </c>
      <c r="O6" s="12">
        <v>1</v>
      </c>
      <c r="P6" s="12">
        <v>23229</v>
      </c>
      <c r="Q6" s="12">
        <v>101434</v>
      </c>
      <c r="R6" s="12">
        <v>36118</v>
      </c>
    </row>
    <row r="7" spans="1:18" s="4" customFormat="1" x14ac:dyDescent="0.15">
      <c r="A7" s="3"/>
      <c r="B7" s="3" t="s">
        <v>1982</v>
      </c>
      <c r="C7" s="12">
        <v>319</v>
      </c>
      <c r="D7" s="12">
        <v>771</v>
      </c>
      <c r="E7" s="12">
        <v>394</v>
      </c>
      <c r="F7" s="12">
        <v>377</v>
      </c>
      <c r="G7" s="12">
        <v>84</v>
      </c>
      <c r="H7" s="12">
        <v>57</v>
      </c>
      <c r="I7" s="12">
        <v>82</v>
      </c>
      <c r="J7" s="12">
        <v>85</v>
      </c>
      <c r="K7" s="12">
        <v>106</v>
      </c>
      <c r="L7" s="12">
        <v>115</v>
      </c>
      <c r="M7" s="12">
        <v>93</v>
      </c>
      <c r="N7" s="12">
        <v>149</v>
      </c>
      <c r="O7" s="12">
        <v>0</v>
      </c>
      <c r="P7" s="12">
        <v>117</v>
      </c>
      <c r="Q7" s="12">
        <v>465</v>
      </c>
      <c r="R7" s="12">
        <v>189</v>
      </c>
    </row>
    <row r="8" spans="1:18" s="4" customFormat="1" x14ac:dyDescent="0.15">
      <c r="A8" s="3"/>
      <c r="B8" s="3" t="s">
        <v>1983</v>
      </c>
      <c r="C8" s="12">
        <v>505</v>
      </c>
      <c r="D8" s="12">
        <v>909</v>
      </c>
      <c r="E8" s="12">
        <v>460</v>
      </c>
      <c r="F8" s="12">
        <v>449</v>
      </c>
      <c r="G8" s="12">
        <v>61</v>
      </c>
      <c r="H8" s="12">
        <v>97</v>
      </c>
      <c r="I8" s="12">
        <v>150</v>
      </c>
      <c r="J8" s="12">
        <v>99</v>
      </c>
      <c r="K8" s="12">
        <v>138</v>
      </c>
      <c r="L8" s="12">
        <v>147</v>
      </c>
      <c r="M8" s="12">
        <v>95</v>
      </c>
      <c r="N8" s="12">
        <v>122</v>
      </c>
      <c r="O8" s="12">
        <v>0</v>
      </c>
      <c r="P8" s="12">
        <v>112</v>
      </c>
      <c r="Q8" s="12">
        <v>633</v>
      </c>
      <c r="R8" s="12">
        <v>164</v>
      </c>
    </row>
    <row r="9" spans="1:18" s="4" customFormat="1" x14ac:dyDescent="0.15">
      <c r="A9" s="3"/>
      <c r="B9" s="3" t="s">
        <v>1984</v>
      </c>
      <c r="C9" s="12">
        <v>718</v>
      </c>
      <c r="D9" s="12">
        <v>1263</v>
      </c>
      <c r="E9" s="12">
        <v>623</v>
      </c>
      <c r="F9" s="12">
        <v>640</v>
      </c>
      <c r="G9" s="12">
        <v>130</v>
      </c>
      <c r="H9" s="12">
        <v>88</v>
      </c>
      <c r="I9" s="12">
        <v>196</v>
      </c>
      <c r="J9" s="12">
        <v>207</v>
      </c>
      <c r="K9" s="12">
        <v>211</v>
      </c>
      <c r="L9" s="12">
        <v>163</v>
      </c>
      <c r="M9" s="12">
        <v>104</v>
      </c>
      <c r="N9" s="12">
        <v>164</v>
      </c>
      <c r="O9" s="12">
        <v>0</v>
      </c>
      <c r="P9" s="12">
        <v>169</v>
      </c>
      <c r="Q9" s="12">
        <v>883</v>
      </c>
      <c r="R9" s="12">
        <v>211</v>
      </c>
    </row>
    <row r="10" spans="1:18" s="4" customFormat="1" x14ac:dyDescent="0.15">
      <c r="A10" s="3"/>
      <c r="B10" s="3" t="s">
        <v>1985</v>
      </c>
      <c r="C10" s="12">
        <v>529</v>
      </c>
      <c r="D10" s="12">
        <v>1141</v>
      </c>
      <c r="E10" s="12">
        <v>590</v>
      </c>
      <c r="F10" s="12">
        <v>551</v>
      </c>
      <c r="G10" s="12">
        <v>73</v>
      </c>
      <c r="H10" s="12">
        <v>142</v>
      </c>
      <c r="I10" s="12">
        <v>173</v>
      </c>
      <c r="J10" s="12">
        <v>103</v>
      </c>
      <c r="K10" s="12">
        <v>191</v>
      </c>
      <c r="L10" s="12">
        <v>207</v>
      </c>
      <c r="M10" s="12">
        <v>112</v>
      </c>
      <c r="N10" s="12">
        <v>140</v>
      </c>
      <c r="O10" s="12">
        <v>0</v>
      </c>
      <c r="P10" s="12">
        <v>135</v>
      </c>
      <c r="Q10" s="12">
        <v>809</v>
      </c>
      <c r="R10" s="12">
        <v>197</v>
      </c>
    </row>
    <row r="11" spans="1:18" s="4" customFormat="1" x14ac:dyDescent="0.15">
      <c r="A11" s="3"/>
      <c r="B11" s="3" t="s">
        <v>1986</v>
      </c>
      <c r="C11" s="12">
        <v>1</v>
      </c>
      <c r="D11" s="12">
        <v>1</v>
      </c>
      <c r="E11" s="12">
        <v>1</v>
      </c>
      <c r="F11" s="12">
        <v>0</v>
      </c>
      <c r="G11" s="12" t="s">
        <v>132</v>
      </c>
      <c r="H11" s="12" t="s">
        <v>132</v>
      </c>
      <c r="I11" s="12" t="s">
        <v>132</v>
      </c>
      <c r="J11" s="12" t="s">
        <v>132</v>
      </c>
      <c r="K11" s="12" t="s">
        <v>132</v>
      </c>
      <c r="L11" s="12" t="s">
        <v>132</v>
      </c>
      <c r="M11" s="12" t="s">
        <v>132</v>
      </c>
      <c r="N11" s="12" t="s">
        <v>132</v>
      </c>
      <c r="O11" s="12" t="s">
        <v>132</v>
      </c>
      <c r="P11" s="12" t="s">
        <v>132</v>
      </c>
      <c r="Q11" s="12" t="s">
        <v>132</v>
      </c>
      <c r="R11" s="12" t="s">
        <v>132</v>
      </c>
    </row>
    <row r="12" spans="1:18" s="4" customFormat="1" x14ac:dyDescent="0.15">
      <c r="A12" s="3"/>
      <c r="B12" s="3" t="s">
        <v>1987</v>
      </c>
      <c r="C12" s="12">
        <v>6</v>
      </c>
      <c r="D12" s="12">
        <v>12</v>
      </c>
      <c r="E12" s="12">
        <v>6</v>
      </c>
      <c r="F12" s="12">
        <v>6</v>
      </c>
      <c r="G12" s="12" t="s">
        <v>132</v>
      </c>
      <c r="H12" s="12" t="s">
        <v>132</v>
      </c>
      <c r="I12" s="12" t="s">
        <v>132</v>
      </c>
      <c r="J12" s="12" t="s">
        <v>132</v>
      </c>
      <c r="K12" s="12" t="s">
        <v>132</v>
      </c>
      <c r="L12" s="12" t="s">
        <v>132</v>
      </c>
      <c r="M12" s="12" t="s">
        <v>132</v>
      </c>
      <c r="N12" s="12" t="s">
        <v>132</v>
      </c>
      <c r="O12" s="12" t="s">
        <v>132</v>
      </c>
      <c r="P12" s="12" t="s">
        <v>132</v>
      </c>
      <c r="Q12" s="12" t="s">
        <v>132</v>
      </c>
      <c r="R12" s="12" t="s">
        <v>132</v>
      </c>
    </row>
    <row r="13" spans="1:18" s="4" customFormat="1" x14ac:dyDescent="0.15">
      <c r="A13" s="3"/>
      <c r="B13" s="3" t="s">
        <v>1988</v>
      </c>
      <c r="C13" s="12">
        <v>639</v>
      </c>
      <c r="D13" s="12">
        <v>1556</v>
      </c>
      <c r="E13" s="12">
        <v>771</v>
      </c>
      <c r="F13" s="12">
        <v>785</v>
      </c>
      <c r="G13" s="12">
        <v>186</v>
      </c>
      <c r="H13" s="12">
        <v>146</v>
      </c>
      <c r="I13" s="12">
        <v>183</v>
      </c>
      <c r="J13" s="12">
        <v>201</v>
      </c>
      <c r="K13" s="12">
        <v>218</v>
      </c>
      <c r="L13" s="12">
        <v>241</v>
      </c>
      <c r="M13" s="12">
        <v>149</v>
      </c>
      <c r="N13" s="12">
        <v>232</v>
      </c>
      <c r="O13" s="12">
        <v>0</v>
      </c>
      <c r="P13" s="12">
        <v>257</v>
      </c>
      <c r="Q13" s="12">
        <v>1006</v>
      </c>
      <c r="R13" s="12">
        <v>293</v>
      </c>
    </row>
    <row r="14" spans="1:18" s="4" customFormat="1" x14ac:dyDescent="0.15">
      <c r="A14" s="3"/>
      <c r="B14" s="3" t="s">
        <v>1989</v>
      </c>
      <c r="C14" s="12">
        <v>566</v>
      </c>
      <c r="D14" s="12">
        <v>1259</v>
      </c>
      <c r="E14" s="12">
        <v>646</v>
      </c>
      <c r="F14" s="12">
        <v>613</v>
      </c>
      <c r="G14" s="12">
        <v>139</v>
      </c>
      <c r="H14" s="12">
        <v>131</v>
      </c>
      <c r="I14" s="12">
        <v>158</v>
      </c>
      <c r="J14" s="12">
        <v>178</v>
      </c>
      <c r="K14" s="12">
        <v>191</v>
      </c>
      <c r="L14" s="12">
        <v>171</v>
      </c>
      <c r="M14" s="12">
        <v>121</v>
      </c>
      <c r="N14" s="12">
        <v>170</v>
      </c>
      <c r="O14" s="12">
        <v>0</v>
      </c>
      <c r="P14" s="12">
        <v>213</v>
      </c>
      <c r="Q14" s="12">
        <v>827</v>
      </c>
      <c r="R14" s="12">
        <v>219</v>
      </c>
    </row>
    <row r="15" spans="1:18" s="4" customFormat="1" x14ac:dyDescent="0.15">
      <c r="A15" s="3"/>
      <c r="B15" s="3" t="s">
        <v>1990</v>
      </c>
      <c r="C15" s="12">
        <v>687</v>
      </c>
      <c r="D15" s="12">
        <v>1183</v>
      </c>
      <c r="E15" s="12">
        <v>576</v>
      </c>
      <c r="F15" s="12">
        <v>607</v>
      </c>
      <c r="G15" s="12">
        <v>95</v>
      </c>
      <c r="H15" s="12">
        <v>69</v>
      </c>
      <c r="I15" s="12">
        <v>211</v>
      </c>
      <c r="J15" s="12">
        <v>205</v>
      </c>
      <c r="K15" s="12">
        <v>190</v>
      </c>
      <c r="L15" s="12">
        <v>166</v>
      </c>
      <c r="M15" s="12">
        <v>91</v>
      </c>
      <c r="N15" s="12">
        <v>156</v>
      </c>
      <c r="O15" s="12">
        <v>0</v>
      </c>
      <c r="P15" s="12">
        <v>122</v>
      </c>
      <c r="Q15" s="12">
        <v>863</v>
      </c>
      <c r="R15" s="12">
        <v>198</v>
      </c>
    </row>
    <row r="16" spans="1:18" s="4" customFormat="1" x14ac:dyDescent="0.15">
      <c r="A16" s="3"/>
      <c r="B16" s="3" t="s">
        <v>1991</v>
      </c>
      <c r="C16" s="12">
        <v>858</v>
      </c>
      <c r="D16" s="12">
        <v>1672</v>
      </c>
      <c r="E16" s="12">
        <v>808</v>
      </c>
      <c r="F16" s="12">
        <v>864</v>
      </c>
      <c r="G16" s="12">
        <v>234</v>
      </c>
      <c r="H16" s="12">
        <v>116</v>
      </c>
      <c r="I16" s="12">
        <v>212</v>
      </c>
      <c r="J16" s="12">
        <v>279</v>
      </c>
      <c r="K16" s="12">
        <v>303</v>
      </c>
      <c r="L16" s="12">
        <v>195</v>
      </c>
      <c r="M16" s="12">
        <v>152</v>
      </c>
      <c r="N16" s="12">
        <v>181</v>
      </c>
      <c r="O16" s="12">
        <v>0</v>
      </c>
      <c r="P16" s="12">
        <v>308</v>
      </c>
      <c r="Q16" s="12">
        <v>1117</v>
      </c>
      <c r="R16" s="12">
        <v>247</v>
      </c>
    </row>
    <row r="17" spans="1:18" s="4" customFormat="1" x14ac:dyDescent="0.15">
      <c r="A17" s="3"/>
      <c r="B17" s="3" t="s">
        <v>1992</v>
      </c>
      <c r="C17" s="12">
        <v>667</v>
      </c>
      <c r="D17" s="12">
        <v>1501</v>
      </c>
      <c r="E17" s="12">
        <v>723</v>
      </c>
      <c r="F17" s="12">
        <v>778</v>
      </c>
      <c r="G17" s="12">
        <v>202</v>
      </c>
      <c r="H17" s="12">
        <v>132</v>
      </c>
      <c r="I17" s="12">
        <v>167</v>
      </c>
      <c r="J17" s="12">
        <v>226</v>
      </c>
      <c r="K17" s="12">
        <v>258</v>
      </c>
      <c r="L17" s="12">
        <v>221</v>
      </c>
      <c r="M17" s="12">
        <v>134</v>
      </c>
      <c r="N17" s="12">
        <v>161</v>
      </c>
      <c r="O17" s="12">
        <v>0</v>
      </c>
      <c r="P17" s="12">
        <v>274</v>
      </c>
      <c r="Q17" s="12">
        <v>1002</v>
      </c>
      <c r="R17" s="12">
        <v>225</v>
      </c>
    </row>
    <row r="18" spans="1:18" s="4" customFormat="1" x14ac:dyDescent="0.15">
      <c r="A18" s="3"/>
      <c r="B18" s="3" t="s">
        <v>1993</v>
      </c>
      <c r="C18" s="12">
        <v>906</v>
      </c>
      <c r="D18" s="12">
        <v>2066</v>
      </c>
      <c r="E18" s="12">
        <v>994</v>
      </c>
      <c r="F18" s="12">
        <v>1072</v>
      </c>
      <c r="G18" s="12">
        <v>274</v>
      </c>
      <c r="H18" s="12">
        <v>228</v>
      </c>
      <c r="I18" s="12">
        <v>204</v>
      </c>
      <c r="J18" s="12">
        <v>318</v>
      </c>
      <c r="K18" s="12">
        <v>374</v>
      </c>
      <c r="L18" s="12">
        <v>243</v>
      </c>
      <c r="M18" s="12">
        <v>186</v>
      </c>
      <c r="N18" s="12">
        <v>239</v>
      </c>
      <c r="O18" s="12">
        <v>0</v>
      </c>
      <c r="P18" s="12">
        <v>402</v>
      </c>
      <c r="Q18" s="12">
        <v>1336</v>
      </c>
      <c r="R18" s="12">
        <v>328</v>
      </c>
    </row>
    <row r="19" spans="1:18" s="4" customFormat="1" x14ac:dyDescent="0.15">
      <c r="A19" s="3"/>
      <c r="B19" s="3" t="s">
        <v>1994</v>
      </c>
      <c r="C19" s="12">
        <v>657</v>
      </c>
      <c r="D19" s="12">
        <v>1414</v>
      </c>
      <c r="E19" s="12">
        <v>669</v>
      </c>
      <c r="F19" s="12">
        <v>745</v>
      </c>
      <c r="G19" s="12">
        <v>118</v>
      </c>
      <c r="H19" s="12">
        <v>130</v>
      </c>
      <c r="I19" s="12">
        <v>106</v>
      </c>
      <c r="J19" s="12">
        <v>132</v>
      </c>
      <c r="K19" s="12">
        <v>229</v>
      </c>
      <c r="L19" s="12">
        <v>204</v>
      </c>
      <c r="M19" s="12">
        <v>153</v>
      </c>
      <c r="N19" s="12">
        <v>342</v>
      </c>
      <c r="O19" s="12">
        <v>0</v>
      </c>
      <c r="P19" s="12">
        <v>192</v>
      </c>
      <c r="Q19" s="12">
        <v>798</v>
      </c>
      <c r="R19" s="12">
        <v>424</v>
      </c>
    </row>
    <row r="20" spans="1:18" s="4" customFormat="1" x14ac:dyDescent="0.15">
      <c r="A20" s="3"/>
      <c r="B20" s="3" t="s">
        <v>1995</v>
      </c>
      <c r="C20" s="12">
        <v>566</v>
      </c>
      <c r="D20" s="12">
        <v>1182</v>
      </c>
      <c r="E20" s="12">
        <v>576</v>
      </c>
      <c r="F20" s="12">
        <v>606</v>
      </c>
      <c r="G20" s="12">
        <v>110</v>
      </c>
      <c r="H20" s="12">
        <v>100</v>
      </c>
      <c r="I20" s="12">
        <v>123</v>
      </c>
      <c r="J20" s="12">
        <v>136</v>
      </c>
      <c r="K20" s="12">
        <v>155</v>
      </c>
      <c r="L20" s="12">
        <v>199</v>
      </c>
      <c r="M20" s="12">
        <v>140</v>
      </c>
      <c r="N20" s="12">
        <v>219</v>
      </c>
      <c r="O20" s="12">
        <v>0</v>
      </c>
      <c r="P20" s="12">
        <v>161</v>
      </c>
      <c r="Q20" s="12">
        <v>730</v>
      </c>
      <c r="R20" s="12">
        <v>291</v>
      </c>
    </row>
    <row r="21" spans="1:18" s="4" customFormat="1" x14ac:dyDescent="0.15">
      <c r="A21" s="3"/>
      <c r="B21" s="3" t="s">
        <v>1996</v>
      </c>
      <c r="C21" s="12">
        <v>385</v>
      </c>
      <c r="D21" s="12">
        <v>1011</v>
      </c>
      <c r="E21" s="12">
        <v>489</v>
      </c>
      <c r="F21" s="12">
        <v>522</v>
      </c>
      <c r="G21" s="12">
        <v>112</v>
      </c>
      <c r="H21" s="12">
        <v>125</v>
      </c>
      <c r="I21" s="12">
        <v>85</v>
      </c>
      <c r="J21" s="12">
        <v>108</v>
      </c>
      <c r="K21" s="12">
        <v>171</v>
      </c>
      <c r="L21" s="12">
        <v>144</v>
      </c>
      <c r="M21" s="12">
        <v>81</v>
      </c>
      <c r="N21" s="12">
        <v>185</v>
      </c>
      <c r="O21" s="12">
        <v>0</v>
      </c>
      <c r="P21" s="12">
        <v>169</v>
      </c>
      <c r="Q21" s="12">
        <v>620</v>
      </c>
      <c r="R21" s="12">
        <v>222</v>
      </c>
    </row>
    <row r="22" spans="1:18" s="4" customFormat="1" x14ac:dyDescent="0.15">
      <c r="A22" s="3"/>
      <c r="B22" s="3" t="s">
        <v>1997</v>
      </c>
      <c r="C22" s="12">
        <v>299</v>
      </c>
      <c r="D22" s="12">
        <v>689</v>
      </c>
      <c r="E22" s="12">
        <v>322</v>
      </c>
      <c r="F22" s="12">
        <v>367</v>
      </c>
      <c r="G22" s="12">
        <v>65</v>
      </c>
      <c r="H22" s="12">
        <v>72</v>
      </c>
      <c r="I22" s="12">
        <v>74</v>
      </c>
      <c r="J22" s="12">
        <v>89</v>
      </c>
      <c r="K22" s="12">
        <v>114</v>
      </c>
      <c r="L22" s="12">
        <v>91</v>
      </c>
      <c r="M22" s="12">
        <v>68</v>
      </c>
      <c r="N22" s="12">
        <v>116</v>
      </c>
      <c r="O22" s="12">
        <v>0</v>
      </c>
      <c r="P22" s="12">
        <v>104</v>
      </c>
      <c r="Q22" s="12">
        <v>443</v>
      </c>
      <c r="R22" s="12">
        <v>142</v>
      </c>
    </row>
    <row r="23" spans="1:18" s="4" customFormat="1" x14ac:dyDescent="0.15">
      <c r="A23" s="3"/>
      <c r="B23" s="3" t="s">
        <v>1998</v>
      </c>
      <c r="C23" s="12">
        <v>286</v>
      </c>
      <c r="D23" s="12">
        <v>644</v>
      </c>
      <c r="E23" s="12">
        <v>310</v>
      </c>
      <c r="F23" s="12">
        <v>334</v>
      </c>
      <c r="G23" s="12">
        <v>43</v>
      </c>
      <c r="H23" s="12">
        <v>73</v>
      </c>
      <c r="I23" s="12">
        <v>96</v>
      </c>
      <c r="J23" s="12">
        <v>66</v>
      </c>
      <c r="K23" s="12">
        <v>105</v>
      </c>
      <c r="L23" s="12">
        <v>103</v>
      </c>
      <c r="M23" s="12">
        <v>65</v>
      </c>
      <c r="N23" s="12">
        <v>93</v>
      </c>
      <c r="O23" s="12">
        <v>0</v>
      </c>
      <c r="P23" s="12">
        <v>77</v>
      </c>
      <c r="Q23" s="12">
        <v>448</v>
      </c>
      <c r="R23" s="12">
        <v>119</v>
      </c>
    </row>
    <row r="24" spans="1:18" s="4" customFormat="1" x14ac:dyDescent="0.15">
      <c r="A24" s="3"/>
      <c r="B24" s="3" t="s">
        <v>1999</v>
      </c>
      <c r="C24" s="12">
        <v>530</v>
      </c>
      <c r="D24" s="12">
        <v>1232</v>
      </c>
      <c r="E24" s="12">
        <v>570</v>
      </c>
      <c r="F24" s="12">
        <v>662</v>
      </c>
      <c r="G24" s="12">
        <v>119</v>
      </c>
      <c r="H24" s="12">
        <v>106</v>
      </c>
      <c r="I24" s="12">
        <v>150</v>
      </c>
      <c r="J24" s="12">
        <v>154</v>
      </c>
      <c r="K24" s="12">
        <v>180</v>
      </c>
      <c r="L24" s="12">
        <v>225</v>
      </c>
      <c r="M24" s="12">
        <v>119</v>
      </c>
      <c r="N24" s="12">
        <v>179</v>
      </c>
      <c r="O24" s="12">
        <v>0</v>
      </c>
      <c r="P24" s="12">
        <v>168</v>
      </c>
      <c r="Q24" s="12">
        <v>831</v>
      </c>
      <c r="R24" s="12">
        <v>233</v>
      </c>
    </row>
    <row r="25" spans="1:18" s="4" customFormat="1" x14ac:dyDescent="0.15">
      <c r="A25" s="3"/>
      <c r="B25" s="3" t="s">
        <v>2000</v>
      </c>
      <c r="C25" s="12">
        <v>978</v>
      </c>
      <c r="D25" s="12">
        <v>2281</v>
      </c>
      <c r="E25" s="12">
        <v>1086</v>
      </c>
      <c r="F25" s="12">
        <v>1195</v>
      </c>
      <c r="G25" s="12">
        <v>270</v>
      </c>
      <c r="H25" s="12">
        <v>264</v>
      </c>
      <c r="I25" s="12">
        <v>149</v>
      </c>
      <c r="J25" s="12">
        <v>267</v>
      </c>
      <c r="K25" s="12">
        <v>427</v>
      </c>
      <c r="L25" s="12">
        <v>382</v>
      </c>
      <c r="M25" s="12">
        <v>220</v>
      </c>
      <c r="N25" s="12">
        <v>301</v>
      </c>
      <c r="O25" s="12">
        <v>1</v>
      </c>
      <c r="P25" s="12">
        <v>411</v>
      </c>
      <c r="Q25" s="12">
        <v>1457</v>
      </c>
      <c r="R25" s="12">
        <v>412</v>
      </c>
    </row>
    <row r="26" spans="1:18" s="4" customFormat="1" x14ac:dyDescent="0.15">
      <c r="A26" s="3"/>
      <c r="B26" s="3" t="s">
        <v>2001</v>
      </c>
      <c r="C26" s="12">
        <v>410</v>
      </c>
      <c r="D26" s="12">
        <v>958</v>
      </c>
      <c r="E26" s="12">
        <v>455</v>
      </c>
      <c r="F26" s="12">
        <v>503</v>
      </c>
      <c r="G26" s="12">
        <v>110</v>
      </c>
      <c r="H26" s="12">
        <v>111</v>
      </c>
      <c r="I26" s="12">
        <v>77</v>
      </c>
      <c r="J26" s="12">
        <v>101</v>
      </c>
      <c r="K26" s="12">
        <v>160</v>
      </c>
      <c r="L26" s="12">
        <v>121</v>
      </c>
      <c r="M26" s="12">
        <v>69</v>
      </c>
      <c r="N26" s="12">
        <v>209</v>
      </c>
      <c r="O26" s="12">
        <v>0</v>
      </c>
      <c r="P26" s="12">
        <v>158</v>
      </c>
      <c r="Q26" s="12">
        <v>556</v>
      </c>
      <c r="R26" s="12">
        <v>244</v>
      </c>
    </row>
    <row r="27" spans="1:18" s="4" customFormat="1" x14ac:dyDescent="0.15">
      <c r="A27" s="3"/>
      <c r="B27" s="3" t="s">
        <v>2002</v>
      </c>
      <c r="C27" s="12">
        <v>181</v>
      </c>
      <c r="D27" s="12">
        <v>405</v>
      </c>
      <c r="E27" s="12">
        <v>193</v>
      </c>
      <c r="F27" s="12">
        <v>212</v>
      </c>
      <c r="G27" s="12">
        <v>35</v>
      </c>
      <c r="H27" s="12">
        <v>42</v>
      </c>
      <c r="I27" s="12">
        <v>27</v>
      </c>
      <c r="J27" s="12">
        <v>29</v>
      </c>
      <c r="K27" s="12">
        <v>68</v>
      </c>
      <c r="L27" s="12">
        <v>48</v>
      </c>
      <c r="M27" s="12">
        <v>50</v>
      </c>
      <c r="N27" s="12">
        <v>106</v>
      </c>
      <c r="O27" s="12">
        <v>0</v>
      </c>
      <c r="P27" s="12">
        <v>62</v>
      </c>
      <c r="Q27" s="12">
        <v>210</v>
      </c>
      <c r="R27" s="12">
        <v>133</v>
      </c>
    </row>
    <row r="28" spans="1:18" s="4" customFormat="1" x14ac:dyDescent="0.15">
      <c r="A28" s="3"/>
      <c r="B28" s="3" t="s">
        <v>2003</v>
      </c>
      <c r="C28" s="12">
        <v>610</v>
      </c>
      <c r="D28" s="12">
        <v>1495</v>
      </c>
      <c r="E28" s="12">
        <v>726</v>
      </c>
      <c r="F28" s="12">
        <v>769</v>
      </c>
      <c r="G28" s="12">
        <v>142</v>
      </c>
      <c r="H28" s="12">
        <v>184</v>
      </c>
      <c r="I28" s="12">
        <v>137</v>
      </c>
      <c r="J28" s="12">
        <v>158</v>
      </c>
      <c r="K28" s="12">
        <v>241</v>
      </c>
      <c r="L28" s="12">
        <v>211</v>
      </c>
      <c r="M28" s="12">
        <v>151</v>
      </c>
      <c r="N28" s="12">
        <v>271</v>
      </c>
      <c r="O28" s="12">
        <v>0</v>
      </c>
      <c r="P28" s="12">
        <v>234</v>
      </c>
      <c r="Q28" s="12">
        <v>920</v>
      </c>
      <c r="R28" s="12">
        <v>341</v>
      </c>
    </row>
    <row r="29" spans="1:18" s="4" customFormat="1" x14ac:dyDescent="0.15">
      <c r="A29" s="3"/>
      <c r="B29" s="3" t="s">
        <v>2004</v>
      </c>
      <c r="C29" s="12">
        <v>1174</v>
      </c>
      <c r="D29" s="12">
        <v>1888</v>
      </c>
      <c r="E29" s="12">
        <v>817</v>
      </c>
      <c r="F29" s="12">
        <v>1071</v>
      </c>
      <c r="G29" s="12">
        <v>57</v>
      </c>
      <c r="H29" s="12">
        <v>105</v>
      </c>
      <c r="I29" s="12">
        <v>92</v>
      </c>
      <c r="J29" s="12">
        <v>83</v>
      </c>
      <c r="K29" s="12">
        <v>182</v>
      </c>
      <c r="L29" s="12">
        <v>229</v>
      </c>
      <c r="M29" s="12">
        <v>219</v>
      </c>
      <c r="N29" s="12">
        <v>921</v>
      </c>
      <c r="O29" s="12">
        <v>0</v>
      </c>
      <c r="P29" s="12">
        <v>99</v>
      </c>
      <c r="Q29" s="12">
        <v>747</v>
      </c>
      <c r="R29" s="12">
        <v>1042</v>
      </c>
    </row>
    <row r="30" spans="1:18" s="4" customFormat="1" x14ac:dyDescent="0.15">
      <c r="A30" s="3"/>
      <c r="B30" s="3" t="s">
        <v>2005</v>
      </c>
      <c r="C30" s="12">
        <v>332</v>
      </c>
      <c r="D30" s="12">
        <v>855</v>
      </c>
      <c r="E30" s="12">
        <v>425</v>
      </c>
      <c r="F30" s="12">
        <v>430</v>
      </c>
      <c r="G30" s="12">
        <v>154</v>
      </c>
      <c r="H30" s="12">
        <v>127</v>
      </c>
      <c r="I30" s="12">
        <v>64</v>
      </c>
      <c r="J30" s="12">
        <v>100</v>
      </c>
      <c r="K30" s="12">
        <v>213</v>
      </c>
      <c r="L30" s="12">
        <v>74</v>
      </c>
      <c r="M30" s="12">
        <v>62</v>
      </c>
      <c r="N30" s="12">
        <v>61</v>
      </c>
      <c r="O30" s="12">
        <v>0</v>
      </c>
      <c r="P30" s="12">
        <v>243</v>
      </c>
      <c r="Q30" s="12">
        <v>519</v>
      </c>
      <c r="R30" s="12">
        <v>93</v>
      </c>
    </row>
    <row r="31" spans="1:18" s="4" customFormat="1" x14ac:dyDescent="0.15">
      <c r="A31" s="3"/>
      <c r="B31" s="3" t="s">
        <v>2006</v>
      </c>
      <c r="C31" s="12">
        <v>382</v>
      </c>
      <c r="D31" s="12">
        <v>846</v>
      </c>
      <c r="E31" s="12">
        <v>369</v>
      </c>
      <c r="F31" s="12">
        <v>477</v>
      </c>
      <c r="G31" s="12">
        <v>63</v>
      </c>
      <c r="H31" s="12">
        <v>85</v>
      </c>
      <c r="I31" s="12">
        <v>60</v>
      </c>
      <c r="J31" s="12">
        <v>73</v>
      </c>
      <c r="K31" s="12">
        <v>113</v>
      </c>
      <c r="L31" s="12">
        <v>121</v>
      </c>
      <c r="M31" s="12">
        <v>124</v>
      </c>
      <c r="N31" s="12">
        <v>207</v>
      </c>
      <c r="O31" s="12">
        <v>0</v>
      </c>
      <c r="P31" s="12">
        <v>98</v>
      </c>
      <c r="Q31" s="12">
        <v>480</v>
      </c>
      <c r="R31" s="12">
        <v>268</v>
      </c>
    </row>
    <row r="32" spans="1:18" s="4" customFormat="1" x14ac:dyDescent="0.15">
      <c r="A32" s="3"/>
      <c r="B32" s="3" t="s">
        <v>2007</v>
      </c>
      <c r="C32" s="12">
        <v>234</v>
      </c>
      <c r="D32" s="12">
        <v>484</v>
      </c>
      <c r="E32" s="12">
        <v>239</v>
      </c>
      <c r="F32" s="12">
        <v>245</v>
      </c>
      <c r="G32" s="12">
        <v>57</v>
      </c>
      <c r="H32" s="12">
        <v>36</v>
      </c>
      <c r="I32" s="12">
        <v>26</v>
      </c>
      <c r="J32" s="12">
        <v>60</v>
      </c>
      <c r="K32" s="12">
        <v>73</v>
      </c>
      <c r="L32" s="12">
        <v>71</v>
      </c>
      <c r="M32" s="12">
        <v>46</v>
      </c>
      <c r="N32" s="12">
        <v>115</v>
      </c>
      <c r="O32" s="12">
        <v>0</v>
      </c>
      <c r="P32" s="12">
        <v>80</v>
      </c>
      <c r="Q32" s="12">
        <v>266</v>
      </c>
      <c r="R32" s="12">
        <v>138</v>
      </c>
    </row>
    <row r="33" spans="1:18" s="4" customFormat="1" x14ac:dyDescent="0.15">
      <c r="A33" s="3"/>
      <c r="B33" s="3" t="s">
        <v>2008</v>
      </c>
      <c r="C33" s="12">
        <v>335</v>
      </c>
      <c r="D33" s="12">
        <v>685</v>
      </c>
      <c r="E33" s="12">
        <v>343</v>
      </c>
      <c r="F33" s="12">
        <v>342</v>
      </c>
      <c r="G33" s="12">
        <v>53</v>
      </c>
      <c r="H33" s="12">
        <v>47</v>
      </c>
      <c r="I33" s="12">
        <v>59</v>
      </c>
      <c r="J33" s="12">
        <v>87</v>
      </c>
      <c r="K33" s="12">
        <v>78</v>
      </c>
      <c r="L33" s="12">
        <v>111</v>
      </c>
      <c r="M33" s="12">
        <v>86</v>
      </c>
      <c r="N33" s="12">
        <v>164</v>
      </c>
      <c r="O33" s="12">
        <v>0</v>
      </c>
      <c r="P33" s="12">
        <v>74</v>
      </c>
      <c r="Q33" s="12">
        <v>410</v>
      </c>
      <c r="R33" s="12">
        <v>201</v>
      </c>
    </row>
    <row r="34" spans="1:18" s="4" customFormat="1" x14ac:dyDescent="0.15">
      <c r="A34" s="3"/>
      <c r="B34" s="3" t="s">
        <v>2009</v>
      </c>
      <c r="C34" s="12">
        <v>921</v>
      </c>
      <c r="D34" s="12">
        <v>2633</v>
      </c>
      <c r="E34" s="12">
        <v>1274</v>
      </c>
      <c r="F34" s="12">
        <v>1359</v>
      </c>
      <c r="G34" s="12">
        <v>426</v>
      </c>
      <c r="H34" s="12">
        <v>407</v>
      </c>
      <c r="I34" s="12">
        <v>179</v>
      </c>
      <c r="J34" s="12">
        <v>305</v>
      </c>
      <c r="K34" s="12">
        <v>608</v>
      </c>
      <c r="L34" s="12">
        <v>357</v>
      </c>
      <c r="M34" s="12">
        <v>175</v>
      </c>
      <c r="N34" s="12">
        <v>176</v>
      </c>
      <c r="O34" s="12">
        <v>0</v>
      </c>
      <c r="P34" s="12">
        <v>676</v>
      </c>
      <c r="Q34" s="12">
        <v>1692</v>
      </c>
      <c r="R34" s="12">
        <v>265</v>
      </c>
    </row>
    <row r="35" spans="1:18" s="4" customFormat="1" x14ac:dyDescent="0.15">
      <c r="A35" s="3"/>
      <c r="B35" s="3" t="s">
        <v>2010</v>
      </c>
      <c r="C35" s="12">
        <v>349</v>
      </c>
      <c r="D35" s="12">
        <v>767</v>
      </c>
      <c r="E35" s="12">
        <v>376</v>
      </c>
      <c r="F35" s="12">
        <v>391</v>
      </c>
      <c r="G35" s="12">
        <v>82</v>
      </c>
      <c r="H35" s="12">
        <v>78</v>
      </c>
      <c r="I35" s="12">
        <v>67</v>
      </c>
      <c r="J35" s="12">
        <v>97</v>
      </c>
      <c r="K35" s="12">
        <v>109</v>
      </c>
      <c r="L35" s="12">
        <v>107</v>
      </c>
      <c r="M35" s="12">
        <v>75</v>
      </c>
      <c r="N35" s="12">
        <v>152</v>
      </c>
      <c r="O35" s="12">
        <v>0</v>
      </c>
      <c r="P35" s="12">
        <v>125</v>
      </c>
      <c r="Q35" s="12">
        <v>457</v>
      </c>
      <c r="R35" s="12">
        <v>185</v>
      </c>
    </row>
    <row r="36" spans="1:18" s="4" customFormat="1" x14ac:dyDescent="0.15">
      <c r="A36" s="3"/>
      <c r="B36" s="3" t="s">
        <v>2011</v>
      </c>
      <c r="C36" s="12">
        <v>547</v>
      </c>
      <c r="D36" s="12">
        <v>1174</v>
      </c>
      <c r="E36" s="12">
        <v>576</v>
      </c>
      <c r="F36" s="12">
        <v>598</v>
      </c>
      <c r="G36" s="12">
        <v>140</v>
      </c>
      <c r="H36" s="12">
        <v>118</v>
      </c>
      <c r="I36" s="12">
        <v>132</v>
      </c>
      <c r="J36" s="12">
        <v>180</v>
      </c>
      <c r="K36" s="12">
        <v>176</v>
      </c>
      <c r="L36" s="12">
        <v>169</v>
      </c>
      <c r="M36" s="12">
        <v>103</v>
      </c>
      <c r="N36" s="12">
        <v>156</v>
      </c>
      <c r="O36" s="12">
        <v>0</v>
      </c>
      <c r="P36" s="12">
        <v>200</v>
      </c>
      <c r="Q36" s="12">
        <v>767</v>
      </c>
      <c r="R36" s="12">
        <v>207</v>
      </c>
    </row>
    <row r="37" spans="1:18" s="4" customFormat="1" x14ac:dyDescent="0.15">
      <c r="A37" s="3"/>
      <c r="B37" s="3" t="s">
        <v>2012</v>
      </c>
      <c r="C37" s="12">
        <v>554</v>
      </c>
      <c r="D37" s="12">
        <v>1218</v>
      </c>
      <c r="E37" s="12">
        <v>585</v>
      </c>
      <c r="F37" s="12">
        <v>633</v>
      </c>
      <c r="G37" s="12">
        <v>104</v>
      </c>
      <c r="H37" s="12">
        <v>118</v>
      </c>
      <c r="I37" s="12">
        <v>131</v>
      </c>
      <c r="J37" s="12">
        <v>145</v>
      </c>
      <c r="K37" s="12">
        <v>189</v>
      </c>
      <c r="L37" s="12">
        <v>179</v>
      </c>
      <c r="M37" s="12">
        <v>130</v>
      </c>
      <c r="N37" s="12">
        <v>222</v>
      </c>
      <c r="O37" s="12">
        <v>0</v>
      </c>
      <c r="P37" s="12">
        <v>158</v>
      </c>
      <c r="Q37" s="12">
        <v>778</v>
      </c>
      <c r="R37" s="12">
        <v>282</v>
      </c>
    </row>
    <row r="38" spans="1:18" s="4" customFormat="1" x14ac:dyDescent="0.15">
      <c r="A38" s="3"/>
      <c r="B38" s="3" t="s">
        <v>2013</v>
      </c>
      <c r="C38" s="12">
        <v>546</v>
      </c>
      <c r="D38" s="12">
        <v>1150</v>
      </c>
      <c r="E38" s="12">
        <v>566</v>
      </c>
      <c r="F38" s="12">
        <v>584</v>
      </c>
      <c r="G38" s="12">
        <v>83</v>
      </c>
      <c r="H38" s="12">
        <v>114</v>
      </c>
      <c r="I38" s="12">
        <v>121</v>
      </c>
      <c r="J38" s="12">
        <v>136</v>
      </c>
      <c r="K38" s="12">
        <v>163</v>
      </c>
      <c r="L38" s="12">
        <v>185</v>
      </c>
      <c r="M38" s="12">
        <v>138</v>
      </c>
      <c r="N38" s="12">
        <v>210</v>
      </c>
      <c r="O38" s="12">
        <v>0</v>
      </c>
      <c r="P38" s="12">
        <v>144</v>
      </c>
      <c r="Q38" s="12">
        <v>716</v>
      </c>
      <c r="R38" s="12">
        <v>290</v>
      </c>
    </row>
    <row r="39" spans="1:18" s="4" customFormat="1" x14ac:dyDescent="0.15">
      <c r="A39" s="3"/>
      <c r="B39" s="3" t="s">
        <v>2014</v>
      </c>
      <c r="C39" s="12">
        <v>484</v>
      </c>
      <c r="D39" s="12">
        <v>1023</v>
      </c>
      <c r="E39" s="12">
        <v>499</v>
      </c>
      <c r="F39" s="12">
        <v>524</v>
      </c>
      <c r="G39" s="12">
        <v>92</v>
      </c>
      <c r="H39" s="12">
        <v>82</v>
      </c>
      <c r="I39" s="12">
        <v>123</v>
      </c>
      <c r="J39" s="12">
        <v>138</v>
      </c>
      <c r="K39" s="12">
        <v>146</v>
      </c>
      <c r="L39" s="12">
        <v>151</v>
      </c>
      <c r="M39" s="12">
        <v>121</v>
      </c>
      <c r="N39" s="12">
        <v>170</v>
      </c>
      <c r="O39" s="12">
        <v>0</v>
      </c>
      <c r="P39" s="12">
        <v>133</v>
      </c>
      <c r="Q39" s="12">
        <v>666</v>
      </c>
      <c r="R39" s="12">
        <v>224</v>
      </c>
    </row>
    <row r="40" spans="1:18" s="4" customFormat="1" x14ac:dyDescent="0.15">
      <c r="A40" s="3"/>
      <c r="B40" s="3" t="s">
        <v>2015</v>
      </c>
      <c r="C40" s="12">
        <v>403</v>
      </c>
      <c r="D40" s="12">
        <v>865</v>
      </c>
      <c r="E40" s="12">
        <v>433</v>
      </c>
      <c r="F40" s="12">
        <v>432</v>
      </c>
      <c r="G40" s="12">
        <v>66</v>
      </c>
      <c r="H40" s="12">
        <v>80</v>
      </c>
      <c r="I40" s="12">
        <v>89</v>
      </c>
      <c r="J40" s="12">
        <v>98</v>
      </c>
      <c r="K40" s="12">
        <v>156</v>
      </c>
      <c r="L40" s="12">
        <v>125</v>
      </c>
      <c r="M40" s="12">
        <v>92</v>
      </c>
      <c r="N40" s="12">
        <v>159</v>
      </c>
      <c r="O40" s="12">
        <v>0</v>
      </c>
      <c r="P40" s="12">
        <v>110</v>
      </c>
      <c r="Q40" s="12">
        <v>552</v>
      </c>
      <c r="R40" s="12">
        <v>203</v>
      </c>
    </row>
    <row r="41" spans="1:18" s="4" customFormat="1" x14ac:dyDescent="0.15">
      <c r="A41" s="3"/>
      <c r="B41" s="3" t="s">
        <v>2016</v>
      </c>
      <c r="C41" s="12">
        <v>776</v>
      </c>
      <c r="D41" s="12">
        <v>1957</v>
      </c>
      <c r="E41" s="12">
        <v>938</v>
      </c>
      <c r="F41" s="12">
        <v>1019</v>
      </c>
      <c r="G41" s="12">
        <v>133</v>
      </c>
      <c r="H41" s="12">
        <v>320</v>
      </c>
      <c r="I41" s="12">
        <v>176</v>
      </c>
      <c r="J41" s="12">
        <v>144</v>
      </c>
      <c r="K41" s="12">
        <v>356</v>
      </c>
      <c r="L41" s="12">
        <v>347</v>
      </c>
      <c r="M41" s="12">
        <v>176</v>
      </c>
      <c r="N41" s="12">
        <v>305</v>
      </c>
      <c r="O41" s="12">
        <v>0</v>
      </c>
      <c r="P41" s="12">
        <v>277</v>
      </c>
      <c r="Q41" s="12">
        <v>1287</v>
      </c>
      <c r="R41" s="12">
        <v>393</v>
      </c>
    </row>
    <row r="42" spans="1:18" s="4" customFormat="1" x14ac:dyDescent="0.15">
      <c r="A42" s="3"/>
      <c r="B42" s="3" t="s">
        <v>2017</v>
      </c>
      <c r="C42" s="12">
        <v>188</v>
      </c>
      <c r="D42" s="12">
        <v>459</v>
      </c>
      <c r="E42" s="12">
        <v>219</v>
      </c>
      <c r="F42" s="12">
        <v>240</v>
      </c>
      <c r="G42" s="12">
        <v>44</v>
      </c>
      <c r="H42" s="12">
        <v>61</v>
      </c>
      <c r="I42" s="12">
        <v>36</v>
      </c>
      <c r="J42" s="12">
        <v>57</v>
      </c>
      <c r="K42" s="12">
        <v>74</v>
      </c>
      <c r="L42" s="12">
        <v>55</v>
      </c>
      <c r="M42" s="12">
        <v>50</v>
      </c>
      <c r="N42" s="12">
        <v>82</v>
      </c>
      <c r="O42" s="12">
        <v>0</v>
      </c>
      <c r="P42" s="12">
        <v>77</v>
      </c>
      <c r="Q42" s="12">
        <v>268</v>
      </c>
      <c r="R42" s="12">
        <v>114</v>
      </c>
    </row>
    <row r="43" spans="1:18" s="4" customFormat="1" x14ac:dyDescent="0.15">
      <c r="A43" s="3"/>
      <c r="B43" s="3" t="s">
        <v>2018</v>
      </c>
      <c r="C43" s="12">
        <v>256</v>
      </c>
      <c r="D43" s="12">
        <v>614</v>
      </c>
      <c r="E43" s="12">
        <v>289</v>
      </c>
      <c r="F43" s="12">
        <v>325</v>
      </c>
      <c r="G43" s="12">
        <v>33</v>
      </c>
      <c r="H43" s="12">
        <v>75</v>
      </c>
      <c r="I43" s="12">
        <v>80</v>
      </c>
      <c r="J43" s="12">
        <v>50</v>
      </c>
      <c r="K43" s="12">
        <v>97</v>
      </c>
      <c r="L43" s="12">
        <v>105</v>
      </c>
      <c r="M43" s="12">
        <v>71</v>
      </c>
      <c r="N43" s="12">
        <v>103</v>
      </c>
      <c r="O43" s="12">
        <v>0</v>
      </c>
      <c r="P43" s="12">
        <v>69</v>
      </c>
      <c r="Q43" s="12">
        <v>419</v>
      </c>
      <c r="R43" s="12">
        <v>126</v>
      </c>
    </row>
    <row r="44" spans="1:18" s="4" customFormat="1" x14ac:dyDescent="0.15">
      <c r="A44" s="3"/>
      <c r="B44" s="3" t="s">
        <v>2019</v>
      </c>
      <c r="C44" s="12">
        <v>322</v>
      </c>
      <c r="D44" s="12">
        <v>792</v>
      </c>
      <c r="E44" s="12">
        <v>365</v>
      </c>
      <c r="F44" s="12">
        <v>427</v>
      </c>
      <c r="G44" s="12">
        <v>75</v>
      </c>
      <c r="H44" s="12">
        <v>91</v>
      </c>
      <c r="I44" s="12">
        <v>65</v>
      </c>
      <c r="J44" s="12">
        <v>72</v>
      </c>
      <c r="K44" s="12">
        <v>124</v>
      </c>
      <c r="L44" s="12">
        <v>120</v>
      </c>
      <c r="M44" s="12">
        <v>80</v>
      </c>
      <c r="N44" s="12">
        <v>165</v>
      </c>
      <c r="O44" s="12">
        <v>0</v>
      </c>
      <c r="P44" s="12">
        <v>124</v>
      </c>
      <c r="Q44" s="12">
        <v>461</v>
      </c>
      <c r="R44" s="12">
        <v>207</v>
      </c>
    </row>
    <row r="45" spans="1:18" s="4" customFormat="1" x14ac:dyDescent="0.15">
      <c r="A45" s="3"/>
      <c r="B45" s="3" t="s">
        <v>2020</v>
      </c>
      <c r="C45" s="12">
        <v>451</v>
      </c>
      <c r="D45" s="12">
        <v>1055</v>
      </c>
      <c r="E45" s="12">
        <v>507</v>
      </c>
      <c r="F45" s="12">
        <v>548</v>
      </c>
      <c r="G45" s="12">
        <v>91</v>
      </c>
      <c r="H45" s="12">
        <v>140</v>
      </c>
      <c r="I45" s="12">
        <v>104</v>
      </c>
      <c r="J45" s="12">
        <v>135</v>
      </c>
      <c r="K45" s="12">
        <v>173</v>
      </c>
      <c r="L45" s="12">
        <v>162</v>
      </c>
      <c r="M45" s="12">
        <v>112</v>
      </c>
      <c r="N45" s="12">
        <v>138</v>
      </c>
      <c r="O45" s="12">
        <v>0</v>
      </c>
      <c r="P45" s="12">
        <v>171</v>
      </c>
      <c r="Q45" s="12">
        <v>688</v>
      </c>
      <c r="R45" s="12">
        <v>196</v>
      </c>
    </row>
    <row r="46" spans="1:18" s="4" customFormat="1" x14ac:dyDescent="0.15">
      <c r="A46" s="3"/>
      <c r="B46" s="3" t="s">
        <v>2021</v>
      </c>
      <c r="C46" s="12">
        <v>635</v>
      </c>
      <c r="D46" s="12">
        <v>1250</v>
      </c>
      <c r="E46" s="12">
        <v>599</v>
      </c>
      <c r="F46" s="12">
        <v>651</v>
      </c>
      <c r="G46" s="12">
        <v>103</v>
      </c>
      <c r="H46" s="12">
        <v>119</v>
      </c>
      <c r="I46" s="12">
        <v>150</v>
      </c>
      <c r="J46" s="12">
        <v>147</v>
      </c>
      <c r="K46" s="12">
        <v>218</v>
      </c>
      <c r="L46" s="12">
        <v>223</v>
      </c>
      <c r="M46" s="12">
        <v>121</v>
      </c>
      <c r="N46" s="12">
        <v>169</v>
      </c>
      <c r="O46" s="12">
        <v>0</v>
      </c>
      <c r="P46" s="12">
        <v>159</v>
      </c>
      <c r="Q46" s="12">
        <v>870</v>
      </c>
      <c r="R46" s="12">
        <v>221</v>
      </c>
    </row>
    <row r="47" spans="1:18" s="4" customFormat="1" x14ac:dyDescent="0.15">
      <c r="A47" s="3"/>
      <c r="B47" s="3" t="s">
        <v>2022</v>
      </c>
      <c r="C47" s="12">
        <v>1021</v>
      </c>
      <c r="D47" s="12">
        <v>1996</v>
      </c>
      <c r="E47" s="12">
        <v>950</v>
      </c>
      <c r="F47" s="12">
        <v>1046</v>
      </c>
      <c r="G47" s="12">
        <v>213</v>
      </c>
      <c r="H47" s="12">
        <v>144</v>
      </c>
      <c r="I47" s="12">
        <v>260</v>
      </c>
      <c r="J47" s="12">
        <v>345</v>
      </c>
      <c r="K47" s="12">
        <v>319</v>
      </c>
      <c r="L47" s="12">
        <v>295</v>
      </c>
      <c r="M47" s="12">
        <v>179</v>
      </c>
      <c r="N47" s="12">
        <v>241</v>
      </c>
      <c r="O47" s="12">
        <v>0</v>
      </c>
      <c r="P47" s="12">
        <v>285</v>
      </c>
      <c r="Q47" s="12">
        <v>1383</v>
      </c>
      <c r="R47" s="12">
        <v>328</v>
      </c>
    </row>
    <row r="48" spans="1:18" s="4" customFormat="1" x14ac:dyDescent="0.15">
      <c r="A48" s="3"/>
      <c r="B48" s="3" t="s">
        <v>2023</v>
      </c>
      <c r="C48" s="12">
        <v>368</v>
      </c>
      <c r="D48" s="12">
        <v>866</v>
      </c>
      <c r="E48" s="12">
        <v>439</v>
      </c>
      <c r="F48" s="12">
        <v>427</v>
      </c>
      <c r="G48" s="12">
        <v>77</v>
      </c>
      <c r="H48" s="12">
        <v>76</v>
      </c>
      <c r="I48" s="12">
        <v>110</v>
      </c>
      <c r="J48" s="12">
        <v>108</v>
      </c>
      <c r="K48" s="12">
        <v>150</v>
      </c>
      <c r="L48" s="12">
        <v>137</v>
      </c>
      <c r="M48" s="12">
        <v>83</v>
      </c>
      <c r="N48" s="12">
        <v>125</v>
      </c>
      <c r="O48" s="12">
        <v>0</v>
      </c>
      <c r="P48" s="12">
        <v>105</v>
      </c>
      <c r="Q48" s="12">
        <v>599</v>
      </c>
      <c r="R48" s="12">
        <v>162</v>
      </c>
    </row>
    <row r="49" spans="1:18" s="4" customFormat="1" x14ac:dyDescent="0.15">
      <c r="A49" s="3"/>
      <c r="B49" s="3" t="s">
        <v>2024</v>
      </c>
      <c r="C49" s="12">
        <v>653</v>
      </c>
      <c r="D49" s="12">
        <v>1274</v>
      </c>
      <c r="E49" s="12">
        <v>631</v>
      </c>
      <c r="F49" s="12">
        <v>643</v>
      </c>
      <c r="G49" s="12">
        <v>104</v>
      </c>
      <c r="H49" s="12">
        <v>82</v>
      </c>
      <c r="I49" s="12">
        <v>178</v>
      </c>
      <c r="J49" s="12">
        <v>209</v>
      </c>
      <c r="K49" s="12">
        <v>184</v>
      </c>
      <c r="L49" s="12">
        <v>180</v>
      </c>
      <c r="M49" s="12">
        <v>137</v>
      </c>
      <c r="N49" s="12">
        <v>200</v>
      </c>
      <c r="O49" s="12">
        <v>0</v>
      </c>
      <c r="P49" s="12">
        <v>136</v>
      </c>
      <c r="Q49" s="12">
        <v>876</v>
      </c>
      <c r="R49" s="12">
        <v>262</v>
      </c>
    </row>
    <row r="50" spans="1:18" s="4" customFormat="1" x14ac:dyDescent="0.15">
      <c r="A50" s="3"/>
      <c r="B50" s="3" t="s">
        <v>2025</v>
      </c>
      <c r="C50" s="12">
        <v>347</v>
      </c>
      <c r="D50" s="12">
        <v>890</v>
      </c>
      <c r="E50" s="12">
        <v>417</v>
      </c>
      <c r="F50" s="12">
        <v>473</v>
      </c>
      <c r="G50" s="12">
        <v>131</v>
      </c>
      <c r="H50" s="12">
        <v>114</v>
      </c>
      <c r="I50" s="12">
        <v>61</v>
      </c>
      <c r="J50" s="12">
        <v>130</v>
      </c>
      <c r="K50" s="12">
        <v>186</v>
      </c>
      <c r="L50" s="12">
        <v>98</v>
      </c>
      <c r="M50" s="12">
        <v>72</v>
      </c>
      <c r="N50" s="12">
        <v>98</v>
      </c>
      <c r="O50" s="12">
        <v>0</v>
      </c>
      <c r="P50" s="12">
        <v>192</v>
      </c>
      <c r="Q50" s="12">
        <v>576</v>
      </c>
      <c r="R50" s="12">
        <v>122</v>
      </c>
    </row>
    <row r="51" spans="1:18" s="4" customFormat="1" x14ac:dyDescent="0.15">
      <c r="A51" s="3"/>
      <c r="B51" s="3" t="s">
        <v>2026</v>
      </c>
      <c r="C51" s="12">
        <v>1276</v>
      </c>
      <c r="D51" s="12">
        <v>2851</v>
      </c>
      <c r="E51" s="12">
        <v>1319</v>
      </c>
      <c r="F51" s="12">
        <v>1532</v>
      </c>
      <c r="G51" s="12">
        <v>280</v>
      </c>
      <c r="H51" s="12">
        <v>268</v>
      </c>
      <c r="I51" s="12">
        <v>191</v>
      </c>
      <c r="J51" s="12">
        <v>330</v>
      </c>
      <c r="K51" s="12">
        <v>464</v>
      </c>
      <c r="L51" s="12">
        <v>444</v>
      </c>
      <c r="M51" s="12">
        <v>292</v>
      </c>
      <c r="N51" s="12">
        <v>582</v>
      </c>
      <c r="O51" s="12">
        <v>0</v>
      </c>
      <c r="P51" s="12">
        <v>420</v>
      </c>
      <c r="Q51" s="12">
        <v>1710</v>
      </c>
      <c r="R51" s="12">
        <v>721</v>
      </c>
    </row>
    <row r="52" spans="1:18" s="4" customFormat="1" x14ac:dyDescent="0.15">
      <c r="A52" s="3"/>
      <c r="B52" s="3" t="s">
        <v>2027</v>
      </c>
      <c r="C52" s="12">
        <v>935</v>
      </c>
      <c r="D52" s="12">
        <v>2339</v>
      </c>
      <c r="E52" s="12">
        <v>1119</v>
      </c>
      <c r="F52" s="12">
        <v>1220</v>
      </c>
      <c r="G52" s="12">
        <v>292</v>
      </c>
      <c r="H52" s="12">
        <v>326</v>
      </c>
      <c r="I52" s="12">
        <v>192</v>
      </c>
      <c r="J52" s="12">
        <v>291</v>
      </c>
      <c r="K52" s="12">
        <v>470</v>
      </c>
      <c r="L52" s="12">
        <v>302</v>
      </c>
      <c r="M52" s="12">
        <v>184</v>
      </c>
      <c r="N52" s="12">
        <v>282</v>
      </c>
      <c r="O52" s="12">
        <v>0</v>
      </c>
      <c r="P52" s="12">
        <v>481</v>
      </c>
      <c r="Q52" s="12">
        <v>1483</v>
      </c>
      <c r="R52" s="12">
        <v>375</v>
      </c>
    </row>
    <row r="53" spans="1:18" s="4" customFormat="1" x14ac:dyDescent="0.15">
      <c r="A53" s="3"/>
      <c r="B53" s="3" t="s">
        <v>2028</v>
      </c>
      <c r="C53" s="12">
        <v>649</v>
      </c>
      <c r="D53" s="12">
        <v>1551</v>
      </c>
      <c r="E53" s="12">
        <v>780</v>
      </c>
      <c r="F53" s="12">
        <v>771</v>
      </c>
      <c r="G53" s="12">
        <v>205</v>
      </c>
      <c r="H53" s="12">
        <v>164</v>
      </c>
      <c r="I53" s="12">
        <v>135</v>
      </c>
      <c r="J53" s="12">
        <v>191</v>
      </c>
      <c r="K53" s="12">
        <v>296</v>
      </c>
      <c r="L53" s="12">
        <v>194</v>
      </c>
      <c r="M53" s="12">
        <v>125</v>
      </c>
      <c r="N53" s="12">
        <v>241</v>
      </c>
      <c r="O53" s="12">
        <v>0</v>
      </c>
      <c r="P53" s="12">
        <v>299</v>
      </c>
      <c r="Q53" s="12">
        <v>937</v>
      </c>
      <c r="R53" s="12">
        <v>315</v>
      </c>
    </row>
    <row r="54" spans="1:18" s="4" customFormat="1" x14ac:dyDescent="0.15">
      <c r="A54" s="3"/>
      <c r="B54" s="3" t="s">
        <v>2029</v>
      </c>
      <c r="C54" s="12">
        <v>752</v>
      </c>
      <c r="D54" s="12">
        <v>1815</v>
      </c>
      <c r="E54" s="12">
        <v>908</v>
      </c>
      <c r="F54" s="12">
        <v>907</v>
      </c>
      <c r="G54" s="12">
        <v>179</v>
      </c>
      <c r="H54" s="12">
        <v>227</v>
      </c>
      <c r="I54" s="12">
        <v>168</v>
      </c>
      <c r="J54" s="12">
        <v>194</v>
      </c>
      <c r="K54" s="12">
        <v>319</v>
      </c>
      <c r="L54" s="12">
        <v>264</v>
      </c>
      <c r="M54" s="12">
        <v>206</v>
      </c>
      <c r="N54" s="12">
        <v>258</v>
      </c>
      <c r="O54" s="12">
        <v>0</v>
      </c>
      <c r="P54" s="12">
        <v>315</v>
      </c>
      <c r="Q54" s="12">
        <v>1153</v>
      </c>
      <c r="R54" s="12">
        <v>347</v>
      </c>
    </row>
    <row r="55" spans="1:18" s="4" customFormat="1" x14ac:dyDescent="0.15">
      <c r="A55" s="3"/>
      <c r="B55" s="3" t="s">
        <v>2030</v>
      </c>
      <c r="C55" s="12">
        <v>505</v>
      </c>
      <c r="D55" s="12">
        <v>1253</v>
      </c>
      <c r="E55" s="12">
        <v>612</v>
      </c>
      <c r="F55" s="12">
        <v>641</v>
      </c>
      <c r="G55" s="12">
        <v>149</v>
      </c>
      <c r="H55" s="12">
        <v>142</v>
      </c>
      <c r="I55" s="12">
        <v>98</v>
      </c>
      <c r="J55" s="12">
        <v>160</v>
      </c>
      <c r="K55" s="12">
        <v>188</v>
      </c>
      <c r="L55" s="12">
        <v>181</v>
      </c>
      <c r="M55" s="12">
        <v>128</v>
      </c>
      <c r="N55" s="12">
        <v>207</v>
      </c>
      <c r="O55" s="12">
        <v>0</v>
      </c>
      <c r="P55" s="12">
        <v>219</v>
      </c>
      <c r="Q55" s="12">
        <v>765</v>
      </c>
      <c r="R55" s="12">
        <v>269</v>
      </c>
    </row>
    <row r="56" spans="1:18" s="4" customFormat="1" x14ac:dyDescent="0.15">
      <c r="A56" s="3"/>
      <c r="B56" s="3" t="s">
        <v>2031</v>
      </c>
      <c r="C56" s="12">
        <v>605</v>
      </c>
      <c r="D56" s="12">
        <v>1547</v>
      </c>
      <c r="E56" s="12">
        <v>761</v>
      </c>
      <c r="F56" s="12">
        <v>786</v>
      </c>
      <c r="G56" s="12">
        <v>139</v>
      </c>
      <c r="H56" s="12">
        <v>207</v>
      </c>
      <c r="I56" s="12">
        <v>186</v>
      </c>
      <c r="J56" s="12">
        <v>146</v>
      </c>
      <c r="K56" s="12">
        <v>261</v>
      </c>
      <c r="L56" s="12">
        <v>244</v>
      </c>
      <c r="M56" s="12">
        <v>133</v>
      </c>
      <c r="N56" s="12">
        <v>231</v>
      </c>
      <c r="O56" s="12">
        <v>0</v>
      </c>
      <c r="P56" s="12">
        <v>239</v>
      </c>
      <c r="Q56" s="12">
        <v>1021</v>
      </c>
      <c r="R56" s="12">
        <v>287</v>
      </c>
    </row>
    <row r="57" spans="1:18" s="4" customFormat="1" x14ac:dyDescent="0.15">
      <c r="A57" s="3"/>
      <c r="B57" s="3" t="s">
        <v>2032</v>
      </c>
      <c r="C57" s="12">
        <v>601</v>
      </c>
      <c r="D57" s="12">
        <v>1092</v>
      </c>
      <c r="E57" s="12">
        <v>552</v>
      </c>
      <c r="F57" s="12">
        <v>540</v>
      </c>
      <c r="G57" s="12">
        <v>105</v>
      </c>
      <c r="H57" s="12">
        <v>91</v>
      </c>
      <c r="I57" s="12">
        <v>199</v>
      </c>
      <c r="J57" s="12">
        <v>178</v>
      </c>
      <c r="K57" s="12">
        <v>179</v>
      </c>
      <c r="L57" s="12">
        <v>127</v>
      </c>
      <c r="M57" s="12">
        <v>80</v>
      </c>
      <c r="N57" s="12">
        <v>133</v>
      </c>
      <c r="O57" s="12">
        <v>0</v>
      </c>
      <c r="P57" s="12">
        <v>157</v>
      </c>
      <c r="Q57" s="12">
        <v>773</v>
      </c>
      <c r="R57" s="12">
        <v>162</v>
      </c>
    </row>
    <row r="58" spans="1:18" s="4" customFormat="1" x14ac:dyDescent="0.15">
      <c r="A58" s="3"/>
      <c r="B58" s="3" t="s">
        <v>2033</v>
      </c>
      <c r="C58" s="12">
        <v>175</v>
      </c>
      <c r="D58" s="12">
        <v>339</v>
      </c>
      <c r="E58" s="12">
        <v>166</v>
      </c>
      <c r="F58" s="12">
        <v>173</v>
      </c>
      <c r="G58" s="12">
        <v>25</v>
      </c>
      <c r="H58" s="12">
        <v>29</v>
      </c>
      <c r="I58" s="12">
        <v>54</v>
      </c>
      <c r="J58" s="12">
        <v>37</v>
      </c>
      <c r="K58" s="12">
        <v>59</v>
      </c>
      <c r="L58" s="12">
        <v>63</v>
      </c>
      <c r="M58" s="12">
        <v>36</v>
      </c>
      <c r="N58" s="12">
        <v>36</v>
      </c>
      <c r="O58" s="12">
        <v>0</v>
      </c>
      <c r="P58" s="12">
        <v>36</v>
      </c>
      <c r="Q58" s="12">
        <v>250</v>
      </c>
      <c r="R58" s="12">
        <v>53</v>
      </c>
    </row>
    <row r="59" spans="1:18" s="4" customFormat="1" x14ac:dyDescent="0.15">
      <c r="A59" s="3"/>
      <c r="B59" s="3" t="s">
        <v>2034</v>
      </c>
      <c r="C59" s="12">
        <v>548</v>
      </c>
      <c r="D59" s="12">
        <v>1197</v>
      </c>
      <c r="E59" s="12">
        <v>598</v>
      </c>
      <c r="F59" s="12">
        <v>599</v>
      </c>
      <c r="G59" s="12">
        <v>100</v>
      </c>
      <c r="H59" s="12">
        <v>107</v>
      </c>
      <c r="I59" s="12">
        <v>103</v>
      </c>
      <c r="J59" s="12">
        <v>123</v>
      </c>
      <c r="K59" s="12">
        <v>190</v>
      </c>
      <c r="L59" s="12">
        <v>182</v>
      </c>
      <c r="M59" s="12">
        <v>135</v>
      </c>
      <c r="N59" s="12">
        <v>257</v>
      </c>
      <c r="O59" s="12">
        <v>0</v>
      </c>
      <c r="P59" s="12">
        <v>148</v>
      </c>
      <c r="Q59" s="12">
        <v>730</v>
      </c>
      <c r="R59" s="12">
        <v>319</v>
      </c>
    </row>
    <row r="60" spans="1:18" s="4" customFormat="1" x14ac:dyDescent="0.15">
      <c r="A60" s="3"/>
      <c r="B60" s="3" t="s">
        <v>2035</v>
      </c>
      <c r="C60" s="12">
        <v>685</v>
      </c>
      <c r="D60" s="12">
        <v>1215</v>
      </c>
      <c r="E60" s="12">
        <v>552</v>
      </c>
      <c r="F60" s="12">
        <v>663</v>
      </c>
      <c r="G60" s="12">
        <v>54</v>
      </c>
      <c r="H60" s="12">
        <v>83</v>
      </c>
      <c r="I60" s="12">
        <v>76</v>
      </c>
      <c r="J60" s="12">
        <v>112</v>
      </c>
      <c r="K60" s="12">
        <v>142</v>
      </c>
      <c r="L60" s="12">
        <v>163</v>
      </c>
      <c r="M60" s="12">
        <v>152</v>
      </c>
      <c r="N60" s="12">
        <v>433</v>
      </c>
      <c r="O60" s="12">
        <v>0</v>
      </c>
      <c r="P60" s="12">
        <v>96</v>
      </c>
      <c r="Q60" s="12">
        <v>599</v>
      </c>
      <c r="R60" s="12">
        <v>520</v>
      </c>
    </row>
    <row r="61" spans="1:18" s="4" customFormat="1" x14ac:dyDescent="0.15">
      <c r="A61" s="3"/>
      <c r="B61" s="3" t="s">
        <v>2036</v>
      </c>
      <c r="C61" s="12">
        <v>429</v>
      </c>
      <c r="D61" s="12">
        <v>900</v>
      </c>
      <c r="E61" s="12">
        <v>436</v>
      </c>
      <c r="F61" s="12">
        <v>464</v>
      </c>
      <c r="G61" s="12">
        <v>58</v>
      </c>
      <c r="H61" s="12">
        <v>79</v>
      </c>
      <c r="I61" s="12">
        <v>98</v>
      </c>
      <c r="J61" s="12">
        <v>111</v>
      </c>
      <c r="K61" s="12">
        <v>126</v>
      </c>
      <c r="L61" s="12">
        <v>140</v>
      </c>
      <c r="M61" s="12">
        <v>123</v>
      </c>
      <c r="N61" s="12">
        <v>165</v>
      </c>
      <c r="O61" s="12">
        <v>0</v>
      </c>
      <c r="P61" s="12">
        <v>95</v>
      </c>
      <c r="Q61" s="12">
        <v>582</v>
      </c>
      <c r="R61" s="12">
        <v>223</v>
      </c>
    </row>
    <row r="62" spans="1:18" s="4" customFormat="1" x14ac:dyDescent="0.15">
      <c r="A62" s="3"/>
      <c r="B62" s="3" t="s">
        <v>2037</v>
      </c>
      <c r="C62" s="12">
        <v>114</v>
      </c>
      <c r="D62" s="12">
        <v>265</v>
      </c>
      <c r="E62" s="12">
        <v>121</v>
      </c>
      <c r="F62" s="12">
        <v>144</v>
      </c>
      <c r="G62" s="12">
        <v>22</v>
      </c>
      <c r="H62" s="12">
        <v>29</v>
      </c>
      <c r="I62" s="12">
        <v>22</v>
      </c>
      <c r="J62" s="12">
        <v>18</v>
      </c>
      <c r="K62" s="12">
        <v>36</v>
      </c>
      <c r="L62" s="12">
        <v>34</v>
      </c>
      <c r="M62" s="12">
        <v>29</v>
      </c>
      <c r="N62" s="12">
        <v>75</v>
      </c>
      <c r="O62" s="12">
        <v>0</v>
      </c>
      <c r="P62" s="12">
        <v>36</v>
      </c>
      <c r="Q62" s="12">
        <v>147</v>
      </c>
      <c r="R62" s="12">
        <v>82</v>
      </c>
    </row>
    <row r="63" spans="1:18" s="4" customFormat="1" x14ac:dyDescent="0.15">
      <c r="A63" s="3"/>
      <c r="B63" s="3" t="s">
        <v>2038</v>
      </c>
      <c r="C63" s="12">
        <v>377</v>
      </c>
      <c r="D63" s="12">
        <v>798</v>
      </c>
      <c r="E63" s="12">
        <v>392</v>
      </c>
      <c r="F63" s="12">
        <v>406</v>
      </c>
      <c r="G63" s="12">
        <v>62</v>
      </c>
      <c r="H63" s="12">
        <v>62</v>
      </c>
      <c r="I63" s="12">
        <v>78</v>
      </c>
      <c r="J63" s="12">
        <v>90</v>
      </c>
      <c r="K63" s="12">
        <v>90</v>
      </c>
      <c r="L63" s="12">
        <v>119</v>
      </c>
      <c r="M63" s="12">
        <v>94</v>
      </c>
      <c r="N63" s="12">
        <v>203</v>
      </c>
      <c r="O63" s="12">
        <v>0</v>
      </c>
      <c r="P63" s="12">
        <v>88</v>
      </c>
      <c r="Q63" s="12">
        <v>477</v>
      </c>
      <c r="R63" s="12">
        <v>233</v>
      </c>
    </row>
    <row r="64" spans="1:18" s="4" customFormat="1" x14ac:dyDescent="0.15">
      <c r="A64" s="3"/>
      <c r="B64" s="3" t="s">
        <v>2039</v>
      </c>
      <c r="C64" s="12">
        <v>533</v>
      </c>
      <c r="D64" s="12">
        <v>1083</v>
      </c>
      <c r="E64" s="12">
        <v>531</v>
      </c>
      <c r="F64" s="12">
        <v>552</v>
      </c>
      <c r="G64" s="12">
        <v>88</v>
      </c>
      <c r="H64" s="12">
        <v>96</v>
      </c>
      <c r="I64" s="12">
        <v>104</v>
      </c>
      <c r="J64" s="12">
        <v>92</v>
      </c>
      <c r="K64" s="12">
        <v>145</v>
      </c>
      <c r="L64" s="12">
        <v>145</v>
      </c>
      <c r="M64" s="12">
        <v>118</v>
      </c>
      <c r="N64" s="12">
        <v>295</v>
      </c>
      <c r="O64" s="12">
        <v>0</v>
      </c>
      <c r="P64" s="12">
        <v>139</v>
      </c>
      <c r="Q64" s="12">
        <v>587</v>
      </c>
      <c r="R64" s="12">
        <v>357</v>
      </c>
    </row>
    <row r="65" spans="1:18" s="4" customFormat="1" x14ac:dyDescent="0.15">
      <c r="A65" s="3"/>
      <c r="B65" s="3" t="s">
        <v>2040</v>
      </c>
      <c r="C65" s="12">
        <v>264</v>
      </c>
      <c r="D65" s="12">
        <v>549</v>
      </c>
      <c r="E65" s="12">
        <v>246</v>
      </c>
      <c r="F65" s="12">
        <v>303</v>
      </c>
      <c r="G65" s="12">
        <v>33</v>
      </c>
      <c r="H65" s="12">
        <v>52</v>
      </c>
      <c r="I65" s="12">
        <v>49</v>
      </c>
      <c r="J65" s="12">
        <v>35</v>
      </c>
      <c r="K65" s="12">
        <v>89</v>
      </c>
      <c r="L65" s="12">
        <v>93</v>
      </c>
      <c r="M65" s="12">
        <v>70</v>
      </c>
      <c r="N65" s="12">
        <v>128</v>
      </c>
      <c r="O65" s="12">
        <v>0</v>
      </c>
      <c r="P65" s="12">
        <v>64</v>
      </c>
      <c r="Q65" s="12">
        <v>316</v>
      </c>
      <c r="R65" s="12">
        <v>169</v>
      </c>
    </row>
    <row r="66" spans="1:18" s="4" customFormat="1" x14ac:dyDescent="0.15">
      <c r="A66" s="3"/>
      <c r="B66" s="3" t="s">
        <v>2041</v>
      </c>
      <c r="C66" s="12">
        <v>327</v>
      </c>
      <c r="D66" s="12">
        <v>686</v>
      </c>
      <c r="E66" s="12">
        <v>341</v>
      </c>
      <c r="F66" s="12">
        <v>345</v>
      </c>
      <c r="G66" s="12">
        <v>47</v>
      </c>
      <c r="H66" s="12">
        <v>81</v>
      </c>
      <c r="I66" s="12">
        <v>80</v>
      </c>
      <c r="J66" s="12">
        <v>94</v>
      </c>
      <c r="K66" s="12">
        <v>110</v>
      </c>
      <c r="L66" s="12">
        <v>97</v>
      </c>
      <c r="M66" s="12">
        <v>64</v>
      </c>
      <c r="N66" s="12">
        <v>113</v>
      </c>
      <c r="O66" s="12">
        <v>0</v>
      </c>
      <c r="P66" s="12">
        <v>81</v>
      </c>
      <c r="Q66" s="12">
        <v>460</v>
      </c>
      <c r="R66" s="12">
        <v>145</v>
      </c>
    </row>
    <row r="67" spans="1:18" s="4" customFormat="1" x14ac:dyDescent="0.15">
      <c r="A67" s="3"/>
      <c r="B67" s="3" t="s">
        <v>79</v>
      </c>
      <c r="C67" s="12">
        <v>6</v>
      </c>
      <c r="D67" s="12">
        <v>10</v>
      </c>
      <c r="E67" s="12">
        <v>3</v>
      </c>
      <c r="F67" s="12">
        <v>7</v>
      </c>
      <c r="G67" s="12" t="s">
        <v>132</v>
      </c>
      <c r="H67" s="12" t="s">
        <v>132</v>
      </c>
      <c r="I67" s="12" t="s">
        <v>132</v>
      </c>
      <c r="J67" s="12" t="s">
        <v>132</v>
      </c>
      <c r="K67" s="12" t="s">
        <v>132</v>
      </c>
      <c r="L67" s="12" t="s">
        <v>132</v>
      </c>
      <c r="M67" s="12" t="s">
        <v>132</v>
      </c>
      <c r="N67" s="12" t="s">
        <v>132</v>
      </c>
      <c r="O67" s="12" t="s">
        <v>132</v>
      </c>
      <c r="P67" s="12" t="s">
        <v>132</v>
      </c>
      <c r="Q67" s="12" t="s">
        <v>132</v>
      </c>
      <c r="R67" s="12" t="s">
        <v>132</v>
      </c>
    </row>
    <row r="68" spans="1:18" s="4" customFormat="1" x14ac:dyDescent="0.15">
      <c r="A68" s="3"/>
      <c r="B68" s="3" t="s">
        <v>2042</v>
      </c>
      <c r="C68" s="12">
        <v>145</v>
      </c>
      <c r="D68" s="12">
        <v>213</v>
      </c>
      <c r="E68" s="12">
        <v>131</v>
      </c>
      <c r="F68" s="12">
        <v>82</v>
      </c>
      <c r="G68" s="12">
        <v>27</v>
      </c>
      <c r="H68" s="12">
        <v>20</v>
      </c>
      <c r="I68" s="12">
        <v>15</v>
      </c>
      <c r="J68" s="12">
        <v>24</v>
      </c>
      <c r="K68" s="12">
        <v>27</v>
      </c>
      <c r="L68" s="12">
        <v>31</v>
      </c>
      <c r="M68" s="12">
        <v>21</v>
      </c>
      <c r="N68" s="12">
        <v>48</v>
      </c>
      <c r="O68" s="12">
        <v>0</v>
      </c>
      <c r="P68" s="12">
        <v>37</v>
      </c>
      <c r="Q68" s="12">
        <v>121</v>
      </c>
      <c r="R68" s="12">
        <v>55</v>
      </c>
    </row>
    <row r="69" spans="1:18" s="4" customFormat="1" x14ac:dyDescent="0.15">
      <c r="A69" s="3"/>
      <c r="B69" s="3" t="s">
        <v>2043</v>
      </c>
      <c r="C69" s="12">
        <v>298</v>
      </c>
      <c r="D69" s="12">
        <v>620</v>
      </c>
      <c r="E69" s="12">
        <v>300</v>
      </c>
      <c r="F69" s="12">
        <v>320</v>
      </c>
      <c r="G69" s="12">
        <v>50</v>
      </c>
      <c r="H69" s="12">
        <v>55</v>
      </c>
      <c r="I69" s="12">
        <v>56</v>
      </c>
      <c r="J69" s="12">
        <v>65</v>
      </c>
      <c r="K69" s="12">
        <v>121</v>
      </c>
      <c r="L69" s="12">
        <v>90</v>
      </c>
      <c r="M69" s="12">
        <v>58</v>
      </c>
      <c r="N69" s="12">
        <v>125</v>
      </c>
      <c r="O69" s="12">
        <v>0</v>
      </c>
      <c r="P69" s="12">
        <v>71</v>
      </c>
      <c r="Q69" s="12">
        <v>401</v>
      </c>
      <c r="R69" s="12">
        <v>148</v>
      </c>
    </row>
    <row r="70" spans="1:18" s="4" customFormat="1" x14ac:dyDescent="0.15">
      <c r="A70" s="3"/>
      <c r="B70" s="3" t="s">
        <v>2044</v>
      </c>
      <c r="C70" s="12">
        <v>525</v>
      </c>
      <c r="D70" s="12">
        <v>1128</v>
      </c>
      <c r="E70" s="12">
        <v>560</v>
      </c>
      <c r="F70" s="12">
        <v>568</v>
      </c>
      <c r="G70" s="12">
        <v>109</v>
      </c>
      <c r="H70" s="12">
        <v>94</v>
      </c>
      <c r="I70" s="12">
        <v>112</v>
      </c>
      <c r="J70" s="12">
        <v>145</v>
      </c>
      <c r="K70" s="12">
        <v>194</v>
      </c>
      <c r="L70" s="12">
        <v>150</v>
      </c>
      <c r="M70" s="12">
        <v>116</v>
      </c>
      <c r="N70" s="12">
        <v>208</v>
      </c>
      <c r="O70" s="12">
        <v>0</v>
      </c>
      <c r="P70" s="12">
        <v>165</v>
      </c>
      <c r="Q70" s="12">
        <v>699</v>
      </c>
      <c r="R70" s="12">
        <v>264</v>
      </c>
    </row>
    <row r="71" spans="1:18" s="4" customFormat="1" x14ac:dyDescent="0.15">
      <c r="A71" s="3"/>
      <c r="B71" s="3" t="s">
        <v>2045</v>
      </c>
      <c r="C71" s="12">
        <v>436</v>
      </c>
      <c r="D71" s="12">
        <v>953</v>
      </c>
      <c r="E71" s="12">
        <v>460</v>
      </c>
      <c r="F71" s="12">
        <v>493</v>
      </c>
      <c r="G71" s="12">
        <v>100</v>
      </c>
      <c r="H71" s="12">
        <v>72</v>
      </c>
      <c r="I71" s="12">
        <v>101</v>
      </c>
      <c r="J71" s="12">
        <v>116</v>
      </c>
      <c r="K71" s="12">
        <v>146</v>
      </c>
      <c r="L71" s="12">
        <v>153</v>
      </c>
      <c r="M71" s="12">
        <v>109</v>
      </c>
      <c r="N71" s="12">
        <v>156</v>
      </c>
      <c r="O71" s="12">
        <v>0</v>
      </c>
      <c r="P71" s="12">
        <v>144</v>
      </c>
      <c r="Q71" s="12">
        <v>605</v>
      </c>
      <c r="R71" s="12">
        <v>204</v>
      </c>
    </row>
    <row r="72" spans="1:18" s="4" customFormat="1" x14ac:dyDescent="0.15">
      <c r="A72" s="3"/>
      <c r="B72" s="3" t="s">
        <v>2046</v>
      </c>
      <c r="C72" s="12">
        <v>310</v>
      </c>
      <c r="D72" s="12">
        <v>791</v>
      </c>
      <c r="E72" s="12">
        <v>376</v>
      </c>
      <c r="F72" s="12">
        <v>415</v>
      </c>
      <c r="G72" s="12">
        <v>87</v>
      </c>
      <c r="H72" s="12">
        <v>91</v>
      </c>
      <c r="I72" s="12">
        <v>93</v>
      </c>
      <c r="J72" s="12">
        <v>81</v>
      </c>
      <c r="K72" s="12">
        <v>129</v>
      </c>
      <c r="L72" s="12">
        <v>103</v>
      </c>
      <c r="M72" s="12">
        <v>73</v>
      </c>
      <c r="N72" s="12">
        <v>134</v>
      </c>
      <c r="O72" s="12">
        <v>0</v>
      </c>
      <c r="P72" s="12">
        <v>135</v>
      </c>
      <c r="Q72" s="12">
        <v>484</v>
      </c>
      <c r="R72" s="12">
        <v>172</v>
      </c>
    </row>
    <row r="73" spans="1:18" s="4" customFormat="1" x14ac:dyDescent="0.15">
      <c r="A73" s="3"/>
      <c r="B73" s="3" t="s">
        <v>2047</v>
      </c>
      <c r="C73" s="12">
        <v>553</v>
      </c>
      <c r="D73" s="12">
        <v>1057</v>
      </c>
      <c r="E73" s="12">
        <v>498</v>
      </c>
      <c r="F73" s="12">
        <v>559</v>
      </c>
      <c r="G73" s="12">
        <v>76</v>
      </c>
      <c r="H73" s="12">
        <v>103</v>
      </c>
      <c r="I73" s="12">
        <v>95</v>
      </c>
      <c r="J73" s="12">
        <v>79</v>
      </c>
      <c r="K73" s="12">
        <v>133</v>
      </c>
      <c r="L73" s="12">
        <v>147</v>
      </c>
      <c r="M73" s="12">
        <v>134</v>
      </c>
      <c r="N73" s="12">
        <v>290</v>
      </c>
      <c r="O73" s="12">
        <v>0</v>
      </c>
      <c r="P73" s="12">
        <v>116</v>
      </c>
      <c r="Q73" s="12">
        <v>585</v>
      </c>
      <c r="R73" s="12">
        <v>356</v>
      </c>
    </row>
    <row r="74" spans="1:18" s="4" customFormat="1" x14ac:dyDescent="0.15">
      <c r="A74" s="3"/>
      <c r="B74" s="3" t="s">
        <v>2048</v>
      </c>
      <c r="C74" s="12">
        <v>398</v>
      </c>
      <c r="D74" s="12">
        <v>989</v>
      </c>
      <c r="E74" s="12">
        <v>494</v>
      </c>
      <c r="F74" s="12">
        <v>495</v>
      </c>
      <c r="G74" s="12">
        <v>104</v>
      </c>
      <c r="H74" s="12">
        <v>106</v>
      </c>
      <c r="I74" s="12">
        <v>100</v>
      </c>
      <c r="J74" s="12">
        <v>94</v>
      </c>
      <c r="K74" s="12">
        <v>130</v>
      </c>
      <c r="L74" s="12">
        <v>169</v>
      </c>
      <c r="M74" s="12">
        <v>117</v>
      </c>
      <c r="N74" s="12">
        <v>169</v>
      </c>
      <c r="O74" s="12">
        <v>0</v>
      </c>
      <c r="P74" s="12">
        <v>152</v>
      </c>
      <c r="Q74" s="12">
        <v>617</v>
      </c>
      <c r="R74" s="12">
        <v>220</v>
      </c>
    </row>
    <row r="75" spans="1:18" s="4" customFormat="1" x14ac:dyDescent="0.15">
      <c r="A75" s="3"/>
      <c r="B75" s="3" t="s">
        <v>2049</v>
      </c>
      <c r="C75" s="12">
        <v>276</v>
      </c>
      <c r="D75" s="12">
        <v>674</v>
      </c>
      <c r="E75" s="12">
        <v>329</v>
      </c>
      <c r="F75" s="12">
        <v>345</v>
      </c>
      <c r="G75" s="12">
        <v>60</v>
      </c>
      <c r="H75" s="12">
        <v>82</v>
      </c>
      <c r="I75" s="12">
        <v>61</v>
      </c>
      <c r="J75" s="12">
        <v>75</v>
      </c>
      <c r="K75" s="12">
        <v>111</v>
      </c>
      <c r="L75" s="12">
        <v>109</v>
      </c>
      <c r="M75" s="12">
        <v>71</v>
      </c>
      <c r="N75" s="12">
        <v>105</v>
      </c>
      <c r="O75" s="12">
        <v>0</v>
      </c>
      <c r="P75" s="12">
        <v>99</v>
      </c>
      <c r="Q75" s="12">
        <v>428</v>
      </c>
      <c r="R75" s="12">
        <v>147</v>
      </c>
    </row>
    <row r="76" spans="1:18" s="4" customFormat="1" x14ac:dyDescent="0.15">
      <c r="A76" s="3"/>
      <c r="B76" s="3" t="s">
        <v>2050</v>
      </c>
      <c r="C76" s="12">
        <v>431</v>
      </c>
      <c r="D76" s="12">
        <v>1197</v>
      </c>
      <c r="E76" s="12">
        <v>611</v>
      </c>
      <c r="F76" s="12">
        <v>586</v>
      </c>
      <c r="G76" s="12">
        <v>162</v>
      </c>
      <c r="H76" s="12">
        <v>238</v>
      </c>
      <c r="I76" s="12">
        <v>109</v>
      </c>
      <c r="J76" s="12">
        <v>155</v>
      </c>
      <c r="K76" s="12">
        <v>310</v>
      </c>
      <c r="L76" s="12">
        <v>128</v>
      </c>
      <c r="M76" s="12">
        <v>38</v>
      </c>
      <c r="N76" s="12">
        <v>57</v>
      </c>
      <c r="O76" s="12">
        <v>0</v>
      </c>
      <c r="P76" s="12">
        <v>294</v>
      </c>
      <c r="Q76" s="12">
        <v>829</v>
      </c>
      <c r="R76" s="12">
        <v>74</v>
      </c>
    </row>
    <row r="77" spans="1:18" s="4" customFormat="1" x14ac:dyDescent="0.15">
      <c r="A77" s="3"/>
      <c r="B77" s="3" t="s">
        <v>2051</v>
      </c>
      <c r="C77" s="12">
        <v>305</v>
      </c>
      <c r="D77" s="12">
        <v>664</v>
      </c>
      <c r="E77" s="12">
        <v>326</v>
      </c>
      <c r="F77" s="12">
        <v>338</v>
      </c>
      <c r="G77" s="12">
        <v>76</v>
      </c>
      <c r="H77" s="12">
        <v>72</v>
      </c>
      <c r="I77" s="12">
        <v>52</v>
      </c>
      <c r="J77" s="12">
        <v>93</v>
      </c>
      <c r="K77" s="12">
        <v>107</v>
      </c>
      <c r="L77" s="12">
        <v>76</v>
      </c>
      <c r="M77" s="12">
        <v>62</v>
      </c>
      <c r="N77" s="12">
        <v>126</v>
      </c>
      <c r="O77" s="12">
        <v>0</v>
      </c>
      <c r="P77" s="12">
        <v>114</v>
      </c>
      <c r="Q77" s="12">
        <v>398</v>
      </c>
      <c r="R77" s="12">
        <v>152</v>
      </c>
    </row>
    <row r="78" spans="1:18" s="4" customFormat="1" x14ac:dyDescent="0.15">
      <c r="A78" s="3"/>
      <c r="B78" s="3" t="s">
        <v>2052</v>
      </c>
      <c r="C78" s="12">
        <v>277</v>
      </c>
      <c r="D78" s="12">
        <v>588</v>
      </c>
      <c r="E78" s="12">
        <v>285</v>
      </c>
      <c r="F78" s="12">
        <v>303</v>
      </c>
      <c r="G78" s="12">
        <v>35</v>
      </c>
      <c r="H78" s="12">
        <v>66</v>
      </c>
      <c r="I78" s="12">
        <v>70</v>
      </c>
      <c r="J78" s="12">
        <v>64</v>
      </c>
      <c r="K78" s="12">
        <v>86</v>
      </c>
      <c r="L78" s="12">
        <v>74</v>
      </c>
      <c r="M78" s="12">
        <v>76</v>
      </c>
      <c r="N78" s="12">
        <v>117</v>
      </c>
      <c r="O78" s="12">
        <v>0</v>
      </c>
      <c r="P78" s="12">
        <v>66</v>
      </c>
      <c r="Q78" s="12">
        <v>367</v>
      </c>
      <c r="R78" s="12">
        <v>155</v>
      </c>
    </row>
    <row r="79" spans="1:18" s="4" customFormat="1" x14ac:dyDescent="0.15">
      <c r="A79" s="3"/>
      <c r="B79" s="3" t="s">
        <v>2053</v>
      </c>
      <c r="C79" s="12">
        <v>227</v>
      </c>
      <c r="D79" s="12">
        <v>491</v>
      </c>
      <c r="E79" s="12">
        <v>242</v>
      </c>
      <c r="F79" s="12">
        <v>249</v>
      </c>
      <c r="G79" s="12">
        <v>43</v>
      </c>
      <c r="H79" s="12">
        <v>51</v>
      </c>
      <c r="I79" s="12">
        <v>68</v>
      </c>
      <c r="J79" s="12">
        <v>52</v>
      </c>
      <c r="K79" s="12">
        <v>75</v>
      </c>
      <c r="L79" s="12">
        <v>79</v>
      </c>
      <c r="M79" s="12">
        <v>42</v>
      </c>
      <c r="N79" s="12">
        <v>81</v>
      </c>
      <c r="O79" s="12">
        <v>0</v>
      </c>
      <c r="P79" s="12">
        <v>68</v>
      </c>
      <c r="Q79" s="12">
        <v>320</v>
      </c>
      <c r="R79" s="12">
        <v>103</v>
      </c>
    </row>
    <row r="80" spans="1:18" s="4" customFormat="1" x14ac:dyDescent="0.15">
      <c r="A80" s="3"/>
      <c r="B80" s="3" t="s">
        <v>2054</v>
      </c>
      <c r="C80" s="12">
        <v>297</v>
      </c>
      <c r="D80" s="12">
        <v>629</v>
      </c>
      <c r="E80" s="12">
        <v>318</v>
      </c>
      <c r="F80" s="12">
        <v>311</v>
      </c>
      <c r="G80" s="12">
        <v>59</v>
      </c>
      <c r="H80" s="12">
        <v>60</v>
      </c>
      <c r="I80" s="12">
        <v>67</v>
      </c>
      <c r="J80" s="12">
        <v>74</v>
      </c>
      <c r="K80" s="12">
        <v>86</v>
      </c>
      <c r="L80" s="12">
        <v>99</v>
      </c>
      <c r="M80" s="12">
        <v>64</v>
      </c>
      <c r="N80" s="12">
        <v>120</v>
      </c>
      <c r="O80" s="12">
        <v>0</v>
      </c>
      <c r="P80" s="12">
        <v>87</v>
      </c>
      <c r="Q80" s="12">
        <v>390</v>
      </c>
      <c r="R80" s="12">
        <v>152</v>
      </c>
    </row>
    <row r="81" spans="1:18" s="4" customFormat="1" x14ac:dyDescent="0.15">
      <c r="A81" s="3"/>
      <c r="B81" s="3" t="s">
        <v>2055</v>
      </c>
      <c r="C81" s="12">
        <v>189</v>
      </c>
      <c r="D81" s="12">
        <v>467</v>
      </c>
      <c r="E81" s="12">
        <v>228</v>
      </c>
      <c r="F81" s="12">
        <v>239</v>
      </c>
      <c r="G81" s="12">
        <v>38</v>
      </c>
      <c r="H81" s="12">
        <v>54</v>
      </c>
      <c r="I81" s="12">
        <v>40</v>
      </c>
      <c r="J81" s="12">
        <v>36</v>
      </c>
      <c r="K81" s="12">
        <v>73</v>
      </c>
      <c r="L81" s="12">
        <v>66</v>
      </c>
      <c r="M81" s="12">
        <v>44</v>
      </c>
      <c r="N81" s="12">
        <v>116</v>
      </c>
      <c r="O81" s="12">
        <v>0</v>
      </c>
      <c r="P81" s="12">
        <v>59</v>
      </c>
      <c r="Q81" s="12">
        <v>271</v>
      </c>
      <c r="R81" s="12">
        <v>137</v>
      </c>
    </row>
    <row r="82" spans="1:18" s="4" customFormat="1" x14ac:dyDescent="0.15">
      <c r="A82" s="3"/>
      <c r="B82" s="3" t="s">
        <v>2056</v>
      </c>
      <c r="C82" s="12">
        <v>403</v>
      </c>
      <c r="D82" s="12">
        <v>904</v>
      </c>
      <c r="E82" s="12">
        <v>425</v>
      </c>
      <c r="F82" s="12">
        <v>479</v>
      </c>
      <c r="G82" s="12">
        <v>80</v>
      </c>
      <c r="H82" s="12">
        <v>104</v>
      </c>
      <c r="I82" s="12">
        <v>96</v>
      </c>
      <c r="J82" s="12">
        <v>99</v>
      </c>
      <c r="K82" s="12">
        <v>136</v>
      </c>
      <c r="L82" s="12">
        <v>149</v>
      </c>
      <c r="M82" s="12">
        <v>102</v>
      </c>
      <c r="N82" s="12">
        <v>138</v>
      </c>
      <c r="O82" s="12">
        <v>0</v>
      </c>
      <c r="P82" s="12">
        <v>132</v>
      </c>
      <c r="Q82" s="12">
        <v>588</v>
      </c>
      <c r="R82" s="12">
        <v>184</v>
      </c>
    </row>
    <row r="83" spans="1:18" s="4" customFormat="1" x14ac:dyDescent="0.15">
      <c r="A83" s="3"/>
      <c r="B83" s="3" t="s">
        <v>2057</v>
      </c>
      <c r="C83" s="12">
        <v>249</v>
      </c>
      <c r="D83" s="12">
        <v>518</v>
      </c>
      <c r="E83" s="12">
        <v>241</v>
      </c>
      <c r="F83" s="12">
        <v>277</v>
      </c>
      <c r="G83" s="12">
        <v>42</v>
      </c>
      <c r="H83" s="12">
        <v>44</v>
      </c>
      <c r="I83" s="12">
        <v>49</v>
      </c>
      <c r="J83" s="12">
        <v>50</v>
      </c>
      <c r="K83" s="12">
        <v>67</v>
      </c>
      <c r="L83" s="12">
        <v>65</v>
      </c>
      <c r="M83" s="12">
        <v>66</v>
      </c>
      <c r="N83" s="12">
        <v>135</v>
      </c>
      <c r="O83" s="12">
        <v>0</v>
      </c>
      <c r="P83" s="12">
        <v>68</v>
      </c>
      <c r="Q83" s="12">
        <v>283</v>
      </c>
      <c r="R83" s="12">
        <v>167</v>
      </c>
    </row>
    <row r="84" spans="1:18" s="4" customFormat="1" x14ac:dyDescent="0.15">
      <c r="A84" s="3"/>
      <c r="B84" s="3" t="s">
        <v>2058</v>
      </c>
      <c r="C84" s="12">
        <v>128</v>
      </c>
      <c r="D84" s="12">
        <v>303</v>
      </c>
      <c r="E84" s="12">
        <v>136</v>
      </c>
      <c r="F84" s="12">
        <v>167</v>
      </c>
      <c r="G84" s="12">
        <v>12</v>
      </c>
      <c r="H84" s="12">
        <v>40</v>
      </c>
      <c r="I84" s="12">
        <v>24</v>
      </c>
      <c r="J84" s="12">
        <v>25</v>
      </c>
      <c r="K84" s="12">
        <v>39</v>
      </c>
      <c r="L84" s="12">
        <v>53</v>
      </c>
      <c r="M84" s="12">
        <v>42</v>
      </c>
      <c r="N84" s="12">
        <v>68</v>
      </c>
      <c r="O84" s="12">
        <v>0</v>
      </c>
      <c r="P84" s="12">
        <v>29</v>
      </c>
      <c r="Q84" s="12">
        <v>187</v>
      </c>
      <c r="R84" s="12">
        <v>87</v>
      </c>
    </row>
    <row r="85" spans="1:18" s="4" customFormat="1" x14ac:dyDescent="0.15">
      <c r="A85" s="3"/>
      <c r="B85" s="3" t="s">
        <v>2059</v>
      </c>
      <c r="C85" s="12">
        <v>916</v>
      </c>
      <c r="D85" s="12">
        <v>2038</v>
      </c>
      <c r="E85" s="12">
        <v>962</v>
      </c>
      <c r="F85" s="12">
        <v>1076</v>
      </c>
      <c r="G85" s="12">
        <v>211</v>
      </c>
      <c r="H85" s="12">
        <v>227</v>
      </c>
      <c r="I85" s="12">
        <v>196</v>
      </c>
      <c r="J85" s="12">
        <v>230</v>
      </c>
      <c r="K85" s="12">
        <v>299</v>
      </c>
      <c r="L85" s="12">
        <v>294</v>
      </c>
      <c r="M85" s="12">
        <v>192</v>
      </c>
      <c r="N85" s="12">
        <v>389</v>
      </c>
      <c r="O85" s="12">
        <v>0</v>
      </c>
      <c r="P85" s="12">
        <v>323</v>
      </c>
      <c r="Q85" s="12">
        <v>1229</v>
      </c>
      <c r="R85" s="12">
        <v>486</v>
      </c>
    </row>
    <row r="86" spans="1:18" s="4" customFormat="1" x14ac:dyDescent="0.15">
      <c r="A86" s="3"/>
      <c r="B86" s="3" t="s">
        <v>2060</v>
      </c>
      <c r="C86" s="12">
        <v>907</v>
      </c>
      <c r="D86" s="12">
        <v>1566</v>
      </c>
      <c r="E86" s="12">
        <v>742</v>
      </c>
      <c r="F86" s="12">
        <v>824</v>
      </c>
      <c r="G86" s="12">
        <v>137</v>
      </c>
      <c r="H86" s="12">
        <v>81</v>
      </c>
      <c r="I86" s="12">
        <v>267</v>
      </c>
      <c r="J86" s="12">
        <v>249</v>
      </c>
      <c r="K86" s="12">
        <v>228</v>
      </c>
      <c r="L86" s="12">
        <v>242</v>
      </c>
      <c r="M86" s="12">
        <v>146</v>
      </c>
      <c r="N86" s="12">
        <v>216</v>
      </c>
      <c r="O86" s="12">
        <v>0</v>
      </c>
      <c r="P86" s="12">
        <v>177</v>
      </c>
      <c r="Q86" s="12">
        <v>1099</v>
      </c>
      <c r="R86" s="12">
        <v>290</v>
      </c>
    </row>
    <row r="87" spans="1:18" s="4" customFormat="1" x14ac:dyDescent="0.15">
      <c r="A87" s="3"/>
      <c r="B87" s="3" t="s">
        <v>2061</v>
      </c>
      <c r="C87" s="12">
        <v>515</v>
      </c>
      <c r="D87" s="12">
        <v>986</v>
      </c>
      <c r="E87" s="12">
        <v>484</v>
      </c>
      <c r="F87" s="12">
        <v>502</v>
      </c>
      <c r="G87" s="12">
        <v>97</v>
      </c>
      <c r="H87" s="12">
        <v>57</v>
      </c>
      <c r="I87" s="12">
        <v>130</v>
      </c>
      <c r="J87" s="12">
        <v>159</v>
      </c>
      <c r="K87" s="12">
        <v>144</v>
      </c>
      <c r="L87" s="12">
        <v>144</v>
      </c>
      <c r="M87" s="12">
        <v>109</v>
      </c>
      <c r="N87" s="12">
        <v>146</v>
      </c>
      <c r="O87" s="12">
        <v>0</v>
      </c>
      <c r="P87" s="12">
        <v>130</v>
      </c>
      <c r="Q87" s="12">
        <v>654</v>
      </c>
      <c r="R87" s="12">
        <v>202</v>
      </c>
    </row>
    <row r="88" spans="1:18" s="4" customFormat="1" x14ac:dyDescent="0.15">
      <c r="A88" s="3"/>
      <c r="B88" s="3" t="s">
        <v>2062</v>
      </c>
      <c r="C88" s="12">
        <v>530</v>
      </c>
      <c r="D88" s="12">
        <v>1210</v>
      </c>
      <c r="E88" s="12">
        <v>564</v>
      </c>
      <c r="F88" s="12">
        <v>646</v>
      </c>
      <c r="G88" s="12">
        <v>132</v>
      </c>
      <c r="H88" s="12">
        <v>140</v>
      </c>
      <c r="I88" s="12">
        <v>141</v>
      </c>
      <c r="J88" s="12">
        <v>170</v>
      </c>
      <c r="K88" s="12">
        <v>215</v>
      </c>
      <c r="L88" s="12">
        <v>155</v>
      </c>
      <c r="M88" s="12">
        <v>103</v>
      </c>
      <c r="N88" s="12">
        <v>154</v>
      </c>
      <c r="O88" s="12">
        <v>0</v>
      </c>
      <c r="P88" s="12">
        <v>209</v>
      </c>
      <c r="Q88" s="12">
        <v>798</v>
      </c>
      <c r="R88" s="12">
        <v>203</v>
      </c>
    </row>
    <row r="89" spans="1:18" s="4" customFormat="1" x14ac:dyDescent="0.15">
      <c r="A89" s="3"/>
      <c r="B89" s="3" t="s">
        <v>2063</v>
      </c>
      <c r="C89" s="12">
        <v>1121</v>
      </c>
      <c r="D89" s="12">
        <v>2241</v>
      </c>
      <c r="E89" s="12">
        <v>1101</v>
      </c>
      <c r="F89" s="12">
        <v>1140</v>
      </c>
      <c r="G89" s="12">
        <v>260</v>
      </c>
      <c r="H89" s="12">
        <v>169</v>
      </c>
      <c r="I89" s="12">
        <v>324</v>
      </c>
      <c r="J89" s="12">
        <v>348</v>
      </c>
      <c r="K89" s="12">
        <v>379</v>
      </c>
      <c r="L89" s="12">
        <v>308</v>
      </c>
      <c r="M89" s="12">
        <v>179</v>
      </c>
      <c r="N89" s="12">
        <v>274</v>
      </c>
      <c r="O89" s="12">
        <v>0</v>
      </c>
      <c r="P89" s="12">
        <v>349</v>
      </c>
      <c r="Q89" s="12">
        <v>1531</v>
      </c>
      <c r="R89" s="12">
        <v>361</v>
      </c>
    </row>
    <row r="90" spans="1:18" s="4" customFormat="1" x14ac:dyDescent="0.15">
      <c r="A90" s="3"/>
      <c r="B90" s="3" t="s">
        <v>2064</v>
      </c>
      <c r="C90" s="12">
        <v>768</v>
      </c>
      <c r="D90" s="12">
        <v>1797</v>
      </c>
      <c r="E90" s="12">
        <v>854</v>
      </c>
      <c r="F90" s="12">
        <v>943</v>
      </c>
      <c r="G90" s="12">
        <v>217</v>
      </c>
      <c r="H90" s="12">
        <v>218</v>
      </c>
      <c r="I90" s="12">
        <v>143</v>
      </c>
      <c r="J90" s="12">
        <v>212</v>
      </c>
      <c r="K90" s="12">
        <v>318</v>
      </c>
      <c r="L90" s="12">
        <v>260</v>
      </c>
      <c r="M90" s="12">
        <v>139</v>
      </c>
      <c r="N90" s="12">
        <v>290</v>
      </c>
      <c r="O90" s="12">
        <v>0</v>
      </c>
      <c r="P90" s="12">
        <v>342</v>
      </c>
      <c r="Q90" s="12">
        <v>1100</v>
      </c>
      <c r="R90" s="12">
        <v>355</v>
      </c>
    </row>
    <row r="91" spans="1:18" s="4" customFormat="1" x14ac:dyDescent="0.15">
      <c r="A91" s="3"/>
      <c r="B91" s="3" t="s">
        <v>2065</v>
      </c>
      <c r="C91" s="12">
        <v>219</v>
      </c>
      <c r="D91" s="12">
        <v>487</v>
      </c>
      <c r="E91" s="12">
        <v>231</v>
      </c>
      <c r="F91" s="12">
        <v>256</v>
      </c>
      <c r="G91" s="12">
        <v>25</v>
      </c>
      <c r="H91" s="12">
        <v>51</v>
      </c>
      <c r="I91" s="12">
        <v>47</v>
      </c>
      <c r="J91" s="12">
        <v>42</v>
      </c>
      <c r="K91" s="12">
        <v>70</v>
      </c>
      <c r="L91" s="12">
        <v>65</v>
      </c>
      <c r="M91" s="12">
        <v>67</v>
      </c>
      <c r="N91" s="12">
        <v>120</v>
      </c>
      <c r="O91" s="12">
        <v>0</v>
      </c>
      <c r="P91" s="12">
        <v>50</v>
      </c>
      <c r="Q91" s="12">
        <v>282</v>
      </c>
      <c r="R91" s="12">
        <v>155</v>
      </c>
    </row>
    <row r="92" spans="1:18" s="4" customFormat="1" x14ac:dyDescent="0.15">
      <c r="A92" s="3"/>
      <c r="B92" s="3" t="s">
        <v>2066</v>
      </c>
      <c r="C92" s="12">
        <v>418</v>
      </c>
      <c r="D92" s="12">
        <v>897</v>
      </c>
      <c r="E92" s="12">
        <v>450</v>
      </c>
      <c r="F92" s="12">
        <v>447</v>
      </c>
      <c r="G92" s="12">
        <v>75</v>
      </c>
      <c r="H92" s="12">
        <v>92</v>
      </c>
      <c r="I92" s="12">
        <v>125</v>
      </c>
      <c r="J92" s="12">
        <v>127</v>
      </c>
      <c r="K92" s="12">
        <v>140</v>
      </c>
      <c r="L92" s="12">
        <v>153</v>
      </c>
      <c r="M92" s="12">
        <v>94</v>
      </c>
      <c r="N92" s="12">
        <v>91</v>
      </c>
      <c r="O92" s="12">
        <v>0</v>
      </c>
      <c r="P92" s="12">
        <v>121</v>
      </c>
      <c r="Q92" s="12">
        <v>642</v>
      </c>
      <c r="R92" s="12">
        <v>134</v>
      </c>
    </row>
    <row r="93" spans="1:18" s="4" customFormat="1" x14ac:dyDescent="0.15">
      <c r="A93" s="3"/>
      <c r="B93" s="3" t="s">
        <v>2067</v>
      </c>
      <c r="C93" s="12">
        <v>240</v>
      </c>
      <c r="D93" s="12">
        <v>537</v>
      </c>
      <c r="E93" s="12">
        <v>266</v>
      </c>
      <c r="F93" s="12">
        <v>271</v>
      </c>
      <c r="G93" s="12">
        <v>68</v>
      </c>
      <c r="H93" s="12">
        <v>65</v>
      </c>
      <c r="I93" s="12">
        <v>35</v>
      </c>
      <c r="J93" s="12">
        <v>83</v>
      </c>
      <c r="K93" s="12">
        <v>83</v>
      </c>
      <c r="L93" s="12">
        <v>74</v>
      </c>
      <c r="M93" s="12">
        <v>49</v>
      </c>
      <c r="N93" s="12">
        <v>80</v>
      </c>
      <c r="O93" s="12">
        <v>0</v>
      </c>
      <c r="P93" s="12">
        <v>103</v>
      </c>
      <c r="Q93" s="12">
        <v>328</v>
      </c>
      <c r="R93" s="12">
        <v>106</v>
      </c>
    </row>
    <row r="94" spans="1:18" s="4" customFormat="1" x14ac:dyDescent="0.15">
      <c r="A94" s="3"/>
      <c r="B94" s="3" t="s">
        <v>2068</v>
      </c>
      <c r="C94" s="12">
        <v>1221</v>
      </c>
      <c r="D94" s="12">
        <v>2118</v>
      </c>
      <c r="E94" s="12">
        <v>922</v>
      </c>
      <c r="F94" s="12">
        <v>1196</v>
      </c>
      <c r="G94" s="12">
        <v>94</v>
      </c>
      <c r="H94" s="12">
        <v>131</v>
      </c>
      <c r="I94" s="12">
        <v>117</v>
      </c>
      <c r="J94" s="12">
        <v>146</v>
      </c>
      <c r="K94" s="12">
        <v>244</v>
      </c>
      <c r="L94" s="12">
        <v>280</v>
      </c>
      <c r="M94" s="12">
        <v>247</v>
      </c>
      <c r="N94" s="12">
        <v>859</v>
      </c>
      <c r="O94" s="12">
        <v>0</v>
      </c>
      <c r="P94" s="12">
        <v>149</v>
      </c>
      <c r="Q94" s="12">
        <v>969</v>
      </c>
      <c r="R94" s="12">
        <v>1000</v>
      </c>
    </row>
    <row r="95" spans="1:18" s="4" customFormat="1" x14ac:dyDescent="0.15">
      <c r="A95" s="3"/>
      <c r="B95" s="3" t="s">
        <v>2069</v>
      </c>
      <c r="C95" s="12">
        <v>713</v>
      </c>
      <c r="D95" s="12">
        <v>1419</v>
      </c>
      <c r="E95" s="12">
        <v>682</v>
      </c>
      <c r="F95" s="12">
        <v>737</v>
      </c>
      <c r="G95" s="12">
        <v>141</v>
      </c>
      <c r="H95" s="12">
        <v>128</v>
      </c>
      <c r="I95" s="12">
        <v>195</v>
      </c>
      <c r="J95" s="12">
        <v>214</v>
      </c>
      <c r="K95" s="12">
        <v>240</v>
      </c>
      <c r="L95" s="12">
        <v>188</v>
      </c>
      <c r="M95" s="12">
        <v>129</v>
      </c>
      <c r="N95" s="12">
        <v>184</v>
      </c>
      <c r="O95" s="12">
        <v>0</v>
      </c>
      <c r="P95" s="12">
        <v>208</v>
      </c>
      <c r="Q95" s="12">
        <v>977</v>
      </c>
      <c r="R95" s="12">
        <v>234</v>
      </c>
    </row>
    <row r="96" spans="1:18" s="4" customFormat="1" x14ac:dyDescent="0.15">
      <c r="A96" s="3"/>
      <c r="B96" s="3" t="s">
        <v>2070</v>
      </c>
      <c r="C96" s="12">
        <v>520</v>
      </c>
      <c r="D96" s="12">
        <v>1048</v>
      </c>
      <c r="E96" s="12">
        <v>432</v>
      </c>
      <c r="F96" s="12">
        <v>616</v>
      </c>
      <c r="G96" s="12">
        <v>74</v>
      </c>
      <c r="H96" s="12">
        <v>111</v>
      </c>
      <c r="I96" s="12">
        <v>88</v>
      </c>
      <c r="J96" s="12">
        <v>72</v>
      </c>
      <c r="K96" s="12">
        <v>115</v>
      </c>
      <c r="L96" s="12">
        <v>135</v>
      </c>
      <c r="M96" s="12">
        <v>151</v>
      </c>
      <c r="N96" s="12">
        <v>302</v>
      </c>
      <c r="O96" s="12">
        <v>0</v>
      </c>
      <c r="P96" s="12">
        <v>128</v>
      </c>
      <c r="Q96" s="12">
        <v>541</v>
      </c>
      <c r="R96" s="12">
        <v>379</v>
      </c>
    </row>
    <row r="97" spans="1:18" s="4" customFormat="1" x14ac:dyDescent="0.15">
      <c r="A97" s="3"/>
      <c r="B97" s="3" t="s">
        <v>2071</v>
      </c>
      <c r="C97" s="12">
        <v>644</v>
      </c>
      <c r="D97" s="12">
        <v>1434</v>
      </c>
      <c r="E97" s="12">
        <v>686</v>
      </c>
      <c r="F97" s="12">
        <v>748</v>
      </c>
      <c r="G97" s="12">
        <v>180</v>
      </c>
      <c r="H97" s="12">
        <v>132</v>
      </c>
      <c r="I97" s="12">
        <v>171</v>
      </c>
      <c r="J97" s="12">
        <v>249</v>
      </c>
      <c r="K97" s="12">
        <v>235</v>
      </c>
      <c r="L97" s="12">
        <v>152</v>
      </c>
      <c r="M97" s="12">
        <v>128</v>
      </c>
      <c r="N97" s="12">
        <v>187</v>
      </c>
      <c r="O97" s="12">
        <v>0</v>
      </c>
      <c r="P97" s="12">
        <v>253</v>
      </c>
      <c r="Q97" s="12">
        <v>929</v>
      </c>
      <c r="R97" s="12">
        <v>252</v>
      </c>
    </row>
    <row r="98" spans="1:18" s="4" customFormat="1" x14ac:dyDescent="0.15">
      <c r="A98" s="3"/>
      <c r="B98" s="3" t="s">
        <v>2072</v>
      </c>
      <c r="C98" s="12">
        <v>682</v>
      </c>
      <c r="D98" s="12">
        <v>1685</v>
      </c>
      <c r="E98" s="12">
        <v>795</v>
      </c>
      <c r="F98" s="12">
        <v>890</v>
      </c>
      <c r="G98" s="12">
        <v>193</v>
      </c>
      <c r="H98" s="12">
        <v>184</v>
      </c>
      <c r="I98" s="12">
        <v>158</v>
      </c>
      <c r="J98" s="12">
        <v>217</v>
      </c>
      <c r="K98" s="12">
        <v>265</v>
      </c>
      <c r="L98" s="12">
        <v>253</v>
      </c>
      <c r="M98" s="12">
        <v>151</v>
      </c>
      <c r="N98" s="12">
        <v>264</v>
      </c>
      <c r="O98" s="12">
        <v>0</v>
      </c>
      <c r="P98" s="12">
        <v>295</v>
      </c>
      <c r="Q98" s="12">
        <v>1055</v>
      </c>
      <c r="R98" s="12">
        <v>335</v>
      </c>
    </row>
    <row r="99" spans="1:18" s="4" customFormat="1" x14ac:dyDescent="0.15">
      <c r="A99" s="3"/>
      <c r="B99" s="3" t="s">
        <v>2073</v>
      </c>
      <c r="C99" s="12">
        <v>154</v>
      </c>
      <c r="D99" s="12">
        <v>353</v>
      </c>
      <c r="E99" s="12">
        <v>154</v>
      </c>
      <c r="F99" s="12">
        <v>199</v>
      </c>
      <c r="G99" s="12">
        <v>30</v>
      </c>
      <c r="H99" s="12">
        <v>40</v>
      </c>
      <c r="I99" s="12">
        <v>29</v>
      </c>
      <c r="J99" s="12">
        <v>30</v>
      </c>
      <c r="K99" s="12">
        <v>54</v>
      </c>
      <c r="L99" s="12">
        <v>62</v>
      </c>
      <c r="M99" s="12">
        <v>33</v>
      </c>
      <c r="N99" s="12">
        <v>75</v>
      </c>
      <c r="O99" s="12">
        <v>0</v>
      </c>
      <c r="P99" s="12">
        <v>49</v>
      </c>
      <c r="Q99" s="12">
        <v>212</v>
      </c>
      <c r="R99" s="12">
        <v>92</v>
      </c>
    </row>
    <row r="100" spans="1:18" s="4" customFormat="1" x14ac:dyDescent="0.15">
      <c r="A100" s="3"/>
      <c r="B100" s="3" t="s">
        <v>2074</v>
      </c>
      <c r="C100" s="12">
        <v>367</v>
      </c>
      <c r="D100" s="12">
        <v>935</v>
      </c>
      <c r="E100" s="12">
        <v>449</v>
      </c>
      <c r="F100" s="12">
        <v>486</v>
      </c>
      <c r="G100" s="12">
        <v>117</v>
      </c>
      <c r="H100" s="12">
        <v>135</v>
      </c>
      <c r="I100" s="12">
        <v>85</v>
      </c>
      <c r="J100" s="12">
        <v>110</v>
      </c>
      <c r="K100" s="12">
        <v>192</v>
      </c>
      <c r="L100" s="12">
        <v>136</v>
      </c>
      <c r="M100" s="12">
        <v>67</v>
      </c>
      <c r="N100" s="12">
        <v>93</v>
      </c>
      <c r="O100" s="12">
        <v>0</v>
      </c>
      <c r="P100" s="12">
        <v>192</v>
      </c>
      <c r="Q100" s="12">
        <v>622</v>
      </c>
      <c r="R100" s="12">
        <v>121</v>
      </c>
    </row>
    <row r="101" spans="1:18" s="4" customFormat="1" x14ac:dyDescent="0.15">
      <c r="A101" s="3"/>
      <c r="B101" s="3" t="s">
        <v>2075</v>
      </c>
      <c r="C101" s="12">
        <v>941</v>
      </c>
      <c r="D101" s="12">
        <v>1991</v>
      </c>
      <c r="E101" s="12">
        <v>936</v>
      </c>
      <c r="F101" s="12">
        <v>1055</v>
      </c>
      <c r="G101" s="12">
        <v>220</v>
      </c>
      <c r="H101" s="12">
        <v>171</v>
      </c>
      <c r="I101" s="12">
        <v>121</v>
      </c>
      <c r="J101" s="12">
        <v>247</v>
      </c>
      <c r="K101" s="12">
        <v>329</v>
      </c>
      <c r="L101" s="12">
        <v>315</v>
      </c>
      <c r="M101" s="12">
        <v>228</v>
      </c>
      <c r="N101" s="12">
        <v>360</v>
      </c>
      <c r="O101" s="12">
        <v>0</v>
      </c>
      <c r="P101" s="12">
        <v>316</v>
      </c>
      <c r="Q101" s="12">
        <v>1197</v>
      </c>
      <c r="R101" s="12">
        <v>478</v>
      </c>
    </row>
    <row r="102" spans="1:18" s="4" customFormat="1" x14ac:dyDescent="0.15">
      <c r="A102" s="3"/>
      <c r="B102" s="3" t="s">
        <v>2076</v>
      </c>
      <c r="C102" s="12">
        <v>480</v>
      </c>
      <c r="D102" s="12">
        <v>821</v>
      </c>
      <c r="E102" s="12">
        <v>419</v>
      </c>
      <c r="F102" s="12">
        <v>402</v>
      </c>
      <c r="G102" s="12">
        <v>68</v>
      </c>
      <c r="H102" s="12">
        <v>66</v>
      </c>
      <c r="I102" s="12">
        <v>142</v>
      </c>
      <c r="J102" s="12">
        <v>122</v>
      </c>
      <c r="K102" s="12">
        <v>134</v>
      </c>
      <c r="L102" s="12">
        <v>97</v>
      </c>
      <c r="M102" s="12">
        <v>65</v>
      </c>
      <c r="N102" s="12">
        <v>127</v>
      </c>
      <c r="O102" s="12">
        <v>0</v>
      </c>
      <c r="P102" s="12">
        <v>94</v>
      </c>
      <c r="Q102" s="12">
        <v>562</v>
      </c>
      <c r="R102" s="12">
        <v>165</v>
      </c>
    </row>
    <row r="103" spans="1:18" s="4" customFormat="1" x14ac:dyDescent="0.15">
      <c r="A103" s="3"/>
      <c r="B103" s="3" t="s">
        <v>2077</v>
      </c>
      <c r="C103" s="12">
        <v>417</v>
      </c>
      <c r="D103" s="12">
        <v>806</v>
      </c>
      <c r="E103" s="12">
        <v>385</v>
      </c>
      <c r="F103" s="12">
        <v>421</v>
      </c>
      <c r="G103" s="12">
        <v>59</v>
      </c>
      <c r="H103" s="12">
        <v>61</v>
      </c>
      <c r="I103" s="12">
        <v>56</v>
      </c>
      <c r="J103" s="12">
        <v>83</v>
      </c>
      <c r="K103" s="12">
        <v>118</v>
      </c>
      <c r="L103" s="12">
        <v>109</v>
      </c>
      <c r="M103" s="12">
        <v>111</v>
      </c>
      <c r="N103" s="12">
        <v>209</v>
      </c>
      <c r="O103" s="12">
        <v>0</v>
      </c>
      <c r="P103" s="12">
        <v>85</v>
      </c>
      <c r="Q103" s="12">
        <v>447</v>
      </c>
      <c r="R103" s="12">
        <v>274</v>
      </c>
    </row>
    <row r="104" spans="1:18" s="4" customFormat="1" x14ac:dyDescent="0.15">
      <c r="A104" s="3"/>
      <c r="B104" s="3" t="s">
        <v>2078</v>
      </c>
      <c r="C104" s="12">
        <v>313</v>
      </c>
      <c r="D104" s="12">
        <v>693</v>
      </c>
      <c r="E104" s="12">
        <v>333</v>
      </c>
      <c r="F104" s="12">
        <v>360</v>
      </c>
      <c r="G104" s="12">
        <v>55</v>
      </c>
      <c r="H104" s="12">
        <v>58</v>
      </c>
      <c r="I104" s="12">
        <v>73</v>
      </c>
      <c r="J104" s="12">
        <v>74</v>
      </c>
      <c r="K104" s="12">
        <v>99</v>
      </c>
      <c r="L104" s="12">
        <v>93</v>
      </c>
      <c r="M104" s="12">
        <v>106</v>
      </c>
      <c r="N104" s="12">
        <v>135</v>
      </c>
      <c r="O104" s="12">
        <v>0</v>
      </c>
      <c r="P104" s="12">
        <v>85</v>
      </c>
      <c r="Q104" s="12">
        <v>418</v>
      </c>
      <c r="R104" s="12">
        <v>190</v>
      </c>
    </row>
    <row r="105" spans="1:18" s="4" customFormat="1" x14ac:dyDescent="0.15">
      <c r="A105" s="3"/>
      <c r="B105" s="3" t="s">
        <v>2079</v>
      </c>
      <c r="C105" s="12">
        <v>498</v>
      </c>
      <c r="D105" s="12">
        <v>1142</v>
      </c>
      <c r="E105" s="12">
        <v>563</v>
      </c>
      <c r="F105" s="12">
        <v>579</v>
      </c>
      <c r="G105" s="12">
        <v>78</v>
      </c>
      <c r="H105" s="12">
        <v>99</v>
      </c>
      <c r="I105" s="12">
        <v>99</v>
      </c>
      <c r="J105" s="12">
        <v>115</v>
      </c>
      <c r="K105" s="12">
        <v>156</v>
      </c>
      <c r="L105" s="12">
        <v>173</v>
      </c>
      <c r="M105" s="12">
        <v>189</v>
      </c>
      <c r="N105" s="12">
        <v>233</v>
      </c>
      <c r="O105" s="12">
        <v>0</v>
      </c>
      <c r="P105" s="12">
        <v>124</v>
      </c>
      <c r="Q105" s="12">
        <v>689</v>
      </c>
      <c r="R105" s="12">
        <v>329</v>
      </c>
    </row>
    <row r="106" spans="1:18" s="4" customFormat="1" x14ac:dyDescent="0.15">
      <c r="A106" s="3"/>
      <c r="B106" s="3" t="s">
        <v>2080</v>
      </c>
      <c r="C106" s="12">
        <v>287</v>
      </c>
      <c r="D106" s="12">
        <v>655</v>
      </c>
      <c r="E106" s="12">
        <v>313</v>
      </c>
      <c r="F106" s="12">
        <v>342</v>
      </c>
      <c r="G106" s="12">
        <v>56</v>
      </c>
      <c r="H106" s="12">
        <v>68</v>
      </c>
      <c r="I106" s="12">
        <v>53</v>
      </c>
      <c r="J106" s="12">
        <v>56</v>
      </c>
      <c r="K106" s="12">
        <v>89</v>
      </c>
      <c r="L106" s="12">
        <v>108</v>
      </c>
      <c r="M106" s="12">
        <v>82</v>
      </c>
      <c r="N106" s="12">
        <v>143</v>
      </c>
      <c r="O106" s="12">
        <v>0</v>
      </c>
      <c r="P106" s="12">
        <v>91</v>
      </c>
      <c r="Q106" s="12">
        <v>385</v>
      </c>
      <c r="R106" s="12">
        <v>179</v>
      </c>
    </row>
    <row r="107" spans="1:18" s="4" customFormat="1" x14ac:dyDescent="0.15">
      <c r="A107" s="3"/>
      <c r="B107" s="3" t="s">
        <v>2081</v>
      </c>
      <c r="C107" s="12">
        <v>492</v>
      </c>
      <c r="D107" s="12">
        <v>1131</v>
      </c>
      <c r="E107" s="12">
        <v>540</v>
      </c>
      <c r="F107" s="12">
        <v>591</v>
      </c>
      <c r="G107" s="12">
        <v>109</v>
      </c>
      <c r="H107" s="12">
        <v>89</v>
      </c>
      <c r="I107" s="12">
        <v>98</v>
      </c>
      <c r="J107" s="12">
        <v>134</v>
      </c>
      <c r="K107" s="12">
        <v>181</v>
      </c>
      <c r="L107" s="12">
        <v>167</v>
      </c>
      <c r="M107" s="12">
        <v>161</v>
      </c>
      <c r="N107" s="12">
        <v>192</v>
      </c>
      <c r="O107" s="12">
        <v>0</v>
      </c>
      <c r="P107" s="12">
        <v>155</v>
      </c>
      <c r="Q107" s="12">
        <v>707</v>
      </c>
      <c r="R107" s="12">
        <v>269</v>
      </c>
    </row>
    <row r="108" spans="1:18" s="4" customFormat="1" x14ac:dyDescent="0.15">
      <c r="A108" s="3"/>
      <c r="B108" s="3" t="s">
        <v>2082</v>
      </c>
      <c r="C108" s="12">
        <v>296</v>
      </c>
      <c r="D108" s="12">
        <v>665</v>
      </c>
      <c r="E108" s="12">
        <v>329</v>
      </c>
      <c r="F108" s="12">
        <v>336</v>
      </c>
      <c r="G108" s="12">
        <v>55</v>
      </c>
      <c r="H108" s="12">
        <v>49</v>
      </c>
      <c r="I108" s="12">
        <v>80</v>
      </c>
      <c r="J108" s="12">
        <v>93</v>
      </c>
      <c r="K108" s="12">
        <v>97</v>
      </c>
      <c r="L108" s="12">
        <v>100</v>
      </c>
      <c r="M108" s="12">
        <v>87</v>
      </c>
      <c r="N108" s="12">
        <v>104</v>
      </c>
      <c r="O108" s="12">
        <v>0</v>
      </c>
      <c r="P108" s="12">
        <v>82</v>
      </c>
      <c r="Q108" s="12">
        <v>445</v>
      </c>
      <c r="R108" s="12">
        <v>138</v>
      </c>
    </row>
    <row r="109" spans="1:18" s="4" customFormat="1" x14ac:dyDescent="0.15">
      <c r="A109" s="3"/>
      <c r="B109" s="3" t="s">
        <v>2083</v>
      </c>
      <c r="C109" s="12">
        <v>784</v>
      </c>
      <c r="D109" s="12">
        <v>1472</v>
      </c>
      <c r="E109" s="12">
        <v>626</v>
      </c>
      <c r="F109" s="12">
        <v>846</v>
      </c>
      <c r="G109" s="12">
        <v>59</v>
      </c>
      <c r="H109" s="12">
        <v>122</v>
      </c>
      <c r="I109" s="12">
        <v>134</v>
      </c>
      <c r="J109" s="12">
        <v>105</v>
      </c>
      <c r="K109" s="12">
        <v>187</v>
      </c>
      <c r="L109" s="12">
        <v>206</v>
      </c>
      <c r="M109" s="12">
        <v>212</v>
      </c>
      <c r="N109" s="12">
        <v>447</v>
      </c>
      <c r="O109" s="12">
        <v>0</v>
      </c>
      <c r="P109" s="12">
        <v>109</v>
      </c>
      <c r="Q109" s="12">
        <v>799</v>
      </c>
      <c r="R109" s="12">
        <v>564</v>
      </c>
    </row>
    <row r="110" spans="1:18" s="4" customFormat="1" x14ac:dyDescent="0.15">
      <c r="A110" s="3"/>
      <c r="B110" s="3" t="s">
        <v>2084</v>
      </c>
      <c r="C110" s="12">
        <v>68</v>
      </c>
      <c r="D110" s="12">
        <v>148</v>
      </c>
      <c r="E110" s="12">
        <v>69</v>
      </c>
      <c r="F110" s="12">
        <v>79</v>
      </c>
      <c r="G110" s="12">
        <v>9</v>
      </c>
      <c r="H110" s="12">
        <v>14</v>
      </c>
      <c r="I110" s="12">
        <v>18</v>
      </c>
      <c r="J110" s="12">
        <v>14</v>
      </c>
      <c r="K110" s="12">
        <v>22</v>
      </c>
      <c r="L110" s="12">
        <v>28</v>
      </c>
      <c r="M110" s="12">
        <v>13</v>
      </c>
      <c r="N110" s="12">
        <v>30</v>
      </c>
      <c r="O110" s="12">
        <v>0</v>
      </c>
      <c r="P110" s="12">
        <v>14</v>
      </c>
      <c r="Q110" s="12">
        <v>99</v>
      </c>
      <c r="R110" s="12">
        <v>35</v>
      </c>
    </row>
    <row r="111" spans="1:18" s="4" customFormat="1" x14ac:dyDescent="0.15">
      <c r="A111" s="3"/>
      <c r="B111" s="3" t="s">
        <v>2085</v>
      </c>
      <c r="C111" s="12">
        <v>107</v>
      </c>
      <c r="D111" s="12">
        <v>150</v>
      </c>
      <c r="E111" s="12">
        <v>71</v>
      </c>
      <c r="F111" s="12">
        <v>79</v>
      </c>
      <c r="G111" s="12">
        <v>8</v>
      </c>
      <c r="H111" s="12">
        <v>3</v>
      </c>
      <c r="I111" s="12">
        <v>45</v>
      </c>
      <c r="J111" s="12">
        <v>20</v>
      </c>
      <c r="K111" s="12">
        <v>15</v>
      </c>
      <c r="L111" s="12">
        <v>17</v>
      </c>
      <c r="M111" s="12">
        <v>19</v>
      </c>
      <c r="N111" s="12">
        <v>23</v>
      </c>
      <c r="O111" s="12">
        <v>0</v>
      </c>
      <c r="P111" s="12">
        <v>8</v>
      </c>
      <c r="Q111" s="12">
        <v>106</v>
      </c>
      <c r="R111" s="12">
        <v>36</v>
      </c>
    </row>
    <row r="112" spans="1:18" s="4" customFormat="1" x14ac:dyDescent="0.15">
      <c r="A112" s="3"/>
      <c r="B112" s="3" t="s">
        <v>2086</v>
      </c>
      <c r="C112" s="12">
        <v>28</v>
      </c>
      <c r="D112" s="12">
        <v>67</v>
      </c>
      <c r="E112" s="12">
        <v>34</v>
      </c>
      <c r="F112" s="12">
        <v>33</v>
      </c>
      <c r="G112" s="12">
        <v>8</v>
      </c>
      <c r="H112" s="12">
        <v>8</v>
      </c>
      <c r="I112" s="12">
        <v>3</v>
      </c>
      <c r="J112" s="12">
        <v>6</v>
      </c>
      <c r="K112" s="12">
        <v>13</v>
      </c>
      <c r="L112" s="12">
        <v>9</v>
      </c>
      <c r="M112" s="12">
        <v>5</v>
      </c>
      <c r="N112" s="12">
        <v>15</v>
      </c>
      <c r="O112" s="12">
        <v>0</v>
      </c>
      <c r="P112" s="12">
        <v>11</v>
      </c>
      <c r="Q112" s="12">
        <v>37</v>
      </c>
      <c r="R112" s="12">
        <v>19</v>
      </c>
    </row>
    <row r="113" spans="1:18" s="4" customFormat="1" x14ac:dyDescent="0.15">
      <c r="A113" s="3"/>
      <c r="B113" s="3" t="s">
        <v>2087</v>
      </c>
      <c r="C113" s="12">
        <v>828</v>
      </c>
      <c r="D113" s="12">
        <v>1329</v>
      </c>
      <c r="E113" s="12">
        <v>611</v>
      </c>
      <c r="F113" s="12">
        <v>718</v>
      </c>
      <c r="G113" s="12">
        <v>91</v>
      </c>
      <c r="H113" s="12">
        <v>72</v>
      </c>
      <c r="I113" s="12">
        <v>165</v>
      </c>
      <c r="J113" s="12">
        <v>180</v>
      </c>
      <c r="K113" s="12">
        <v>185</v>
      </c>
      <c r="L113" s="12">
        <v>223</v>
      </c>
      <c r="M113" s="12">
        <v>148</v>
      </c>
      <c r="N113" s="12">
        <v>265</v>
      </c>
      <c r="O113" s="12">
        <v>0</v>
      </c>
      <c r="P113" s="12">
        <v>127</v>
      </c>
      <c r="Q113" s="12">
        <v>866</v>
      </c>
      <c r="R113" s="12">
        <v>336</v>
      </c>
    </row>
    <row r="114" spans="1:18" s="4" customFormat="1" x14ac:dyDescent="0.15">
      <c r="A114" s="3"/>
      <c r="B114" s="3" t="s">
        <v>2088</v>
      </c>
      <c r="C114" s="12">
        <v>702</v>
      </c>
      <c r="D114" s="12">
        <v>1381</v>
      </c>
      <c r="E114" s="12">
        <v>679</v>
      </c>
      <c r="F114" s="12">
        <v>702</v>
      </c>
      <c r="G114" s="12">
        <v>99</v>
      </c>
      <c r="H114" s="12">
        <v>131</v>
      </c>
      <c r="I114" s="12">
        <v>131</v>
      </c>
      <c r="J114" s="12">
        <v>160</v>
      </c>
      <c r="K114" s="12">
        <v>221</v>
      </c>
      <c r="L114" s="12">
        <v>165</v>
      </c>
      <c r="M114" s="12">
        <v>141</v>
      </c>
      <c r="N114" s="12">
        <v>333</v>
      </c>
      <c r="O114" s="12">
        <v>0</v>
      </c>
      <c r="P114" s="12">
        <v>156</v>
      </c>
      <c r="Q114" s="12">
        <v>821</v>
      </c>
      <c r="R114" s="12">
        <v>404</v>
      </c>
    </row>
    <row r="115" spans="1:18" s="4" customFormat="1" x14ac:dyDescent="0.15">
      <c r="A115" s="3"/>
      <c r="B115" s="3" t="s">
        <v>2089</v>
      </c>
      <c r="C115" s="12">
        <v>203</v>
      </c>
      <c r="D115" s="12">
        <v>439</v>
      </c>
      <c r="E115" s="12">
        <v>212</v>
      </c>
      <c r="F115" s="12">
        <v>227</v>
      </c>
      <c r="G115" s="12">
        <v>29</v>
      </c>
      <c r="H115" s="12">
        <v>41</v>
      </c>
      <c r="I115" s="12">
        <v>23</v>
      </c>
      <c r="J115" s="12">
        <v>33</v>
      </c>
      <c r="K115" s="12">
        <v>65</v>
      </c>
      <c r="L115" s="12">
        <v>50</v>
      </c>
      <c r="M115" s="12">
        <v>40</v>
      </c>
      <c r="N115" s="12">
        <v>158</v>
      </c>
      <c r="O115" s="12">
        <v>0</v>
      </c>
      <c r="P115" s="12">
        <v>45</v>
      </c>
      <c r="Q115" s="12">
        <v>211</v>
      </c>
      <c r="R115" s="12">
        <v>183</v>
      </c>
    </row>
    <row r="116" spans="1:18" s="4" customFormat="1" x14ac:dyDescent="0.15">
      <c r="A116" s="3"/>
      <c r="B116" s="3" t="s">
        <v>2090</v>
      </c>
      <c r="C116" s="12">
        <v>776</v>
      </c>
      <c r="D116" s="12">
        <v>1368</v>
      </c>
      <c r="E116" s="12">
        <v>708</v>
      </c>
      <c r="F116" s="12">
        <v>660</v>
      </c>
      <c r="G116" s="12">
        <v>129</v>
      </c>
      <c r="H116" s="12">
        <v>119</v>
      </c>
      <c r="I116" s="12">
        <v>196</v>
      </c>
      <c r="J116" s="12">
        <v>207</v>
      </c>
      <c r="K116" s="12">
        <v>247</v>
      </c>
      <c r="L116" s="12">
        <v>213</v>
      </c>
      <c r="M116" s="12">
        <v>115</v>
      </c>
      <c r="N116" s="12">
        <v>142</v>
      </c>
      <c r="O116" s="12">
        <v>0</v>
      </c>
      <c r="P116" s="12">
        <v>193</v>
      </c>
      <c r="Q116" s="12">
        <v>979</v>
      </c>
      <c r="R116" s="12">
        <v>196</v>
      </c>
    </row>
    <row r="117" spans="1:18" s="4" customFormat="1" x14ac:dyDescent="0.15">
      <c r="A117" s="3"/>
      <c r="B117" s="3" t="s">
        <v>2091</v>
      </c>
      <c r="C117" s="12">
        <v>443</v>
      </c>
      <c r="D117" s="12">
        <v>1036</v>
      </c>
      <c r="E117" s="12">
        <v>482</v>
      </c>
      <c r="F117" s="12">
        <v>554</v>
      </c>
      <c r="G117" s="12">
        <v>89</v>
      </c>
      <c r="H117" s="12">
        <v>105</v>
      </c>
      <c r="I117" s="12">
        <v>77</v>
      </c>
      <c r="J117" s="12">
        <v>94</v>
      </c>
      <c r="K117" s="12">
        <v>161</v>
      </c>
      <c r="L117" s="12">
        <v>171</v>
      </c>
      <c r="M117" s="12">
        <v>122</v>
      </c>
      <c r="N117" s="12">
        <v>217</v>
      </c>
      <c r="O117" s="12">
        <v>0</v>
      </c>
      <c r="P117" s="12">
        <v>134</v>
      </c>
      <c r="Q117" s="12">
        <v>622</v>
      </c>
      <c r="R117" s="12">
        <v>280</v>
      </c>
    </row>
    <row r="118" spans="1:18" s="4" customFormat="1" x14ac:dyDescent="0.15">
      <c r="A118" s="3"/>
      <c r="B118" s="3" t="s">
        <v>2092</v>
      </c>
      <c r="C118" s="12">
        <v>684</v>
      </c>
      <c r="D118" s="12">
        <v>1392</v>
      </c>
      <c r="E118" s="12">
        <v>713</v>
      </c>
      <c r="F118" s="12">
        <v>679</v>
      </c>
      <c r="G118" s="12">
        <v>151</v>
      </c>
      <c r="H118" s="12">
        <v>134</v>
      </c>
      <c r="I118" s="12">
        <v>205</v>
      </c>
      <c r="J118" s="12">
        <v>190</v>
      </c>
      <c r="K118" s="12">
        <v>213</v>
      </c>
      <c r="L118" s="12">
        <v>188</v>
      </c>
      <c r="M118" s="12">
        <v>120</v>
      </c>
      <c r="N118" s="12">
        <v>191</v>
      </c>
      <c r="O118" s="12">
        <v>0</v>
      </c>
      <c r="P118" s="12">
        <v>205</v>
      </c>
      <c r="Q118" s="12">
        <v>943</v>
      </c>
      <c r="R118" s="12">
        <v>244</v>
      </c>
    </row>
    <row r="119" spans="1:18" s="4" customFormat="1" x14ac:dyDescent="0.15">
      <c r="A119" s="3"/>
      <c r="B119" s="3" t="s">
        <v>2093</v>
      </c>
      <c r="C119" s="12">
        <v>578</v>
      </c>
      <c r="D119" s="12">
        <v>1155</v>
      </c>
      <c r="E119" s="12">
        <v>618</v>
      </c>
      <c r="F119" s="12">
        <v>537</v>
      </c>
      <c r="G119" s="12">
        <v>73</v>
      </c>
      <c r="H119" s="12">
        <v>73</v>
      </c>
      <c r="I119" s="12">
        <v>117</v>
      </c>
      <c r="J119" s="12">
        <v>134</v>
      </c>
      <c r="K119" s="12">
        <v>174</v>
      </c>
      <c r="L119" s="12">
        <v>200</v>
      </c>
      <c r="M119" s="12">
        <v>157</v>
      </c>
      <c r="N119" s="12">
        <v>227</v>
      </c>
      <c r="O119" s="12">
        <v>0</v>
      </c>
      <c r="P119" s="12">
        <v>107</v>
      </c>
      <c r="Q119" s="12">
        <v>743</v>
      </c>
      <c r="R119" s="12">
        <v>305</v>
      </c>
    </row>
    <row r="120" spans="1:18" s="4" customFormat="1" x14ac:dyDescent="0.15">
      <c r="A120" s="3"/>
      <c r="B120" s="3" t="s">
        <v>2094</v>
      </c>
      <c r="C120" s="12">
        <v>599</v>
      </c>
      <c r="D120" s="12">
        <v>1355</v>
      </c>
      <c r="E120" s="12">
        <v>650</v>
      </c>
      <c r="F120" s="12">
        <v>705</v>
      </c>
      <c r="G120" s="12">
        <v>103</v>
      </c>
      <c r="H120" s="12">
        <v>117</v>
      </c>
      <c r="I120" s="12">
        <v>129</v>
      </c>
      <c r="J120" s="12">
        <v>173</v>
      </c>
      <c r="K120" s="12">
        <v>191</v>
      </c>
      <c r="L120" s="12">
        <v>207</v>
      </c>
      <c r="M120" s="12">
        <v>174</v>
      </c>
      <c r="N120" s="12">
        <v>261</v>
      </c>
      <c r="O120" s="12">
        <v>0</v>
      </c>
      <c r="P120" s="12">
        <v>152</v>
      </c>
      <c r="Q120" s="12">
        <v>856</v>
      </c>
      <c r="R120" s="12">
        <v>347</v>
      </c>
    </row>
    <row r="121" spans="1:18" s="4" customFormat="1" x14ac:dyDescent="0.15">
      <c r="A121" s="3"/>
      <c r="B121" s="3" t="s">
        <v>2095</v>
      </c>
      <c r="C121" s="12">
        <v>390</v>
      </c>
      <c r="D121" s="12">
        <v>835</v>
      </c>
      <c r="E121" s="12">
        <v>383</v>
      </c>
      <c r="F121" s="12">
        <v>452</v>
      </c>
      <c r="G121" s="12">
        <v>63</v>
      </c>
      <c r="H121" s="12">
        <v>92</v>
      </c>
      <c r="I121" s="12">
        <v>59</v>
      </c>
      <c r="J121" s="12">
        <v>71</v>
      </c>
      <c r="K121" s="12">
        <v>145</v>
      </c>
      <c r="L121" s="12">
        <v>108</v>
      </c>
      <c r="M121" s="12">
        <v>113</v>
      </c>
      <c r="N121" s="12">
        <v>184</v>
      </c>
      <c r="O121" s="12">
        <v>0</v>
      </c>
      <c r="P121" s="12">
        <v>107</v>
      </c>
      <c r="Q121" s="12">
        <v>483</v>
      </c>
      <c r="R121" s="12">
        <v>245</v>
      </c>
    </row>
    <row r="122" spans="1:18" s="4" customFormat="1" x14ac:dyDescent="0.15">
      <c r="A122" s="3"/>
      <c r="B122" s="3" t="s">
        <v>2096</v>
      </c>
      <c r="C122" s="12">
        <v>367</v>
      </c>
      <c r="D122" s="12">
        <v>864</v>
      </c>
      <c r="E122" s="12">
        <v>401</v>
      </c>
      <c r="F122" s="12">
        <v>463</v>
      </c>
      <c r="G122" s="12">
        <v>81</v>
      </c>
      <c r="H122" s="12">
        <v>105</v>
      </c>
      <c r="I122" s="12">
        <v>50</v>
      </c>
      <c r="J122" s="12">
        <v>97</v>
      </c>
      <c r="K122" s="12">
        <v>126</v>
      </c>
      <c r="L122" s="12">
        <v>125</v>
      </c>
      <c r="M122" s="12">
        <v>91</v>
      </c>
      <c r="N122" s="12">
        <v>189</v>
      </c>
      <c r="O122" s="12">
        <v>0</v>
      </c>
      <c r="P122" s="12">
        <v>134</v>
      </c>
      <c r="Q122" s="12">
        <v>494</v>
      </c>
      <c r="R122" s="12">
        <v>236</v>
      </c>
    </row>
    <row r="123" spans="1:18" s="4" customFormat="1" x14ac:dyDescent="0.15">
      <c r="A123" s="3"/>
      <c r="B123" s="3" t="s">
        <v>2097</v>
      </c>
      <c r="C123" s="12">
        <v>342</v>
      </c>
      <c r="D123" s="12">
        <v>827</v>
      </c>
      <c r="E123" s="12">
        <v>398</v>
      </c>
      <c r="F123" s="12">
        <v>429</v>
      </c>
      <c r="G123" s="12">
        <v>86</v>
      </c>
      <c r="H123" s="12">
        <v>94</v>
      </c>
      <c r="I123" s="12">
        <v>59</v>
      </c>
      <c r="J123" s="12">
        <v>112</v>
      </c>
      <c r="K123" s="12">
        <v>133</v>
      </c>
      <c r="L123" s="12">
        <v>104</v>
      </c>
      <c r="M123" s="12">
        <v>96</v>
      </c>
      <c r="N123" s="12">
        <v>143</v>
      </c>
      <c r="O123" s="12">
        <v>0</v>
      </c>
      <c r="P123" s="12">
        <v>124</v>
      </c>
      <c r="Q123" s="12">
        <v>505</v>
      </c>
      <c r="R123" s="12">
        <v>198</v>
      </c>
    </row>
    <row r="124" spans="1:18" s="4" customFormat="1" x14ac:dyDescent="0.15">
      <c r="A124" s="3"/>
      <c r="B124" s="3" t="s">
        <v>149</v>
      </c>
      <c r="C124" s="12">
        <v>395</v>
      </c>
      <c r="D124" s="12">
        <v>765</v>
      </c>
      <c r="E124" s="12">
        <v>345</v>
      </c>
      <c r="F124" s="12">
        <v>420</v>
      </c>
      <c r="G124" s="12">
        <v>30</v>
      </c>
      <c r="H124" s="12">
        <v>56</v>
      </c>
      <c r="I124" s="12">
        <v>44</v>
      </c>
      <c r="J124" s="12">
        <v>63</v>
      </c>
      <c r="K124" s="12">
        <v>89</v>
      </c>
      <c r="L124" s="12">
        <v>111</v>
      </c>
      <c r="M124" s="12">
        <v>125</v>
      </c>
      <c r="N124" s="12">
        <v>247</v>
      </c>
      <c r="O124" s="12">
        <v>0</v>
      </c>
      <c r="P124" s="12">
        <v>60</v>
      </c>
      <c r="Q124" s="12">
        <v>392</v>
      </c>
      <c r="R124" s="12">
        <v>313</v>
      </c>
    </row>
    <row r="125" spans="1:18" s="4" customFormat="1" x14ac:dyDescent="0.15">
      <c r="A125" s="3"/>
      <c r="B125" s="3" t="s">
        <v>2098</v>
      </c>
      <c r="C125" s="12">
        <v>556</v>
      </c>
      <c r="D125" s="12">
        <v>1237</v>
      </c>
      <c r="E125" s="12">
        <v>618</v>
      </c>
      <c r="F125" s="12">
        <v>619</v>
      </c>
      <c r="G125" s="12">
        <v>148</v>
      </c>
      <c r="H125" s="12">
        <v>92</v>
      </c>
      <c r="I125" s="12">
        <v>109</v>
      </c>
      <c r="J125" s="12">
        <v>165</v>
      </c>
      <c r="K125" s="12">
        <v>177</v>
      </c>
      <c r="L125" s="12">
        <v>165</v>
      </c>
      <c r="M125" s="12">
        <v>137</v>
      </c>
      <c r="N125" s="12">
        <v>244</v>
      </c>
      <c r="O125" s="12">
        <v>0</v>
      </c>
      <c r="P125" s="12">
        <v>191</v>
      </c>
      <c r="Q125" s="12">
        <v>728</v>
      </c>
      <c r="R125" s="12">
        <v>318</v>
      </c>
    </row>
    <row r="126" spans="1:18" s="4" customFormat="1" x14ac:dyDescent="0.15">
      <c r="A126" s="3"/>
      <c r="B126" s="3" t="s">
        <v>2099</v>
      </c>
      <c r="C126" s="12">
        <v>427</v>
      </c>
      <c r="D126" s="12">
        <v>1033</v>
      </c>
      <c r="E126" s="12">
        <v>502</v>
      </c>
      <c r="F126" s="12">
        <v>531</v>
      </c>
      <c r="G126" s="12">
        <v>113</v>
      </c>
      <c r="H126" s="12">
        <v>100</v>
      </c>
      <c r="I126" s="12">
        <v>83</v>
      </c>
      <c r="J126" s="12">
        <v>118</v>
      </c>
      <c r="K126" s="12">
        <v>154</v>
      </c>
      <c r="L126" s="12">
        <v>148</v>
      </c>
      <c r="M126" s="12">
        <v>100</v>
      </c>
      <c r="N126" s="12">
        <v>217</v>
      </c>
      <c r="O126" s="12">
        <v>0</v>
      </c>
      <c r="P126" s="12">
        <v>172</v>
      </c>
      <c r="Q126" s="12">
        <v>601</v>
      </c>
      <c r="R126" s="12">
        <v>260</v>
      </c>
    </row>
    <row r="127" spans="1:18" s="4" customFormat="1" x14ac:dyDescent="0.15">
      <c r="A127" s="3"/>
      <c r="B127" s="3" t="s">
        <v>2100</v>
      </c>
      <c r="C127" s="12">
        <v>449</v>
      </c>
      <c r="D127" s="12">
        <v>992</v>
      </c>
      <c r="E127" s="12">
        <v>512</v>
      </c>
      <c r="F127" s="12">
        <v>480</v>
      </c>
      <c r="G127" s="12">
        <v>96</v>
      </c>
      <c r="H127" s="12">
        <v>107</v>
      </c>
      <c r="I127" s="12">
        <v>121</v>
      </c>
      <c r="J127" s="12">
        <v>138</v>
      </c>
      <c r="K127" s="12">
        <v>160</v>
      </c>
      <c r="L127" s="12">
        <v>143</v>
      </c>
      <c r="M127" s="12">
        <v>96</v>
      </c>
      <c r="N127" s="12">
        <v>131</v>
      </c>
      <c r="O127" s="12">
        <v>0</v>
      </c>
      <c r="P127" s="12">
        <v>155</v>
      </c>
      <c r="Q127" s="12">
        <v>658</v>
      </c>
      <c r="R127" s="12">
        <v>179</v>
      </c>
    </row>
    <row r="128" spans="1:18" s="4" customFormat="1" x14ac:dyDescent="0.15">
      <c r="A128" s="3"/>
      <c r="B128" s="3" t="s">
        <v>2101</v>
      </c>
      <c r="C128" s="12">
        <v>1022</v>
      </c>
      <c r="D128" s="12">
        <v>1668</v>
      </c>
      <c r="E128" s="12">
        <v>819</v>
      </c>
      <c r="F128" s="12">
        <v>849</v>
      </c>
      <c r="G128" s="12">
        <v>140</v>
      </c>
      <c r="H128" s="12">
        <v>82</v>
      </c>
      <c r="I128" s="12">
        <v>274</v>
      </c>
      <c r="J128" s="12">
        <v>256</v>
      </c>
      <c r="K128" s="12">
        <v>246</v>
      </c>
      <c r="L128" s="12">
        <v>218</v>
      </c>
      <c r="M128" s="12">
        <v>185</v>
      </c>
      <c r="N128" s="12">
        <v>267</v>
      </c>
      <c r="O128" s="12">
        <v>0</v>
      </c>
      <c r="P128" s="12">
        <v>174</v>
      </c>
      <c r="Q128" s="12">
        <v>1153</v>
      </c>
      <c r="R128" s="12">
        <v>341</v>
      </c>
    </row>
    <row r="129" spans="1:18" s="4" customFormat="1" x14ac:dyDescent="0.15">
      <c r="A129" s="3"/>
      <c r="B129" s="3" t="s">
        <v>2102</v>
      </c>
      <c r="C129" s="12">
        <v>889</v>
      </c>
      <c r="D129" s="12">
        <v>1588</v>
      </c>
      <c r="E129" s="12">
        <v>764</v>
      </c>
      <c r="F129" s="12">
        <v>824</v>
      </c>
      <c r="G129" s="12">
        <v>163</v>
      </c>
      <c r="H129" s="12">
        <v>87</v>
      </c>
      <c r="I129" s="12">
        <v>267</v>
      </c>
      <c r="J129" s="12">
        <v>307</v>
      </c>
      <c r="K129" s="12">
        <v>231</v>
      </c>
      <c r="L129" s="12">
        <v>227</v>
      </c>
      <c r="M129" s="12">
        <v>139</v>
      </c>
      <c r="N129" s="12">
        <v>167</v>
      </c>
      <c r="O129" s="12">
        <v>0</v>
      </c>
      <c r="P129" s="12">
        <v>202</v>
      </c>
      <c r="Q129" s="12">
        <v>1152</v>
      </c>
      <c r="R129" s="12">
        <v>234</v>
      </c>
    </row>
    <row r="130" spans="1:18" s="4" customFormat="1" x14ac:dyDescent="0.15">
      <c r="A130" s="3"/>
      <c r="B130" s="3" t="s">
        <v>2103</v>
      </c>
      <c r="C130" s="12">
        <v>533</v>
      </c>
      <c r="D130" s="12">
        <v>993</v>
      </c>
      <c r="E130" s="12">
        <v>500</v>
      </c>
      <c r="F130" s="12">
        <v>493</v>
      </c>
      <c r="G130" s="12">
        <v>57</v>
      </c>
      <c r="H130" s="12">
        <v>67</v>
      </c>
      <c r="I130" s="12">
        <v>171</v>
      </c>
      <c r="J130" s="12">
        <v>137</v>
      </c>
      <c r="K130" s="12">
        <v>167</v>
      </c>
      <c r="L130" s="12">
        <v>170</v>
      </c>
      <c r="M130" s="12">
        <v>107</v>
      </c>
      <c r="N130" s="12">
        <v>117</v>
      </c>
      <c r="O130" s="12">
        <v>0</v>
      </c>
      <c r="P130" s="12">
        <v>88</v>
      </c>
      <c r="Q130" s="12">
        <v>741</v>
      </c>
      <c r="R130" s="12">
        <v>164</v>
      </c>
    </row>
    <row r="131" spans="1:18" s="4" customFormat="1" x14ac:dyDescent="0.15">
      <c r="A131" s="3"/>
      <c r="B131" s="3" t="s">
        <v>2104</v>
      </c>
      <c r="C131" s="12">
        <v>497</v>
      </c>
      <c r="D131" s="12">
        <v>1017</v>
      </c>
      <c r="E131" s="12">
        <v>507</v>
      </c>
      <c r="F131" s="12">
        <v>510</v>
      </c>
      <c r="G131" s="12">
        <v>104</v>
      </c>
      <c r="H131" s="12">
        <v>98</v>
      </c>
      <c r="I131" s="12">
        <v>113</v>
      </c>
      <c r="J131" s="12">
        <v>170</v>
      </c>
      <c r="K131" s="12">
        <v>171</v>
      </c>
      <c r="L131" s="12">
        <v>129</v>
      </c>
      <c r="M131" s="12">
        <v>100</v>
      </c>
      <c r="N131" s="12">
        <v>132</v>
      </c>
      <c r="O131" s="12">
        <v>0</v>
      </c>
      <c r="P131" s="12">
        <v>148</v>
      </c>
      <c r="Q131" s="12">
        <v>691</v>
      </c>
      <c r="R131" s="12">
        <v>178</v>
      </c>
    </row>
    <row r="132" spans="1:18" s="4" customFormat="1" x14ac:dyDescent="0.15">
      <c r="A132" s="3"/>
      <c r="B132" s="3" t="s">
        <v>2105</v>
      </c>
      <c r="C132" s="12">
        <v>808</v>
      </c>
      <c r="D132" s="12">
        <v>1512</v>
      </c>
      <c r="E132" s="12">
        <v>682</v>
      </c>
      <c r="F132" s="12">
        <v>830</v>
      </c>
      <c r="G132" s="12">
        <v>87</v>
      </c>
      <c r="H132" s="12">
        <v>123</v>
      </c>
      <c r="I132" s="12">
        <v>117</v>
      </c>
      <c r="J132" s="12">
        <v>117</v>
      </c>
      <c r="K132" s="12">
        <v>176</v>
      </c>
      <c r="L132" s="12">
        <v>211</v>
      </c>
      <c r="M132" s="12">
        <v>234</v>
      </c>
      <c r="N132" s="12">
        <v>447</v>
      </c>
      <c r="O132" s="12">
        <v>0</v>
      </c>
      <c r="P132" s="12">
        <v>136</v>
      </c>
      <c r="Q132" s="12">
        <v>781</v>
      </c>
      <c r="R132" s="12">
        <v>595</v>
      </c>
    </row>
    <row r="133" spans="1:18" s="4" customFormat="1" x14ac:dyDescent="0.15">
      <c r="A133" s="3"/>
      <c r="B133" s="3" t="s">
        <v>2106</v>
      </c>
      <c r="C133" s="12">
        <v>362</v>
      </c>
      <c r="D133" s="12">
        <v>742</v>
      </c>
      <c r="E133" s="12">
        <v>364</v>
      </c>
      <c r="F133" s="12">
        <v>378</v>
      </c>
      <c r="G133" s="12">
        <v>72</v>
      </c>
      <c r="H133" s="12">
        <v>66</v>
      </c>
      <c r="I133" s="12">
        <v>88</v>
      </c>
      <c r="J133" s="12">
        <v>111</v>
      </c>
      <c r="K133" s="12">
        <v>122</v>
      </c>
      <c r="L133" s="12">
        <v>119</v>
      </c>
      <c r="M133" s="12">
        <v>88</v>
      </c>
      <c r="N133" s="12">
        <v>76</v>
      </c>
      <c r="O133" s="12">
        <v>0</v>
      </c>
      <c r="P133" s="12">
        <v>104</v>
      </c>
      <c r="Q133" s="12">
        <v>528</v>
      </c>
      <c r="R133" s="12">
        <v>110</v>
      </c>
    </row>
    <row r="134" spans="1:18" s="4" customFormat="1" x14ac:dyDescent="0.15">
      <c r="A134" s="3"/>
      <c r="B134" s="3" t="s">
        <v>2107</v>
      </c>
      <c r="C134" s="12">
        <v>309</v>
      </c>
      <c r="D134" s="12">
        <v>586</v>
      </c>
      <c r="E134" s="12">
        <v>283</v>
      </c>
      <c r="F134" s="12">
        <v>303</v>
      </c>
      <c r="G134" s="12">
        <v>42</v>
      </c>
      <c r="H134" s="12">
        <v>45</v>
      </c>
      <c r="I134" s="12">
        <v>77</v>
      </c>
      <c r="J134" s="12">
        <v>72</v>
      </c>
      <c r="K134" s="12">
        <v>86</v>
      </c>
      <c r="L134" s="12">
        <v>96</v>
      </c>
      <c r="M134" s="12">
        <v>74</v>
      </c>
      <c r="N134" s="12">
        <v>94</v>
      </c>
      <c r="O134" s="12">
        <v>0</v>
      </c>
      <c r="P134" s="12">
        <v>62</v>
      </c>
      <c r="Q134" s="12">
        <v>388</v>
      </c>
      <c r="R134" s="12">
        <v>136</v>
      </c>
    </row>
    <row r="135" spans="1:18" s="4" customFormat="1" x14ac:dyDescent="0.15">
      <c r="A135" s="3"/>
      <c r="B135" s="3" t="s">
        <v>2108</v>
      </c>
      <c r="C135" s="12">
        <v>294</v>
      </c>
      <c r="D135" s="12">
        <v>619</v>
      </c>
      <c r="E135" s="12">
        <v>299</v>
      </c>
      <c r="F135" s="12">
        <v>320</v>
      </c>
      <c r="G135" s="12">
        <v>74</v>
      </c>
      <c r="H135" s="12">
        <v>41</v>
      </c>
      <c r="I135" s="12">
        <v>84</v>
      </c>
      <c r="J135" s="12">
        <v>101</v>
      </c>
      <c r="K135" s="12">
        <v>101</v>
      </c>
      <c r="L135" s="12">
        <v>92</v>
      </c>
      <c r="M135" s="12">
        <v>58</v>
      </c>
      <c r="N135" s="12">
        <v>68</v>
      </c>
      <c r="O135" s="12">
        <v>0</v>
      </c>
      <c r="P135" s="12">
        <v>98</v>
      </c>
      <c r="Q135" s="12">
        <v>427</v>
      </c>
      <c r="R135" s="12">
        <v>94</v>
      </c>
    </row>
    <row r="136" spans="1:18" s="4" customFormat="1" x14ac:dyDescent="0.15">
      <c r="A136" s="3"/>
      <c r="B136" s="3" t="s">
        <v>2109</v>
      </c>
      <c r="C136" s="12">
        <v>518</v>
      </c>
      <c r="D136" s="12">
        <v>1136</v>
      </c>
      <c r="E136" s="12">
        <v>575</v>
      </c>
      <c r="F136" s="12">
        <v>561</v>
      </c>
      <c r="G136" s="12">
        <v>127</v>
      </c>
      <c r="H136" s="12">
        <v>81</v>
      </c>
      <c r="I136" s="12">
        <v>134</v>
      </c>
      <c r="J136" s="12">
        <v>140</v>
      </c>
      <c r="K136" s="12">
        <v>163</v>
      </c>
      <c r="L136" s="12">
        <v>172</v>
      </c>
      <c r="M136" s="12">
        <v>123</v>
      </c>
      <c r="N136" s="12">
        <v>196</v>
      </c>
      <c r="O136" s="12">
        <v>0</v>
      </c>
      <c r="P136" s="12">
        <v>166</v>
      </c>
      <c r="Q136" s="12">
        <v>708</v>
      </c>
      <c r="R136" s="12">
        <v>262</v>
      </c>
    </row>
    <row r="137" spans="1:18" s="4" customFormat="1" x14ac:dyDescent="0.15">
      <c r="A137" s="3"/>
      <c r="B137" s="3" t="s">
        <v>2110</v>
      </c>
      <c r="C137" s="12">
        <v>689</v>
      </c>
      <c r="D137" s="12">
        <v>1216</v>
      </c>
      <c r="E137" s="12">
        <v>604</v>
      </c>
      <c r="F137" s="12">
        <v>612</v>
      </c>
      <c r="G137" s="12">
        <v>73</v>
      </c>
      <c r="H137" s="12">
        <v>99</v>
      </c>
      <c r="I137" s="12">
        <v>152</v>
      </c>
      <c r="J137" s="12">
        <v>180</v>
      </c>
      <c r="K137" s="12">
        <v>175</v>
      </c>
      <c r="L137" s="12">
        <v>188</v>
      </c>
      <c r="M137" s="12">
        <v>150</v>
      </c>
      <c r="N137" s="12">
        <v>199</v>
      </c>
      <c r="O137" s="12">
        <v>0</v>
      </c>
      <c r="P137" s="12">
        <v>114</v>
      </c>
      <c r="Q137" s="12">
        <v>829</v>
      </c>
      <c r="R137" s="12">
        <v>273</v>
      </c>
    </row>
    <row r="138" spans="1:18" s="4" customFormat="1" x14ac:dyDescent="0.15">
      <c r="A138" s="3"/>
      <c r="B138" s="3" t="s">
        <v>2111</v>
      </c>
      <c r="C138" s="12">
        <v>430</v>
      </c>
      <c r="D138" s="12">
        <v>1009</v>
      </c>
      <c r="E138" s="12">
        <v>471</v>
      </c>
      <c r="F138" s="12">
        <v>538</v>
      </c>
      <c r="G138" s="12">
        <v>125</v>
      </c>
      <c r="H138" s="12">
        <v>107</v>
      </c>
      <c r="I138" s="12">
        <v>87</v>
      </c>
      <c r="J138" s="12">
        <v>115</v>
      </c>
      <c r="K138" s="12">
        <v>176</v>
      </c>
      <c r="L138" s="12">
        <v>151</v>
      </c>
      <c r="M138" s="12">
        <v>91</v>
      </c>
      <c r="N138" s="12">
        <v>157</v>
      </c>
      <c r="O138" s="12">
        <v>0</v>
      </c>
      <c r="P138" s="12">
        <v>187</v>
      </c>
      <c r="Q138" s="12">
        <v>618</v>
      </c>
      <c r="R138" s="12">
        <v>204</v>
      </c>
    </row>
    <row r="139" spans="1:18" s="4" customFormat="1" x14ac:dyDescent="0.15">
      <c r="A139" s="3"/>
      <c r="B139" s="3" t="s">
        <v>2112</v>
      </c>
      <c r="C139" s="12">
        <v>467</v>
      </c>
      <c r="D139" s="12">
        <v>1043</v>
      </c>
      <c r="E139" s="12">
        <v>499</v>
      </c>
      <c r="F139" s="12">
        <v>544</v>
      </c>
      <c r="G139" s="12">
        <v>108</v>
      </c>
      <c r="H139" s="12">
        <v>116</v>
      </c>
      <c r="I139" s="12">
        <v>141</v>
      </c>
      <c r="J139" s="12">
        <v>141</v>
      </c>
      <c r="K139" s="12">
        <v>201</v>
      </c>
      <c r="L139" s="12">
        <v>163</v>
      </c>
      <c r="M139" s="12">
        <v>84</v>
      </c>
      <c r="N139" s="12">
        <v>89</v>
      </c>
      <c r="O139" s="12">
        <v>0</v>
      </c>
      <c r="P139" s="12">
        <v>167</v>
      </c>
      <c r="Q139" s="12">
        <v>755</v>
      </c>
      <c r="R139" s="12">
        <v>121</v>
      </c>
    </row>
    <row r="140" spans="1:18" s="4" customFormat="1" x14ac:dyDescent="0.15">
      <c r="A140" s="3"/>
      <c r="B140" s="3" t="s">
        <v>2113</v>
      </c>
      <c r="C140" s="12">
        <v>361</v>
      </c>
      <c r="D140" s="12">
        <v>833</v>
      </c>
      <c r="E140" s="12">
        <v>396</v>
      </c>
      <c r="F140" s="12">
        <v>437</v>
      </c>
      <c r="G140" s="12">
        <v>71</v>
      </c>
      <c r="H140" s="12">
        <v>81</v>
      </c>
      <c r="I140" s="12">
        <v>106</v>
      </c>
      <c r="J140" s="12">
        <v>87</v>
      </c>
      <c r="K140" s="12">
        <v>115</v>
      </c>
      <c r="L140" s="12">
        <v>135</v>
      </c>
      <c r="M140" s="12">
        <v>80</v>
      </c>
      <c r="N140" s="12">
        <v>158</v>
      </c>
      <c r="O140" s="12">
        <v>0</v>
      </c>
      <c r="P140" s="12">
        <v>107</v>
      </c>
      <c r="Q140" s="12">
        <v>533</v>
      </c>
      <c r="R140" s="12">
        <v>193</v>
      </c>
    </row>
    <row r="141" spans="1:18" s="4" customFormat="1" x14ac:dyDescent="0.15">
      <c r="A141" s="3"/>
      <c r="B141" s="3" t="s">
        <v>2114</v>
      </c>
      <c r="C141" s="12">
        <v>461</v>
      </c>
      <c r="D141" s="12">
        <v>1107</v>
      </c>
      <c r="E141" s="12">
        <v>547</v>
      </c>
      <c r="F141" s="12">
        <v>560</v>
      </c>
      <c r="G141" s="12">
        <v>105</v>
      </c>
      <c r="H141" s="12">
        <v>119</v>
      </c>
      <c r="I141" s="12">
        <v>121</v>
      </c>
      <c r="J141" s="12">
        <v>127</v>
      </c>
      <c r="K141" s="12">
        <v>173</v>
      </c>
      <c r="L141" s="12">
        <v>165</v>
      </c>
      <c r="M141" s="12">
        <v>130</v>
      </c>
      <c r="N141" s="12">
        <v>167</v>
      </c>
      <c r="O141" s="12">
        <v>0</v>
      </c>
      <c r="P141" s="12">
        <v>174</v>
      </c>
      <c r="Q141" s="12">
        <v>710</v>
      </c>
      <c r="R141" s="12">
        <v>223</v>
      </c>
    </row>
    <row r="142" spans="1:18" s="4" customFormat="1" x14ac:dyDescent="0.15">
      <c r="A142" s="3"/>
      <c r="B142" s="3" t="s">
        <v>2115</v>
      </c>
      <c r="C142" s="12">
        <v>372</v>
      </c>
      <c r="D142" s="12">
        <v>892</v>
      </c>
      <c r="E142" s="12">
        <v>437</v>
      </c>
      <c r="F142" s="12">
        <v>455</v>
      </c>
      <c r="G142" s="12">
        <v>87</v>
      </c>
      <c r="H142" s="12">
        <v>109</v>
      </c>
      <c r="I142" s="12">
        <v>97</v>
      </c>
      <c r="J142" s="12">
        <v>106</v>
      </c>
      <c r="K142" s="12">
        <v>130</v>
      </c>
      <c r="L142" s="12">
        <v>150</v>
      </c>
      <c r="M142" s="12">
        <v>93</v>
      </c>
      <c r="N142" s="12">
        <v>120</v>
      </c>
      <c r="O142" s="12">
        <v>0</v>
      </c>
      <c r="P142" s="12">
        <v>142</v>
      </c>
      <c r="Q142" s="12">
        <v>597</v>
      </c>
      <c r="R142" s="12">
        <v>153</v>
      </c>
    </row>
    <row r="143" spans="1:18" s="4" customFormat="1" x14ac:dyDescent="0.15">
      <c r="A143" s="3"/>
      <c r="B143" s="3" t="s">
        <v>2116</v>
      </c>
      <c r="C143" s="12">
        <v>603</v>
      </c>
      <c r="D143" s="12">
        <v>1197</v>
      </c>
      <c r="E143" s="12">
        <v>561</v>
      </c>
      <c r="F143" s="12">
        <v>636</v>
      </c>
      <c r="G143" s="12">
        <v>79</v>
      </c>
      <c r="H143" s="12">
        <v>84</v>
      </c>
      <c r="I143" s="12">
        <v>81</v>
      </c>
      <c r="J143" s="12">
        <v>135</v>
      </c>
      <c r="K143" s="12">
        <v>144</v>
      </c>
      <c r="L143" s="12">
        <v>148</v>
      </c>
      <c r="M143" s="12">
        <v>157</v>
      </c>
      <c r="N143" s="12">
        <v>369</v>
      </c>
      <c r="O143" s="12">
        <v>0</v>
      </c>
      <c r="P143" s="12">
        <v>118</v>
      </c>
      <c r="Q143" s="12">
        <v>621</v>
      </c>
      <c r="R143" s="12">
        <v>458</v>
      </c>
    </row>
    <row r="144" spans="1:18" s="4" customFormat="1" x14ac:dyDescent="0.15">
      <c r="A144" s="3"/>
      <c r="B144" s="3" t="s">
        <v>2117</v>
      </c>
      <c r="C144" s="12">
        <v>620</v>
      </c>
      <c r="D144" s="12">
        <v>1526</v>
      </c>
      <c r="E144" s="12">
        <v>739</v>
      </c>
      <c r="F144" s="12">
        <v>787</v>
      </c>
      <c r="G144" s="12">
        <v>161</v>
      </c>
      <c r="H144" s="12">
        <v>171</v>
      </c>
      <c r="I144" s="12">
        <v>196</v>
      </c>
      <c r="J144" s="12">
        <v>187</v>
      </c>
      <c r="K144" s="12">
        <v>248</v>
      </c>
      <c r="L144" s="12">
        <v>273</v>
      </c>
      <c r="M144" s="12">
        <v>146</v>
      </c>
      <c r="N144" s="12">
        <v>144</v>
      </c>
      <c r="O144" s="12">
        <v>0</v>
      </c>
      <c r="P144" s="12">
        <v>243</v>
      </c>
      <c r="Q144" s="12">
        <v>1089</v>
      </c>
      <c r="R144" s="12">
        <v>194</v>
      </c>
    </row>
    <row r="145" spans="1:18" s="4" customFormat="1" x14ac:dyDescent="0.15">
      <c r="A145" s="3"/>
      <c r="B145" s="3" t="s">
        <v>2118</v>
      </c>
      <c r="C145" s="12">
        <v>634</v>
      </c>
      <c r="D145" s="12">
        <v>1305</v>
      </c>
      <c r="E145" s="12">
        <v>598</v>
      </c>
      <c r="F145" s="12">
        <v>707</v>
      </c>
      <c r="G145" s="12">
        <v>100</v>
      </c>
      <c r="H145" s="12">
        <v>87</v>
      </c>
      <c r="I145" s="12">
        <v>159</v>
      </c>
      <c r="J145" s="12">
        <v>152</v>
      </c>
      <c r="K145" s="12">
        <v>195</v>
      </c>
      <c r="L145" s="12">
        <v>191</v>
      </c>
      <c r="M145" s="12">
        <v>153</v>
      </c>
      <c r="N145" s="12">
        <v>268</v>
      </c>
      <c r="O145" s="12">
        <v>0</v>
      </c>
      <c r="P145" s="12">
        <v>137</v>
      </c>
      <c r="Q145" s="12">
        <v>826</v>
      </c>
      <c r="R145" s="12">
        <v>342</v>
      </c>
    </row>
    <row r="146" spans="1:18" s="4" customFormat="1" x14ac:dyDescent="0.15">
      <c r="A146" s="3"/>
      <c r="B146" s="3" t="s">
        <v>2119</v>
      </c>
      <c r="C146" s="12">
        <v>614</v>
      </c>
      <c r="D146" s="12">
        <v>1459</v>
      </c>
      <c r="E146" s="12">
        <v>691</v>
      </c>
      <c r="F146" s="12">
        <v>768</v>
      </c>
      <c r="G146" s="12">
        <v>178</v>
      </c>
      <c r="H146" s="12">
        <v>166</v>
      </c>
      <c r="I146" s="12">
        <v>137</v>
      </c>
      <c r="J146" s="12">
        <v>182</v>
      </c>
      <c r="K146" s="12">
        <v>235</v>
      </c>
      <c r="L146" s="12">
        <v>232</v>
      </c>
      <c r="M146" s="12">
        <v>122</v>
      </c>
      <c r="N146" s="12">
        <v>207</v>
      </c>
      <c r="O146" s="12">
        <v>0</v>
      </c>
      <c r="P146" s="12">
        <v>260</v>
      </c>
      <c r="Q146" s="12">
        <v>935</v>
      </c>
      <c r="R146" s="12">
        <v>264</v>
      </c>
    </row>
    <row r="147" spans="1:18" s="4" customFormat="1" x14ac:dyDescent="0.15">
      <c r="A147" s="3"/>
      <c r="B147" s="3" t="s">
        <v>2120</v>
      </c>
      <c r="C147" s="12">
        <v>1455</v>
      </c>
      <c r="D147" s="12">
        <v>2997</v>
      </c>
      <c r="E147" s="12">
        <v>1500</v>
      </c>
      <c r="F147" s="12">
        <v>1497</v>
      </c>
      <c r="G147" s="12">
        <v>355</v>
      </c>
      <c r="H147" s="12">
        <v>300</v>
      </c>
      <c r="I147" s="12">
        <v>374</v>
      </c>
      <c r="J147" s="12">
        <v>506</v>
      </c>
      <c r="K147" s="12">
        <v>545</v>
      </c>
      <c r="L147" s="12">
        <v>402</v>
      </c>
      <c r="M147" s="12">
        <v>260</v>
      </c>
      <c r="N147" s="12">
        <v>255</v>
      </c>
      <c r="O147" s="12">
        <v>0</v>
      </c>
      <c r="P147" s="12">
        <v>513</v>
      </c>
      <c r="Q147" s="12">
        <v>2121</v>
      </c>
      <c r="R147" s="12">
        <v>363</v>
      </c>
    </row>
    <row r="148" spans="1:18" s="4" customFormat="1" x14ac:dyDescent="0.15">
      <c r="A148" s="3"/>
      <c r="B148" s="3" t="s">
        <v>2121</v>
      </c>
      <c r="C148" s="12">
        <v>406</v>
      </c>
      <c r="D148" s="12">
        <v>813</v>
      </c>
      <c r="E148" s="12">
        <v>400</v>
      </c>
      <c r="F148" s="12">
        <v>413</v>
      </c>
      <c r="G148" s="12">
        <v>71</v>
      </c>
      <c r="H148" s="12">
        <v>66</v>
      </c>
      <c r="I148" s="12">
        <v>72</v>
      </c>
      <c r="J148" s="12">
        <v>82</v>
      </c>
      <c r="K148" s="12">
        <v>126</v>
      </c>
      <c r="L148" s="12">
        <v>107</v>
      </c>
      <c r="M148" s="12">
        <v>101</v>
      </c>
      <c r="N148" s="12">
        <v>188</v>
      </c>
      <c r="O148" s="12">
        <v>0</v>
      </c>
      <c r="P148" s="12">
        <v>106</v>
      </c>
      <c r="Q148" s="12">
        <v>468</v>
      </c>
      <c r="R148" s="12">
        <v>239</v>
      </c>
    </row>
    <row r="149" spans="1:18" s="4" customFormat="1" x14ac:dyDescent="0.15">
      <c r="A149" s="3"/>
      <c r="B149" s="3" t="s">
        <v>2122</v>
      </c>
      <c r="C149" s="12">
        <v>264</v>
      </c>
      <c r="D149" s="12">
        <v>605</v>
      </c>
      <c r="E149" s="12">
        <v>283</v>
      </c>
      <c r="F149" s="12">
        <v>322</v>
      </c>
      <c r="G149" s="12">
        <v>50</v>
      </c>
      <c r="H149" s="12">
        <v>39</v>
      </c>
      <c r="I149" s="12">
        <v>66</v>
      </c>
      <c r="J149" s="12">
        <v>82</v>
      </c>
      <c r="K149" s="12">
        <v>86</v>
      </c>
      <c r="L149" s="12">
        <v>88</v>
      </c>
      <c r="M149" s="12">
        <v>82</v>
      </c>
      <c r="N149" s="12">
        <v>112</v>
      </c>
      <c r="O149" s="12">
        <v>0</v>
      </c>
      <c r="P149" s="12">
        <v>70</v>
      </c>
      <c r="Q149" s="12">
        <v>384</v>
      </c>
      <c r="R149" s="12">
        <v>151</v>
      </c>
    </row>
    <row r="150" spans="1:18" s="4" customFormat="1" x14ac:dyDescent="0.15">
      <c r="A150" s="3"/>
      <c r="B150" s="3" t="s">
        <v>2123</v>
      </c>
      <c r="C150" s="12">
        <v>396</v>
      </c>
      <c r="D150" s="12">
        <v>907</v>
      </c>
      <c r="E150" s="12">
        <v>444</v>
      </c>
      <c r="F150" s="12">
        <v>463</v>
      </c>
      <c r="G150" s="12">
        <v>74</v>
      </c>
      <c r="H150" s="12">
        <v>70</v>
      </c>
      <c r="I150" s="12">
        <v>93</v>
      </c>
      <c r="J150" s="12">
        <v>102</v>
      </c>
      <c r="K150" s="12">
        <v>123</v>
      </c>
      <c r="L150" s="12">
        <v>142</v>
      </c>
      <c r="M150" s="12">
        <v>110</v>
      </c>
      <c r="N150" s="12">
        <v>193</v>
      </c>
      <c r="O150" s="12">
        <v>0</v>
      </c>
      <c r="P150" s="12">
        <v>102</v>
      </c>
      <c r="Q150" s="12">
        <v>559</v>
      </c>
      <c r="R150" s="12">
        <v>246</v>
      </c>
    </row>
    <row r="151" spans="1:18" s="4" customFormat="1" x14ac:dyDescent="0.15">
      <c r="A151" s="3"/>
      <c r="B151" s="3" t="s">
        <v>2124</v>
      </c>
      <c r="C151" s="12">
        <v>537</v>
      </c>
      <c r="D151" s="12">
        <v>1275</v>
      </c>
      <c r="E151" s="12">
        <v>633</v>
      </c>
      <c r="F151" s="12">
        <v>642</v>
      </c>
      <c r="G151" s="12">
        <v>141</v>
      </c>
      <c r="H151" s="12">
        <v>127</v>
      </c>
      <c r="I151" s="12">
        <v>119</v>
      </c>
      <c r="J151" s="12">
        <v>179</v>
      </c>
      <c r="K151" s="12">
        <v>199</v>
      </c>
      <c r="L151" s="12">
        <v>187</v>
      </c>
      <c r="M151" s="12">
        <v>139</v>
      </c>
      <c r="N151" s="12">
        <v>184</v>
      </c>
      <c r="O151" s="12">
        <v>0</v>
      </c>
      <c r="P151" s="12">
        <v>194</v>
      </c>
      <c r="Q151" s="12">
        <v>834</v>
      </c>
      <c r="R151" s="12">
        <v>247</v>
      </c>
    </row>
    <row r="152" spans="1:18" s="4" customFormat="1" x14ac:dyDescent="0.15">
      <c r="A152" s="3"/>
      <c r="B152" s="3" t="s">
        <v>2125</v>
      </c>
      <c r="C152" s="12">
        <v>316</v>
      </c>
      <c r="D152" s="12">
        <v>755</v>
      </c>
      <c r="E152" s="12">
        <v>359</v>
      </c>
      <c r="F152" s="12">
        <v>396</v>
      </c>
      <c r="G152" s="12">
        <v>79</v>
      </c>
      <c r="H152" s="12">
        <v>73</v>
      </c>
      <c r="I152" s="12">
        <v>75</v>
      </c>
      <c r="J152" s="12">
        <v>90</v>
      </c>
      <c r="K152" s="12">
        <v>108</v>
      </c>
      <c r="L152" s="12">
        <v>100</v>
      </c>
      <c r="M152" s="12">
        <v>86</v>
      </c>
      <c r="N152" s="12">
        <v>144</v>
      </c>
      <c r="O152" s="12">
        <v>0</v>
      </c>
      <c r="P152" s="12">
        <v>114</v>
      </c>
      <c r="Q152" s="12">
        <v>448</v>
      </c>
      <c r="R152" s="12">
        <v>193</v>
      </c>
    </row>
    <row r="153" spans="1:18" ht="10.5" customHeight="1" x14ac:dyDescent="0.15">
      <c r="A153" s="3"/>
      <c r="B153" s="3" t="s">
        <v>2126</v>
      </c>
      <c r="C153" s="12">
        <v>417</v>
      </c>
      <c r="D153" s="12">
        <v>990</v>
      </c>
      <c r="E153" s="12">
        <v>469</v>
      </c>
      <c r="F153" s="12">
        <v>521</v>
      </c>
      <c r="G153" s="12">
        <v>93</v>
      </c>
      <c r="H153" s="12">
        <v>110</v>
      </c>
      <c r="I153" s="12">
        <v>100</v>
      </c>
      <c r="J153" s="12">
        <v>115</v>
      </c>
      <c r="K153" s="12">
        <v>162</v>
      </c>
      <c r="L153" s="12">
        <v>165</v>
      </c>
      <c r="M153" s="12">
        <v>103</v>
      </c>
      <c r="N153" s="12">
        <v>142</v>
      </c>
      <c r="O153" s="12">
        <v>0</v>
      </c>
      <c r="P153" s="12">
        <v>148</v>
      </c>
      <c r="Q153" s="12">
        <v>643</v>
      </c>
      <c r="R153" s="12">
        <v>199</v>
      </c>
    </row>
    <row r="154" spans="1:18" ht="10.5" customHeight="1" x14ac:dyDescent="0.15">
      <c r="A154" s="3"/>
      <c r="B154" s="3" t="s">
        <v>2127</v>
      </c>
      <c r="C154" s="12">
        <v>569</v>
      </c>
      <c r="D154" s="12">
        <v>1296</v>
      </c>
      <c r="E154" s="12">
        <v>611</v>
      </c>
      <c r="F154" s="12">
        <v>685</v>
      </c>
      <c r="G154" s="12">
        <v>110</v>
      </c>
      <c r="H154" s="12">
        <v>103</v>
      </c>
      <c r="I154" s="12">
        <v>112</v>
      </c>
      <c r="J154" s="12">
        <v>116</v>
      </c>
      <c r="K154" s="12">
        <v>199</v>
      </c>
      <c r="L154" s="12">
        <v>217</v>
      </c>
      <c r="M154" s="12">
        <v>158</v>
      </c>
      <c r="N154" s="12">
        <v>281</v>
      </c>
      <c r="O154" s="12">
        <v>0</v>
      </c>
      <c r="P154" s="12">
        <v>163</v>
      </c>
      <c r="Q154" s="12">
        <v>771</v>
      </c>
      <c r="R154" s="12">
        <v>362</v>
      </c>
    </row>
    <row r="155" spans="1:18" ht="10.5" customHeight="1" x14ac:dyDescent="0.15">
      <c r="A155" s="3"/>
      <c r="B155" s="3" t="s">
        <v>2128</v>
      </c>
      <c r="C155" s="12">
        <v>463</v>
      </c>
      <c r="D155" s="12">
        <v>1251</v>
      </c>
      <c r="E155" s="12">
        <v>606</v>
      </c>
      <c r="F155" s="12">
        <v>645</v>
      </c>
      <c r="G155" s="12">
        <v>143</v>
      </c>
      <c r="H155" s="12">
        <v>160</v>
      </c>
      <c r="I155" s="12">
        <v>111</v>
      </c>
      <c r="J155" s="12">
        <v>140</v>
      </c>
      <c r="K155" s="12">
        <v>233</v>
      </c>
      <c r="L155" s="12">
        <v>188</v>
      </c>
      <c r="M155" s="12">
        <v>113</v>
      </c>
      <c r="N155" s="12">
        <v>163</v>
      </c>
      <c r="O155" s="12">
        <v>0</v>
      </c>
      <c r="P155" s="12">
        <v>228</v>
      </c>
      <c r="Q155" s="12">
        <v>804</v>
      </c>
      <c r="R155" s="12">
        <v>219</v>
      </c>
    </row>
    <row r="156" spans="1:18" ht="10.5" customHeight="1" x14ac:dyDescent="0.15">
      <c r="A156" s="3"/>
      <c r="B156" s="3" t="s">
        <v>2129</v>
      </c>
      <c r="C156" s="12">
        <v>415</v>
      </c>
      <c r="D156" s="12">
        <v>883</v>
      </c>
      <c r="E156" s="12">
        <v>440</v>
      </c>
      <c r="F156" s="12">
        <v>443</v>
      </c>
      <c r="G156" s="12">
        <v>77</v>
      </c>
      <c r="H156" s="12">
        <v>103</v>
      </c>
      <c r="I156" s="12">
        <v>70</v>
      </c>
      <c r="J156" s="12">
        <v>109</v>
      </c>
      <c r="K156" s="12">
        <v>143</v>
      </c>
      <c r="L156" s="12">
        <v>124</v>
      </c>
      <c r="M156" s="12">
        <v>97</v>
      </c>
      <c r="N156" s="12">
        <v>160</v>
      </c>
      <c r="O156" s="12">
        <v>0</v>
      </c>
      <c r="P156" s="12">
        <v>118</v>
      </c>
      <c r="Q156" s="12">
        <v>555</v>
      </c>
      <c r="R156" s="12">
        <v>210</v>
      </c>
    </row>
    <row r="157" spans="1:18" ht="10.5" customHeight="1" x14ac:dyDescent="0.15">
      <c r="A157" s="3"/>
      <c r="B157" s="3"/>
      <c r="C157" s="12"/>
      <c r="D157" s="12"/>
      <c r="E157" s="12"/>
      <c r="F157" s="12"/>
      <c r="G157" s="12"/>
      <c r="H157" s="12"/>
      <c r="I157" s="12"/>
      <c r="J157" s="12"/>
      <c r="K157" s="12"/>
      <c r="L157" s="12"/>
      <c r="M157" s="12"/>
      <c r="N157" s="12"/>
      <c r="O157" s="12"/>
      <c r="P157" s="12"/>
      <c r="Q157" s="12"/>
      <c r="R157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46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2130</v>
      </c>
      <c r="B6" s="3"/>
      <c r="C6" s="12">
        <v>75686</v>
      </c>
      <c r="D6" s="12">
        <v>158307</v>
      </c>
      <c r="E6" s="12">
        <v>78569</v>
      </c>
      <c r="F6" s="12">
        <v>79738</v>
      </c>
      <c r="G6" s="12">
        <v>13646</v>
      </c>
      <c r="H6" s="12">
        <v>14039</v>
      </c>
      <c r="I6" s="12">
        <v>17890</v>
      </c>
      <c r="J6" s="12">
        <v>19801</v>
      </c>
      <c r="K6" s="12">
        <v>23678</v>
      </c>
      <c r="L6" s="12">
        <v>23712</v>
      </c>
      <c r="M6" s="12">
        <v>17019</v>
      </c>
      <c r="N6" s="12">
        <v>28522</v>
      </c>
      <c r="O6" s="12">
        <v>0</v>
      </c>
      <c r="P6" s="12">
        <v>20470</v>
      </c>
      <c r="Q6" s="12">
        <v>101315</v>
      </c>
      <c r="R6" s="12">
        <v>36522</v>
      </c>
    </row>
    <row r="7" spans="1:18" s="4" customFormat="1" x14ac:dyDescent="0.15">
      <c r="A7" s="3"/>
      <c r="B7" s="3" t="s">
        <v>1861</v>
      </c>
      <c r="C7" s="12">
        <v>121</v>
      </c>
      <c r="D7" s="12">
        <v>204</v>
      </c>
      <c r="E7" s="12">
        <v>91</v>
      </c>
      <c r="F7" s="12">
        <v>113</v>
      </c>
      <c r="G7" s="12">
        <v>4</v>
      </c>
      <c r="H7" s="12">
        <v>4</v>
      </c>
      <c r="I7" s="12">
        <v>9</v>
      </c>
      <c r="J7" s="12">
        <v>18</v>
      </c>
      <c r="K7" s="12">
        <v>16</v>
      </c>
      <c r="L7" s="12">
        <v>21</v>
      </c>
      <c r="M7" s="12">
        <v>32</v>
      </c>
      <c r="N7" s="12">
        <v>100</v>
      </c>
      <c r="O7" s="12">
        <v>0</v>
      </c>
      <c r="P7" s="12">
        <v>6</v>
      </c>
      <c r="Q7" s="12">
        <v>77</v>
      </c>
      <c r="R7" s="12">
        <v>121</v>
      </c>
    </row>
    <row r="8" spans="1:18" s="4" customFormat="1" x14ac:dyDescent="0.15">
      <c r="A8" s="3"/>
      <c r="B8" s="3" t="s">
        <v>1862</v>
      </c>
      <c r="C8" s="12">
        <v>87</v>
      </c>
      <c r="D8" s="12">
        <v>168</v>
      </c>
      <c r="E8" s="12">
        <v>79</v>
      </c>
      <c r="F8" s="12">
        <v>89</v>
      </c>
      <c r="G8" s="12">
        <v>30</v>
      </c>
      <c r="H8" s="12">
        <v>4</v>
      </c>
      <c r="I8" s="12">
        <v>27</v>
      </c>
      <c r="J8" s="12">
        <v>42</v>
      </c>
      <c r="K8" s="12">
        <v>28</v>
      </c>
      <c r="L8" s="12">
        <v>13</v>
      </c>
      <c r="M8" s="12">
        <v>5</v>
      </c>
      <c r="N8" s="12">
        <v>19</v>
      </c>
      <c r="O8" s="12">
        <v>0</v>
      </c>
      <c r="P8" s="12">
        <v>32</v>
      </c>
      <c r="Q8" s="12">
        <v>114</v>
      </c>
      <c r="R8" s="12">
        <v>22</v>
      </c>
    </row>
    <row r="9" spans="1:18" s="4" customFormat="1" x14ac:dyDescent="0.15">
      <c r="A9" s="3"/>
      <c r="B9" s="3" t="s">
        <v>2131</v>
      </c>
      <c r="C9" s="12">
        <v>278</v>
      </c>
      <c r="D9" s="12">
        <v>644</v>
      </c>
      <c r="E9" s="12">
        <v>328</v>
      </c>
      <c r="F9" s="12">
        <v>316</v>
      </c>
      <c r="G9" s="12">
        <v>50</v>
      </c>
      <c r="H9" s="12">
        <v>77</v>
      </c>
      <c r="I9" s="12">
        <v>74</v>
      </c>
      <c r="J9" s="12">
        <v>62</v>
      </c>
      <c r="K9" s="12">
        <v>104</v>
      </c>
      <c r="L9" s="12">
        <v>105</v>
      </c>
      <c r="M9" s="12">
        <v>69</v>
      </c>
      <c r="N9" s="12">
        <v>103</v>
      </c>
      <c r="O9" s="12">
        <v>0</v>
      </c>
      <c r="P9" s="12">
        <v>87</v>
      </c>
      <c r="Q9" s="12">
        <v>428</v>
      </c>
      <c r="R9" s="12">
        <v>129</v>
      </c>
    </row>
    <row r="10" spans="1:18" s="4" customFormat="1" x14ac:dyDescent="0.15">
      <c r="A10" s="3"/>
      <c r="B10" s="3" t="s">
        <v>2132</v>
      </c>
      <c r="C10" s="12">
        <v>342</v>
      </c>
      <c r="D10" s="12">
        <v>759</v>
      </c>
      <c r="E10" s="12">
        <v>388</v>
      </c>
      <c r="F10" s="12">
        <v>371</v>
      </c>
      <c r="G10" s="12">
        <v>71</v>
      </c>
      <c r="H10" s="12">
        <v>91</v>
      </c>
      <c r="I10" s="12">
        <v>103</v>
      </c>
      <c r="J10" s="12">
        <v>119</v>
      </c>
      <c r="K10" s="12">
        <v>142</v>
      </c>
      <c r="L10" s="12">
        <v>112</v>
      </c>
      <c r="M10" s="12">
        <v>48</v>
      </c>
      <c r="N10" s="12">
        <v>73</v>
      </c>
      <c r="O10" s="12">
        <v>0</v>
      </c>
      <c r="P10" s="12">
        <v>113</v>
      </c>
      <c r="Q10" s="12">
        <v>553</v>
      </c>
      <c r="R10" s="12">
        <v>93</v>
      </c>
    </row>
    <row r="11" spans="1:18" s="4" customFormat="1" x14ac:dyDescent="0.15">
      <c r="A11" s="3"/>
      <c r="B11" s="3" t="s">
        <v>2133</v>
      </c>
      <c r="C11" s="12">
        <v>873</v>
      </c>
      <c r="D11" s="12">
        <v>1619</v>
      </c>
      <c r="E11" s="12">
        <v>777</v>
      </c>
      <c r="F11" s="12">
        <v>842</v>
      </c>
      <c r="G11" s="12">
        <v>122</v>
      </c>
      <c r="H11" s="12">
        <v>97</v>
      </c>
      <c r="I11" s="12">
        <v>239</v>
      </c>
      <c r="J11" s="12">
        <v>266</v>
      </c>
      <c r="K11" s="12">
        <v>263</v>
      </c>
      <c r="L11" s="12">
        <v>244</v>
      </c>
      <c r="M11" s="12">
        <v>196</v>
      </c>
      <c r="N11" s="12">
        <v>192</v>
      </c>
      <c r="O11" s="12">
        <v>0</v>
      </c>
      <c r="P11" s="12">
        <v>171</v>
      </c>
      <c r="Q11" s="12">
        <v>1173</v>
      </c>
      <c r="R11" s="12">
        <v>275</v>
      </c>
    </row>
    <row r="12" spans="1:18" s="4" customFormat="1" x14ac:dyDescent="0.15">
      <c r="A12" s="3"/>
      <c r="B12" s="3" t="s">
        <v>2134</v>
      </c>
      <c r="C12" s="12">
        <v>616</v>
      </c>
      <c r="D12" s="12">
        <v>1266</v>
      </c>
      <c r="E12" s="12">
        <v>617</v>
      </c>
      <c r="F12" s="12">
        <v>649</v>
      </c>
      <c r="G12" s="12">
        <v>100</v>
      </c>
      <c r="H12" s="12">
        <v>96</v>
      </c>
      <c r="I12" s="12">
        <v>171</v>
      </c>
      <c r="J12" s="12">
        <v>167</v>
      </c>
      <c r="K12" s="12">
        <v>177</v>
      </c>
      <c r="L12" s="12">
        <v>238</v>
      </c>
      <c r="M12" s="12">
        <v>137</v>
      </c>
      <c r="N12" s="12">
        <v>180</v>
      </c>
      <c r="O12" s="12">
        <v>0</v>
      </c>
      <c r="P12" s="12">
        <v>148</v>
      </c>
      <c r="Q12" s="12">
        <v>876</v>
      </c>
      <c r="R12" s="12">
        <v>242</v>
      </c>
    </row>
    <row r="13" spans="1:18" s="4" customFormat="1" x14ac:dyDescent="0.15">
      <c r="A13" s="3"/>
      <c r="B13" s="3" t="s">
        <v>2135</v>
      </c>
      <c r="C13" s="12">
        <v>365</v>
      </c>
      <c r="D13" s="12">
        <v>857</v>
      </c>
      <c r="E13" s="12">
        <v>410</v>
      </c>
      <c r="F13" s="12">
        <v>447</v>
      </c>
      <c r="G13" s="12">
        <v>87</v>
      </c>
      <c r="H13" s="12">
        <v>91</v>
      </c>
      <c r="I13" s="12">
        <v>93</v>
      </c>
      <c r="J13" s="12">
        <v>120</v>
      </c>
      <c r="K13" s="12">
        <v>140</v>
      </c>
      <c r="L13" s="12">
        <v>118</v>
      </c>
      <c r="M13" s="12">
        <v>81</v>
      </c>
      <c r="N13" s="12">
        <v>127</v>
      </c>
      <c r="O13" s="12">
        <v>0</v>
      </c>
      <c r="P13" s="12">
        <v>130</v>
      </c>
      <c r="Q13" s="12">
        <v>561</v>
      </c>
      <c r="R13" s="12">
        <v>166</v>
      </c>
    </row>
    <row r="14" spans="1:18" s="4" customFormat="1" x14ac:dyDescent="0.15">
      <c r="A14" s="3"/>
      <c r="B14" s="3" t="s">
        <v>2136</v>
      </c>
      <c r="C14" s="12">
        <v>499</v>
      </c>
      <c r="D14" s="12">
        <v>1118</v>
      </c>
      <c r="E14" s="12">
        <v>558</v>
      </c>
      <c r="F14" s="12">
        <v>560</v>
      </c>
      <c r="G14" s="12">
        <v>127</v>
      </c>
      <c r="H14" s="12">
        <v>111</v>
      </c>
      <c r="I14" s="12">
        <v>114</v>
      </c>
      <c r="J14" s="12">
        <v>136</v>
      </c>
      <c r="K14" s="12">
        <v>159</v>
      </c>
      <c r="L14" s="12">
        <v>139</v>
      </c>
      <c r="M14" s="12">
        <v>106</v>
      </c>
      <c r="N14" s="12">
        <v>226</v>
      </c>
      <c r="O14" s="12">
        <v>0</v>
      </c>
      <c r="P14" s="12">
        <v>182</v>
      </c>
      <c r="Q14" s="12">
        <v>661</v>
      </c>
      <c r="R14" s="12">
        <v>275</v>
      </c>
    </row>
    <row r="15" spans="1:18" s="4" customFormat="1" x14ac:dyDescent="0.15">
      <c r="A15" s="3"/>
      <c r="B15" s="3" t="s">
        <v>2137</v>
      </c>
      <c r="C15" s="12">
        <v>571</v>
      </c>
      <c r="D15" s="12">
        <v>1260</v>
      </c>
      <c r="E15" s="12">
        <v>646</v>
      </c>
      <c r="F15" s="12">
        <v>614</v>
      </c>
      <c r="G15" s="12">
        <v>117</v>
      </c>
      <c r="H15" s="12">
        <v>122</v>
      </c>
      <c r="I15" s="12">
        <v>155</v>
      </c>
      <c r="J15" s="12">
        <v>170</v>
      </c>
      <c r="K15" s="12">
        <v>207</v>
      </c>
      <c r="L15" s="12">
        <v>189</v>
      </c>
      <c r="M15" s="12">
        <v>106</v>
      </c>
      <c r="N15" s="12">
        <v>194</v>
      </c>
      <c r="O15" s="12">
        <v>0</v>
      </c>
      <c r="P15" s="12">
        <v>179</v>
      </c>
      <c r="Q15" s="12">
        <v>833</v>
      </c>
      <c r="R15" s="12">
        <v>248</v>
      </c>
    </row>
    <row r="16" spans="1:18" s="4" customFormat="1" x14ac:dyDescent="0.15">
      <c r="A16" s="3"/>
      <c r="B16" s="3" t="s">
        <v>2138</v>
      </c>
      <c r="C16" s="12">
        <v>472</v>
      </c>
      <c r="D16" s="12">
        <v>1050</v>
      </c>
      <c r="E16" s="12">
        <v>537</v>
      </c>
      <c r="F16" s="12">
        <v>513</v>
      </c>
      <c r="G16" s="12">
        <v>98</v>
      </c>
      <c r="H16" s="12">
        <v>89</v>
      </c>
      <c r="I16" s="12">
        <v>139</v>
      </c>
      <c r="J16" s="12">
        <v>123</v>
      </c>
      <c r="K16" s="12">
        <v>142</v>
      </c>
      <c r="L16" s="12">
        <v>178</v>
      </c>
      <c r="M16" s="12">
        <v>108</v>
      </c>
      <c r="N16" s="12">
        <v>173</v>
      </c>
      <c r="O16" s="12">
        <v>0</v>
      </c>
      <c r="P16" s="12">
        <v>146</v>
      </c>
      <c r="Q16" s="12">
        <v>687</v>
      </c>
      <c r="R16" s="12">
        <v>217</v>
      </c>
    </row>
    <row r="17" spans="1:18" s="4" customFormat="1" x14ac:dyDescent="0.15">
      <c r="A17" s="3"/>
      <c r="B17" s="3" t="s">
        <v>2139</v>
      </c>
      <c r="C17" s="12">
        <v>463</v>
      </c>
      <c r="D17" s="12">
        <v>960</v>
      </c>
      <c r="E17" s="12">
        <v>463</v>
      </c>
      <c r="F17" s="12">
        <v>497</v>
      </c>
      <c r="G17" s="12">
        <v>88</v>
      </c>
      <c r="H17" s="12">
        <v>96</v>
      </c>
      <c r="I17" s="12">
        <v>126</v>
      </c>
      <c r="J17" s="12">
        <v>104</v>
      </c>
      <c r="K17" s="12">
        <v>132</v>
      </c>
      <c r="L17" s="12">
        <v>162</v>
      </c>
      <c r="M17" s="12">
        <v>86</v>
      </c>
      <c r="N17" s="12">
        <v>166</v>
      </c>
      <c r="O17" s="12">
        <v>0</v>
      </c>
      <c r="P17" s="12">
        <v>133</v>
      </c>
      <c r="Q17" s="12">
        <v>616</v>
      </c>
      <c r="R17" s="12">
        <v>211</v>
      </c>
    </row>
    <row r="18" spans="1:18" s="4" customFormat="1" x14ac:dyDescent="0.15">
      <c r="A18" s="3"/>
      <c r="B18" s="3" t="s">
        <v>2140</v>
      </c>
      <c r="C18" s="12">
        <v>379</v>
      </c>
      <c r="D18" s="12">
        <v>942</v>
      </c>
      <c r="E18" s="12">
        <v>461</v>
      </c>
      <c r="F18" s="12">
        <v>481</v>
      </c>
      <c r="G18" s="12">
        <v>109</v>
      </c>
      <c r="H18" s="12">
        <v>90</v>
      </c>
      <c r="I18" s="12">
        <v>112</v>
      </c>
      <c r="J18" s="12">
        <v>118</v>
      </c>
      <c r="K18" s="12">
        <v>146</v>
      </c>
      <c r="L18" s="12">
        <v>128</v>
      </c>
      <c r="M18" s="12">
        <v>98</v>
      </c>
      <c r="N18" s="12">
        <v>141</v>
      </c>
      <c r="O18" s="12">
        <v>0</v>
      </c>
      <c r="P18" s="12">
        <v>149</v>
      </c>
      <c r="Q18" s="12">
        <v>609</v>
      </c>
      <c r="R18" s="12">
        <v>184</v>
      </c>
    </row>
    <row r="19" spans="1:18" s="4" customFormat="1" x14ac:dyDescent="0.15">
      <c r="A19" s="3"/>
      <c r="B19" s="3" t="s">
        <v>2141</v>
      </c>
      <c r="C19" s="12">
        <v>561</v>
      </c>
      <c r="D19" s="12">
        <v>1304</v>
      </c>
      <c r="E19" s="12">
        <v>670</v>
      </c>
      <c r="F19" s="12">
        <v>634</v>
      </c>
      <c r="G19" s="12">
        <v>144</v>
      </c>
      <c r="H19" s="12">
        <v>151</v>
      </c>
      <c r="I19" s="12">
        <v>140</v>
      </c>
      <c r="J19" s="12">
        <v>167</v>
      </c>
      <c r="K19" s="12">
        <v>195</v>
      </c>
      <c r="L19" s="12">
        <v>181</v>
      </c>
      <c r="M19" s="12">
        <v>126</v>
      </c>
      <c r="N19" s="12">
        <v>200</v>
      </c>
      <c r="O19" s="12">
        <v>0</v>
      </c>
      <c r="P19" s="12">
        <v>211</v>
      </c>
      <c r="Q19" s="12">
        <v>819</v>
      </c>
      <c r="R19" s="12">
        <v>274</v>
      </c>
    </row>
    <row r="20" spans="1:18" s="4" customFormat="1" x14ac:dyDescent="0.15">
      <c r="A20" s="3"/>
      <c r="B20" s="3" t="s">
        <v>2142</v>
      </c>
      <c r="C20" s="12">
        <v>386</v>
      </c>
      <c r="D20" s="12">
        <v>804</v>
      </c>
      <c r="E20" s="12">
        <v>398</v>
      </c>
      <c r="F20" s="12">
        <v>406</v>
      </c>
      <c r="G20" s="12">
        <v>56</v>
      </c>
      <c r="H20" s="12">
        <v>68</v>
      </c>
      <c r="I20" s="12">
        <v>126</v>
      </c>
      <c r="J20" s="12">
        <v>95</v>
      </c>
      <c r="K20" s="12">
        <v>108</v>
      </c>
      <c r="L20" s="12">
        <v>129</v>
      </c>
      <c r="M20" s="12">
        <v>103</v>
      </c>
      <c r="N20" s="12">
        <v>119</v>
      </c>
      <c r="O20" s="12">
        <v>0</v>
      </c>
      <c r="P20" s="12">
        <v>80</v>
      </c>
      <c r="Q20" s="12">
        <v>554</v>
      </c>
      <c r="R20" s="12">
        <v>170</v>
      </c>
    </row>
    <row r="21" spans="1:18" s="4" customFormat="1" x14ac:dyDescent="0.15">
      <c r="A21" s="3"/>
      <c r="B21" s="3" t="s">
        <v>2143</v>
      </c>
      <c r="C21" s="12">
        <v>297</v>
      </c>
      <c r="D21" s="12">
        <v>512</v>
      </c>
      <c r="E21" s="12">
        <v>276</v>
      </c>
      <c r="F21" s="12">
        <v>236</v>
      </c>
      <c r="G21" s="12">
        <v>45</v>
      </c>
      <c r="H21" s="12">
        <v>27</v>
      </c>
      <c r="I21" s="12">
        <v>71</v>
      </c>
      <c r="J21" s="12">
        <v>104</v>
      </c>
      <c r="K21" s="12">
        <v>61</v>
      </c>
      <c r="L21" s="12">
        <v>71</v>
      </c>
      <c r="M21" s="12">
        <v>52</v>
      </c>
      <c r="N21" s="12">
        <v>81</v>
      </c>
      <c r="O21" s="12">
        <v>0</v>
      </c>
      <c r="P21" s="12">
        <v>57</v>
      </c>
      <c r="Q21" s="12">
        <v>342</v>
      </c>
      <c r="R21" s="12">
        <v>113</v>
      </c>
    </row>
    <row r="22" spans="1:18" s="4" customFormat="1" x14ac:dyDescent="0.15">
      <c r="A22" s="3"/>
      <c r="B22" s="3" t="s">
        <v>2144</v>
      </c>
      <c r="C22" s="12">
        <v>319</v>
      </c>
      <c r="D22" s="12">
        <v>698</v>
      </c>
      <c r="E22" s="12">
        <v>363</v>
      </c>
      <c r="F22" s="12">
        <v>335</v>
      </c>
      <c r="G22" s="12">
        <v>86</v>
      </c>
      <c r="H22" s="12">
        <v>82</v>
      </c>
      <c r="I22" s="12">
        <v>67</v>
      </c>
      <c r="J22" s="12">
        <v>101</v>
      </c>
      <c r="K22" s="12">
        <v>154</v>
      </c>
      <c r="L22" s="12">
        <v>118</v>
      </c>
      <c r="M22" s="12">
        <v>31</v>
      </c>
      <c r="N22" s="12">
        <v>59</v>
      </c>
      <c r="O22" s="12">
        <v>0</v>
      </c>
      <c r="P22" s="12">
        <v>135</v>
      </c>
      <c r="Q22" s="12">
        <v>495</v>
      </c>
      <c r="R22" s="12">
        <v>68</v>
      </c>
    </row>
    <row r="23" spans="1:18" s="4" customFormat="1" x14ac:dyDescent="0.15">
      <c r="A23" s="3"/>
      <c r="B23" s="3" t="s">
        <v>2145</v>
      </c>
      <c r="C23" s="12">
        <v>774</v>
      </c>
      <c r="D23" s="12">
        <v>1525</v>
      </c>
      <c r="E23" s="12">
        <v>762</v>
      </c>
      <c r="F23" s="12">
        <v>763</v>
      </c>
      <c r="G23" s="12">
        <v>164</v>
      </c>
      <c r="H23" s="12">
        <v>107</v>
      </c>
      <c r="I23" s="12">
        <v>159</v>
      </c>
      <c r="J23" s="12">
        <v>309</v>
      </c>
      <c r="K23" s="12">
        <v>274</v>
      </c>
      <c r="L23" s="12">
        <v>213</v>
      </c>
      <c r="M23" s="12">
        <v>149</v>
      </c>
      <c r="N23" s="12">
        <v>150</v>
      </c>
      <c r="O23" s="12">
        <v>0</v>
      </c>
      <c r="P23" s="12">
        <v>221</v>
      </c>
      <c r="Q23" s="12">
        <v>1093</v>
      </c>
      <c r="R23" s="12">
        <v>211</v>
      </c>
    </row>
    <row r="24" spans="1:18" s="4" customFormat="1" x14ac:dyDescent="0.15">
      <c r="A24" s="3"/>
      <c r="B24" s="3" t="s">
        <v>2146</v>
      </c>
      <c r="C24" s="12">
        <v>1055</v>
      </c>
      <c r="D24" s="12">
        <v>2015</v>
      </c>
      <c r="E24" s="12">
        <v>956</v>
      </c>
      <c r="F24" s="12">
        <v>1059</v>
      </c>
      <c r="G24" s="12">
        <v>164</v>
      </c>
      <c r="H24" s="12">
        <v>125</v>
      </c>
      <c r="I24" s="12">
        <v>232</v>
      </c>
      <c r="J24" s="12">
        <v>308</v>
      </c>
      <c r="K24" s="12">
        <v>290</v>
      </c>
      <c r="L24" s="12">
        <v>324</v>
      </c>
      <c r="M24" s="12">
        <v>291</v>
      </c>
      <c r="N24" s="12">
        <v>281</v>
      </c>
      <c r="O24" s="12">
        <v>0</v>
      </c>
      <c r="P24" s="12">
        <v>223</v>
      </c>
      <c r="Q24" s="12">
        <v>1380</v>
      </c>
      <c r="R24" s="12">
        <v>412</v>
      </c>
    </row>
    <row r="25" spans="1:18" s="4" customFormat="1" x14ac:dyDescent="0.15">
      <c r="A25" s="3"/>
      <c r="B25" s="3" t="s">
        <v>2147</v>
      </c>
      <c r="C25" s="12">
        <v>372</v>
      </c>
      <c r="D25" s="12">
        <v>757</v>
      </c>
      <c r="E25" s="12">
        <v>387</v>
      </c>
      <c r="F25" s="12">
        <v>370</v>
      </c>
      <c r="G25" s="12">
        <v>73</v>
      </c>
      <c r="H25" s="12">
        <v>62</v>
      </c>
      <c r="I25" s="12">
        <v>121</v>
      </c>
      <c r="J25" s="12">
        <v>107</v>
      </c>
      <c r="K25" s="12">
        <v>104</v>
      </c>
      <c r="L25" s="12">
        <v>102</v>
      </c>
      <c r="M25" s="12">
        <v>81</v>
      </c>
      <c r="N25" s="12">
        <v>107</v>
      </c>
      <c r="O25" s="12">
        <v>0</v>
      </c>
      <c r="P25" s="12">
        <v>102</v>
      </c>
      <c r="Q25" s="12">
        <v>516</v>
      </c>
      <c r="R25" s="12">
        <v>139</v>
      </c>
    </row>
    <row r="26" spans="1:18" s="4" customFormat="1" x14ac:dyDescent="0.15">
      <c r="A26" s="3"/>
      <c r="B26" s="3" t="s">
        <v>2148</v>
      </c>
      <c r="C26" s="12">
        <v>784</v>
      </c>
      <c r="D26" s="12">
        <v>1351</v>
      </c>
      <c r="E26" s="12">
        <v>727</v>
      </c>
      <c r="F26" s="12">
        <v>624</v>
      </c>
      <c r="G26" s="12">
        <v>104</v>
      </c>
      <c r="H26" s="12">
        <v>78</v>
      </c>
      <c r="I26" s="12">
        <v>228</v>
      </c>
      <c r="J26" s="12">
        <v>243</v>
      </c>
      <c r="K26" s="12">
        <v>186</v>
      </c>
      <c r="L26" s="12">
        <v>173</v>
      </c>
      <c r="M26" s="12">
        <v>159</v>
      </c>
      <c r="N26" s="12">
        <v>180</v>
      </c>
      <c r="O26" s="12">
        <v>0</v>
      </c>
      <c r="P26" s="12">
        <v>136</v>
      </c>
      <c r="Q26" s="12">
        <v>967</v>
      </c>
      <c r="R26" s="12">
        <v>248</v>
      </c>
    </row>
    <row r="27" spans="1:18" s="4" customFormat="1" x14ac:dyDescent="0.15">
      <c r="A27" s="3"/>
      <c r="B27" s="3" t="s">
        <v>2149</v>
      </c>
      <c r="C27" s="12">
        <v>390</v>
      </c>
      <c r="D27" s="12">
        <v>700</v>
      </c>
      <c r="E27" s="12">
        <v>374</v>
      </c>
      <c r="F27" s="12">
        <v>326</v>
      </c>
      <c r="G27" s="12">
        <v>73</v>
      </c>
      <c r="H27" s="12">
        <v>29</v>
      </c>
      <c r="I27" s="12">
        <v>113</v>
      </c>
      <c r="J27" s="12">
        <v>126</v>
      </c>
      <c r="K27" s="12">
        <v>91</v>
      </c>
      <c r="L27" s="12">
        <v>91</v>
      </c>
      <c r="M27" s="12">
        <v>65</v>
      </c>
      <c r="N27" s="12">
        <v>112</v>
      </c>
      <c r="O27" s="12">
        <v>0</v>
      </c>
      <c r="P27" s="12">
        <v>87</v>
      </c>
      <c r="Q27" s="12">
        <v>475</v>
      </c>
      <c r="R27" s="12">
        <v>138</v>
      </c>
    </row>
    <row r="28" spans="1:18" s="4" customFormat="1" x14ac:dyDescent="0.15">
      <c r="A28" s="3"/>
      <c r="B28" s="3" t="s">
        <v>2150</v>
      </c>
      <c r="C28" s="12">
        <v>209</v>
      </c>
      <c r="D28" s="12">
        <v>356</v>
      </c>
      <c r="E28" s="12">
        <v>210</v>
      </c>
      <c r="F28" s="12">
        <v>146</v>
      </c>
      <c r="G28" s="12">
        <v>35</v>
      </c>
      <c r="H28" s="12">
        <v>15</v>
      </c>
      <c r="I28" s="12">
        <v>64</v>
      </c>
      <c r="J28" s="12">
        <v>61</v>
      </c>
      <c r="K28" s="12">
        <v>50</v>
      </c>
      <c r="L28" s="12">
        <v>45</v>
      </c>
      <c r="M28" s="12">
        <v>41</v>
      </c>
      <c r="N28" s="12">
        <v>45</v>
      </c>
      <c r="O28" s="12">
        <v>0</v>
      </c>
      <c r="P28" s="12">
        <v>41</v>
      </c>
      <c r="Q28" s="12">
        <v>251</v>
      </c>
      <c r="R28" s="12">
        <v>64</v>
      </c>
    </row>
    <row r="29" spans="1:18" s="4" customFormat="1" x14ac:dyDescent="0.15">
      <c r="A29" s="3"/>
      <c r="B29" s="3" t="s">
        <v>2151</v>
      </c>
      <c r="C29" s="12">
        <v>897</v>
      </c>
      <c r="D29" s="12">
        <v>1683</v>
      </c>
      <c r="E29" s="12">
        <v>835</v>
      </c>
      <c r="F29" s="12">
        <v>848</v>
      </c>
      <c r="G29" s="12">
        <v>162</v>
      </c>
      <c r="H29" s="12">
        <v>109</v>
      </c>
      <c r="I29" s="12">
        <v>222</v>
      </c>
      <c r="J29" s="12">
        <v>244</v>
      </c>
      <c r="K29" s="12">
        <v>286</v>
      </c>
      <c r="L29" s="12">
        <v>258</v>
      </c>
      <c r="M29" s="12">
        <v>178</v>
      </c>
      <c r="N29" s="12">
        <v>224</v>
      </c>
      <c r="O29" s="12">
        <v>0</v>
      </c>
      <c r="P29" s="12">
        <v>220</v>
      </c>
      <c r="Q29" s="12">
        <v>1152</v>
      </c>
      <c r="R29" s="12">
        <v>311</v>
      </c>
    </row>
    <row r="30" spans="1:18" s="4" customFormat="1" x14ac:dyDescent="0.15">
      <c r="A30" s="3"/>
      <c r="B30" s="3" t="s">
        <v>2152</v>
      </c>
      <c r="C30" s="12">
        <v>728</v>
      </c>
      <c r="D30" s="12">
        <v>1403</v>
      </c>
      <c r="E30" s="12">
        <v>725</v>
      </c>
      <c r="F30" s="12">
        <v>678</v>
      </c>
      <c r="G30" s="12">
        <v>97</v>
      </c>
      <c r="H30" s="12">
        <v>103</v>
      </c>
      <c r="I30" s="12">
        <v>173</v>
      </c>
      <c r="J30" s="12">
        <v>150</v>
      </c>
      <c r="K30" s="12">
        <v>223</v>
      </c>
      <c r="L30" s="12">
        <v>224</v>
      </c>
      <c r="M30" s="12">
        <v>171</v>
      </c>
      <c r="N30" s="12">
        <v>262</v>
      </c>
      <c r="O30" s="12">
        <v>0</v>
      </c>
      <c r="P30" s="12">
        <v>150</v>
      </c>
      <c r="Q30" s="12">
        <v>920</v>
      </c>
      <c r="R30" s="12">
        <v>333</v>
      </c>
    </row>
    <row r="31" spans="1:18" s="4" customFormat="1" x14ac:dyDescent="0.15">
      <c r="A31" s="3"/>
      <c r="B31" s="3" t="s">
        <v>2153</v>
      </c>
      <c r="C31" s="12">
        <v>524</v>
      </c>
      <c r="D31" s="12">
        <v>1225</v>
      </c>
      <c r="E31" s="12">
        <v>585</v>
      </c>
      <c r="F31" s="12">
        <v>640</v>
      </c>
      <c r="G31" s="12">
        <v>78</v>
      </c>
      <c r="H31" s="12">
        <v>157</v>
      </c>
      <c r="I31" s="12">
        <v>121</v>
      </c>
      <c r="J31" s="12">
        <v>80</v>
      </c>
      <c r="K31" s="12">
        <v>183</v>
      </c>
      <c r="L31" s="12">
        <v>244</v>
      </c>
      <c r="M31" s="12">
        <v>126</v>
      </c>
      <c r="N31" s="12">
        <v>236</v>
      </c>
      <c r="O31" s="12">
        <v>0</v>
      </c>
      <c r="P31" s="12">
        <v>157</v>
      </c>
      <c r="Q31" s="12">
        <v>768</v>
      </c>
      <c r="R31" s="12">
        <v>300</v>
      </c>
    </row>
    <row r="32" spans="1:18" s="4" customFormat="1" x14ac:dyDescent="0.15">
      <c r="A32" s="3"/>
      <c r="B32" s="3" t="s">
        <v>2154</v>
      </c>
      <c r="C32" s="12">
        <v>552</v>
      </c>
      <c r="D32" s="12">
        <v>728</v>
      </c>
      <c r="E32" s="12">
        <v>417</v>
      </c>
      <c r="F32" s="12">
        <v>311</v>
      </c>
      <c r="G32" s="12">
        <v>45</v>
      </c>
      <c r="H32" s="12">
        <v>58</v>
      </c>
      <c r="I32" s="12">
        <v>32</v>
      </c>
      <c r="J32" s="12">
        <v>49</v>
      </c>
      <c r="K32" s="12">
        <v>60</v>
      </c>
      <c r="L32" s="12">
        <v>100</v>
      </c>
      <c r="M32" s="12">
        <v>114</v>
      </c>
      <c r="N32" s="12">
        <v>270</v>
      </c>
      <c r="O32" s="12">
        <v>0</v>
      </c>
      <c r="P32" s="12">
        <v>77</v>
      </c>
      <c r="Q32" s="12">
        <v>323</v>
      </c>
      <c r="R32" s="12">
        <v>328</v>
      </c>
    </row>
    <row r="33" spans="1:18" s="4" customFormat="1" x14ac:dyDescent="0.15">
      <c r="A33" s="3"/>
      <c r="B33" s="3" t="s">
        <v>2155</v>
      </c>
      <c r="C33" s="12">
        <v>359</v>
      </c>
      <c r="D33" s="12">
        <v>720</v>
      </c>
      <c r="E33" s="12">
        <v>376</v>
      </c>
      <c r="F33" s="12">
        <v>344</v>
      </c>
      <c r="G33" s="12">
        <v>67</v>
      </c>
      <c r="H33" s="12">
        <v>58</v>
      </c>
      <c r="I33" s="12">
        <v>75</v>
      </c>
      <c r="J33" s="12">
        <v>117</v>
      </c>
      <c r="K33" s="12">
        <v>85</v>
      </c>
      <c r="L33" s="12">
        <v>108</v>
      </c>
      <c r="M33" s="12">
        <v>90</v>
      </c>
      <c r="N33" s="12">
        <v>120</v>
      </c>
      <c r="O33" s="12">
        <v>0</v>
      </c>
      <c r="P33" s="12">
        <v>91</v>
      </c>
      <c r="Q33" s="12">
        <v>470</v>
      </c>
      <c r="R33" s="12">
        <v>159</v>
      </c>
    </row>
    <row r="34" spans="1:18" s="4" customFormat="1" x14ac:dyDescent="0.15">
      <c r="A34" s="3"/>
      <c r="B34" s="3" t="s">
        <v>2156</v>
      </c>
      <c r="C34" s="12">
        <v>560</v>
      </c>
      <c r="D34" s="12">
        <v>1134</v>
      </c>
      <c r="E34" s="12">
        <v>592</v>
      </c>
      <c r="F34" s="12">
        <v>542</v>
      </c>
      <c r="G34" s="12">
        <v>107</v>
      </c>
      <c r="H34" s="12">
        <v>98</v>
      </c>
      <c r="I34" s="12">
        <v>115</v>
      </c>
      <c r="J34" s="12">
        <v>124</v>
      </c>
      <c r="K34" s="12">
        <v>200</v>
      </c>
      <c r="L34" s="12">
        <v>147</v>
      </c>
      <c r="M34" s="12">
        <v>115</v>
      </c>
      <c r="N34" s="12">
        <v>228</v>
      </c>
      <c r="O34" s="12">
        <v>0</v>
      </c>
      <c r="P34" s="12">
        <v>152</v>
      </c>
      <c r="Q34" s="12">
        <v>691</v>
      </c>
      <c r="R34" s="12">
        <v>291</v>
      </c>
    </row>
    <row r="35" spans="1:18" s="4" customFormat="1" x14ac:dyDescent="0.15">
      <c r="A35" s="3"/>
      <c r="B35" s="3" t="s">
        <v>2157</v>
      </c>
      <c r="C35" s="12">
        <v>541</v>
      </c>
      <c r="D35" s="12">
        <v>1171</v>
      </c>
      <c r="E35" s="12">
        <v>558</v>
      </c>
      <c r="F35" s="12">
        <v>613</v>
      </c>
      <c r="G35" s="12">
        <v>118</v>
      </c>
      <c r="H35" s="12">
        <v>87</v>
      </c>
      <c r="I35" s="12">
        <v>94</v>
      </c>
      <c r="J35" s="12">
        <v>138</v>
      </c>
      <c r="K35" s="12">
        <v>171</v>
      </c>
      <c r="L35" s="12">
        <v>140</v>
      </c>
      <c r="M35" s="12">
        <v>128</v>
      </c>
      <c r="N35" s="12">
        <v>295</v>
      </c>
      <c r="O35" s="12">
        <v>0</v>
      </c>
      <c r="P35" s="12">
        <v>161</v>
      </c>
      <c r="Q35" s="12">
        <v>654</v>
      </c>
      <c r="R35" s="12">
        <v>356</v>
      </c>
    </row>
    <row r="36" spans="1:18" s="4" customFormat="1" x14ac:dyDescent="0.15">
      <c r="A36" s="3"/>
      <c r="B36" s="3" t="s">
        <v>2158</v>
      </c>
      <c r="C36" s="12">
        <v>257</v>
      </c>
      <c r="D36" s="12">
        <v>635</v>
      </c>
      <c r="E36" s="12">
        <v>305</v>
      </c>
      <c r="F36" s="12">
        <v>330</v>
      </c>
      <c r="G36" s="12">
        <v>66</v>
      </c>
      <c r="H36" s="12">
        <v>78</v>
      </c>
      <c r="I36" s="12">
        <v>57</v>
      </c>
      <c r="J36" s="12">
        <v>84</v>
      </c>
      <c r="K36" s="12">
        <v>92</v>
      </c>
      <c r="L36" s="12">
        <v>114</v>
      </c>
      <c r="M36" s="12">
        <v>58</v>
      </c>
      <c r="N36" s="12">
        <v>86</v>
      </c>
      <c r="O36" s="12">
        <v>0</v>
      </c>
      <c r="P36" s="12">
        <v>105</v>
      </c>
      <c r="Q36" s="12">
        <v>422</v>
      </c>
      <c r="R36" s="12">
        <v>108</v>
      </c>
    </row>
    <row r="37" spans="1:18" s="4" customFormat="1" x14ac:dyDescent="0.15">
      <c r="A37" s="3"/>
      <c r="B37" s="3" t="s">
        <v>2159</v>
      </c>
      <c r="C37" s="12">
        <v>597</v>
      </c>
      <c r="D37" s="12">
        <v>1486</v>
      </c>
      <c r="E37" s="12">
        <v>749</v>
      </c>
      <c r="F37" s="12">
        <v>737</v>
      </c>
      <c r="G37" s="12">
        <v>137</v>
      </c>
      <c r="H37" s="12">
        <v>205</v>
      </c>
      <c r="I37" s="12">
        <v>125</v>
      </c>
      <c r="J37" s="12">
        <v>147</v>
      </c>
      <c r="K37" s="12">
        <v>245</v>
      </c>
      <c r="L37" s="12">
        <v>227</v>
      </c>
      <c r="M37" s="12">
        <v>182</v>
      </c>
      <c r="N37" s="12">
        <v>218</v>
      </c>
      <c r="O37" s="12">
        <v>0</v>
      </c>
      <c r="P37" s="12">
        <v>247</v>
      </c>
      <c r="Q37" s="12">
        <v>938</v>
      </c>
      <c r="R37" s="12">
        <v>301</v>
      </c>
    </row>
    <row r="38" spans="1:18" s="4" customFormat="1" x14ac:dyDescent="0.15">
      <c r="A38" s="3"/>
      <c r="B38" s="3" t="s">
        <v>2160</v>
      </c>
      <c r="C38" s="12">
        <v>362</v>
      </c>
      <c r="D38" s="12">
        <v>915</v>
      </c>
      <c r="E38" s="12">
        <v>444</v>
      </c>
      <c r="F38" s="12">
        <v>471</v>
      </c>
      <c r="G38" s="12">
        <v>115</v>
      </c>
      <c r="H38" s="12">
        <v>87</v>
      </c>
      <c r="I38" s="12">
        <v>78</v>
      </c>
      <c r="J38" s="12">
        <v>131</v>
      </c>
      <c r="K38" s="12">
        <v>110</v>
      </c>
      <c r="L38" s="12">
        <v>130</v>
      </c>
      <c r="M38" s="12">
        <v>103</v>
      </c>
      <c r="N38" s="12">
        <v>161</v>
      </c>
      <c r="O38" s="12">
        <v>0</v>
      </c>
      <c r="P38" s="12">
        <v>159</v>
      </c>
      <c r="Q38" s="12">
        <v>552</v>
      </c>
      <c r="R38" s="12">
        <v>204</v>
      </c>
    </row>
    <row r="39" spans="1:18" s="4" customFormat="1" x14ac:dyDescent="0.15">
      <c r="A39" s="3"/>
      <c r="B39" s="3" t="s">
        <v>2161</v>
      </c>
      <c r="C39" s="12">
        <v>381</v>
      </c>
      <c r="D39" s="12">
        <v>922</v>
      </c>
      <c r="E39" s="12">
        <v>457</v>
      </c>
      <c r="F39" s="12">
        <v>465</v>
      </c>
      <c r="G39" s="12">
        <v>130</v>
      </c>
      <c r="H39" s="12">
        <v>87</v>
      </c>
      <c r="I39" s="12">
        <v>107</v>
      </c>
      <c r="J39" s="12">
        <v>170</v>
      </c>
      <c r="K39" s="12">
        <v>128</v>
      </c>
      <c r="L39" s="12">
        <v>131</v>
      </c>
      <c r="M39" s="12">
        <v>81</v>
      </c>
      <c r="N39" s="12">
        <v>88</v>
      </c>
      <c r="O39" s="12">
        <v>0</v>
      </c>
      <c r="P39" s="12">
        <v>171</v>
      </c>
      <c r="Q39" s="12">
        <v>628</v>
      </c>
      <c r="R39" s="12">
        <v>123</v>
      </c>
    </row>
    <row r="40" spans="1:18" s="4" customFormat="1" x14ac:dyDescent="0.15">
      <c r="A40" s="3"/>
      <c r="B40" s="3" t="s">
        <v>2162</v>
      </c>
      <c r="C40" s="12">
        <v>683</v>
      </c>
      <c r="D40" s="12">
        <v>1736</v>
      </c>
      <c r="E40" s="12">
        <v>832</v>
      </c>
      <c r="F40" s="12">
        <v>904</v>
      </c>
      <c r="G40" s="12">
        <v>169</v>
      </c>
      <c r="H40" s="12">
        <v>211</v>
      </c>
      <c r="I40" s="12">
        <v>215</v>
      </c>
      <c r="J40" s="12">
        <v>201</v>
      </c>
      <c r="K40" s="12">
        <v>252</v>
      </c>
      <c r="L40" s="12">
        <v>309</v>
      </c>
      <c r="M40" s="12">
        <v>182</v>
      </c>
      <c r="N40" s="12">
        <v>197</v>
      </c>
      <c r="O40" s="12">
        <v>0</v>
      </c>
      <c r="P40" s="12">
        <v>274</v>
      </c>
      <c r="Q40" s="12">
        <v>1185</v>
      </c>
      <c r="R40" s="12">
        <v>277</v>
      </c>
    </row>
    <row r="41" spans="1:18" s="4" customFormat="1" x14ac:dyDescent="0.15">
      <c r="A41" s="3"/>
      <c r="B41" s="3" t="s">
        <v>2163</v>
      </c>
      <c r="C41" s="12">
        <v>500</v>
      </c>
      <c r="D41" s="12">
        <v>828</v>
      </c>
      <c r="E41" s="12">
        <v>433</v>
      </c>
      <c r="F41" s="12">
        <v>395</v>
      </c>
      <c r="G41" s="12">
        <v>63</v>
      </c>
      <c r="H41" s="12">
        <v>56</v>
      </c>
      <c r="I41" s="12">
        <v>64</v>
      </c>
      <c r="J41" s="12">
        <v>103</v>
      </c>
      <c r="K41" s="12">
        <v>115</v>
      </c>
      <c r="L41" s="12">
        <v>97</v>
      </c>
      <c r="M41" s="12">
        <v>53</v>
      </c>
      <c r="N41" s="12">
        <v>277</v>
      </c>
      <c r="O41" s="12">
        <v>0</v>
      </c>
      <c r="P41" s="12">
        <v>89</v>
      </c>
      <c r="Q41" s="12">
        <v>441</v>
      </c>
      <c r="R41" s="12">
        <v>298</v>
      </c>
    </row>
    <row r="42" spans="1:18" s="4" customFormat="1" x14ac:dyDescent="0.15">
      <c r="A42" s="3"/>
      <c r="B42" s="3" t="s">
        <v>2164</v>
      </c>
      <c r="C42" s="12">
        <v>356</v>
      </c>
      <c r="D42" s="12">
        <v>839</v>
      </c>
      <c r="E42" s="12">
        <v>444</v>
      </c>
      <c r="F42" s="12">
        <v>395</v>
      </c>
      <c r="G42" s="12">
        <v>77</v>
      </c>
      <c r="H42" s="12">
        <v>94</v>
      </c>
      <c r="I42" s="12">
        <v>87</v>
      </c>
      <c r="J42" s="12">
        <v>111</v>
      </c>
      <c r="K42" s="12">
        <v>140</v>
      </c>
      <c r="L42" s="12">
        <v>137</v>
      </c>
      <c r="M42" s="12">
        <v>105</v>
      </c>
      <c r="N42" s="12">
        <v>88</v>
      </c>
      <c r="O42" s="12">
        <v>0</v>
      </c>
      <c r="P42" s="12">
        <v>119</v>
      </c>
      <c r="Q42" s="12">
        <v>590</v>
      </c>
      <c r="R42" s="12">
        <v>130</v>
      </c>
    </row>
    <row r="43" spans="1:18" s="4" customFormat="1" x14ac:dyDescent="0.15">
      <c r="A43" s="3"/>
      <c r="B43" s="3" t="s">
        <v>2165</v>
      </c>
      <c r="C43" s="12">
        <v>467</v>
      </c>
      <c r="D43" s="12">
        <v>1178</v>
      </c>
      <c r="E43" s="12">
        <v>592</v>
      </c>
      <c r="F43" s="12">
        <v>586</v>
      </c>
      <c r="G43" s="12">
        <v>145</v>
      </c>
      <c r="H43" s="12">
        <v>143</v>
      </c>
      <c r="I43" s="12">
        <v>147</v>
      </c>
      <c r="J43" s="12">
        <v>169</v>
      </c>
      <c r="K43" s="12">
        <v>191</v>
      </c>
      <c r="L43" s="12">
        <v>205</v>
      </c>
      <c r="M43" s="12">
        <v>103</v>
      </c>
      <c r="N43" s="12">
        <v>75</v>
      </c>
      <c r="O43" s="12">
        <v>0</v>
      </c>
      <c r="P43" s="12">
        <v>199</v>
      </c>
      <c r="Q43" s="12">
        <v>872</v>
      </c>
      <c r="R43" s="12">
        <v>107</v>
      </c>
    </row>
    <row r="44" spans="1:18" s="4" customFormat="1" x14ac:dyDescent="0.15">
      <c r="A44" s="3"/>
      <c r="B44" s="3" t="s">
        <v>2166</v>
      </c>
      <c r="C44" s="12">
        <v>762</v>
      </c>
      <c r="D44" s="12">
        <v>2165</v>
      </c>
      <c r="E44" s="12">
        <v>1070</v>
      </c>
      <c r="F44" s="12">
        <v>1095</v>
      </c>
      <c r="G44" s="12">
        <v>248</v>
      </c>
      <c r="H44" s="12">
        <v>408</v>
      </c>
      <c r="I44" s="12">
        <v>207</v>
      </c>
      <c r="J44" s="12">
        <v>248</v>
      </c>
      <c r="K44" s="12">
        <v>475</v>
      </c>
      <c r="L44" s="12">
        <v>373</v>
      </c>
      <c r="M44" s="12">
        <v>117</v>
      </c>
      <c r="N44" s="12">
        <v>89</v>
      </c>
      <c r="O44" s="12">
        <v>0</v>
      </c>
      <c r="P44" s="12">
        <v>455</v>
      </c>
      <c r="Q44" s="12">
        <v>1581</v>
      </c>
      <c r="R44" s="12">
        <v>129</v>
      </c>
    </row>
    <row r="45" spans="1:18" s="4" customFormat="1" x14ac:dyDescent="0.15">
      <c r="A45" s="3"/>
      <c r="B45" s="3" t="s">
        <v>2167</v>
      </c>
      <c r="C45" s="12">
        <v>123</v>
      </c>
      <c r="D45" s="12">
        <v>254</v>
      </c>
      <c r="E45" s="12">
        <v>129</v>
      </c>
      <c r="F45" s="12">
        <v>125</v>
      </c>
      <c r="G45" s="12">
        <v>22</v>
      </c>
      <c r="H45" s="12">
        <v>15</v>
      </c>
      <c r="I45" s="12">
        <v>37</v>
      </c>
      <c r="J45" s="12">
        <v>29</v>
      </c>
      <c r="K45" s="12">
        <v>34</v>
      </c>
      <c r="L45" s="12">
        <v>43</v>
      </c>
      <c r="M45" s="12">
        <v>30</v>
      </c>
      <c r="N45" s="12">
        <v>44</v>
      </c>
      <c r="O45" s="12">
        <v>0</v>
      </c>
      <c r="P45" s="12">
        <v>27</v>
      </c>
      <c r="Q45" s="12">
        <v>174</v>
      </c>
      <c r="R45" s="12">
        <v>53</v>
      </c>
    </row>
    <row r="46" spans="1:18" s="4" customFormat="1" x14ac:dyDescent="0.15">
      <c r="A46" s="3"/>
      <c r="B46" s="3" t="s">
        <v>2168</v>
      </c>
      <c r="C46" s="12">
        <v>438</v>
      </c>
      <c r="D46" s="12">
        <v>1011</v>
      </c>
      <c r="E46" s="12">
        <v>518</v>
      </c>
      <c r="F46" s="12">
        <v>493</v>
      </c>
      <c r="G46" s="12">
        <v>97</v>
      </c>
      <c r="H46" s="12">
        <v>125</v>
      </c>
      <c r="I46" s="12">
        <v>142</v>
      </c>
      <c r="J46" s="12">
        <v>130</v>
      </c>
      <c r="K46" s="12">
        <v>157</v>
      </c>
      <c r="L46" s="12">
        <v>188</v>
      </c>
      <c r="M46" s="12">
        <v>92</v>
      </c>
      <c r="N46" s="12">
        <v>80</v>
      </c>
      <c r="O46" s="12">
        <v>0</v>
      </c>
      <c r="P46" s="12">
        <v>160</v>
      </c>
      <c r="Q46" s="12">
        <v>738</v>
      </c>
      <c r="R46" s="12">
        <v>113</v>
      </c>
    </row>
    <row r="47" spans="1:18" s="4" customFormat="1" x14ac:dyDescent="0.15">
      <c r="A47" s="3"/>
      <c r="B47" s="3" t="s">
        <v>2169</v>
      </c>
      <c r="C47" s="12">
        <v>378</v>
      </c>
      <c r="D47" s="12">
        <v>801</v>
      </c>
      <c r="E47" s="12">
        <v>389</v>
      </c>
      <c r="F47" s="12">
        <v>412</v>
      </c>
      <c r="G47" s="12">
        <v>101</v>
      </c>
      <c r="H47" s="12">
        <v>60</v>
      </c>
      <c r="I47" s="12">
        <v>85</v>
      </c>
      <c r="J47" s="12">
        <v>159</v>
      </c>
      <c r="K47" s="12">
        <v>122</v>
      </c>
      <c r="L47" s="12">
        <v>109</v>
      </c>
      <c r="M47" s="12">
        <v>86</v>
      </c>
      <c r="N47" s="12">
        <v>79</v>
      </c>
      <c r="O47" s="12">
        <v>0</v>
      </c>
      <c r="P47" s="12">
        <v>135</v>
      </c>
      <c r="Q47" s="12">
        <v>554</v>
      </c>
      <c r="R47" s="12">
        <v>112</v>
      </c>
    </row>
    <row r="48" spans="1:18" s="4" customFormat="1" x14ac:dyDescent="0.15">
      <c r="A48" s="3"/>
      <c r="B48" s="3" t="s">
        <v>2170</v>
      </c>
      <c r="C48" s="12">
        <v>405</v>
      </c>
      <c r="D48" s="12">
        <v>982</v>
      </c>
      <c r="E48" s="12">
        <v>495</v>
      </c>
      <c r="F48" s="12">
        <v>487</v>
      </c>
      <c r="G48" s="12">
        <v>103</v>
      </c>
      <c r="H48" s="12">
        <v>108</v>
      </c>
      <c r="I48" s="12">
        <v>85</v>
      </c>
      <c r="J48" s="12">
        <v>111</v>
      </c>
      <c r="K48" s="12">
        <v>149</v>
      </c>
      <c r="L48" s="12">
        <v>135</v>
      </c>
      <c r="M48" s="12">
        <v>112</v>
      </c>
      <c r="N48" s="12">
        <v>179</v>
      </c>
      <c r="O48" s="12">
        <v>0</v>
      </c>
      <c r="P48" s="12">
        <v>160</v>
      </c>
      <c r="Q48" s="12">
        <v>594</v>
      </c>
      <c r="R48" s="12">
        <v>228</v>
      </c>
    </row>
    <row r="49" spans="1:18" s="4" customFormat="1" x14ac:dyDescent="0.15">
      <c r="A49" s="3"/>
      <c r="B49" s="3" t="s">
        <v>2171</v>
      </c>
      <c r="C49" s="12">
        <v>234</v>
      </c>
      <c r="D49" s="12">
        <v>475</v>
      </c>
      <c r="E49" s="12">
        <v>238</v>
      </c>
      <c r="F49" s="12">
        <v>237</v>
      </c>
      <c r="G49" s="12">
        <v>42</v>
      </c>
      <c r="H49" s="12">
        <v>44</v>
      </c>
      <c r="I49" s="12">
        <v>65</v>
      </c>
      <c r="J49" s="12">
        <v>58</v>
      </c>
      <c r="K49" s="12">
        <v>68</v>
      </c>
      <c r="L49" s="12">
        <v>69</v>
      </c>
      <c r="M49" s="12">
        <v>44</v>
      </c>
      <c r="N49" s="12">
        <v>85</v>
      </c>
      <c r="O49" s="12">
        <v>0</v>
      </c>
      <c r="P49" s="12">
        <v>64</v>
      </c>
      <c r="Q49" s="12">
        <v>312</v>
      </c>
      <c r="R49" s="12">
        <v>99</v>
      </c>
    </row>
    <row r="50" spans="1:18" s="4" customFormat="1" x14ac:dyDescent="0.15">
      <c r="A50" s="3"/>
      <c r="B50" s="3" t="s">
        <v>2172</v>
      </c>
      <c r="C50" s="12">
        <v>621</v>
      </c>
      <c r="D50" s="12">
        <v>977</v>
      </c>
      <c r="E50" s="12">
        <v>471</v>
      </c>
      <c r="F50" s="12">
        <v>506</v>
      </c>
      <c r="G50" s="12">
        <v>55</v>
      </c>
      <c r="H50" s="12">
        <v>70</v>
      </c>
      <c r="I50" s="12">
        <v>116</v>
      </c>
      <c r="J50" s="12">
        <v>125</v>
      </c>
      <c r="K50" s="12">
        <v>107</v>
      </c>
      <c r="L50" s="12">
        <v>98</v>
      </c>
      <c r="M50" s="12">
        <v>82</v>
      </c>
      <c r="N50" s="12">
        <v>324</v>
      </c>
      <c r="O50" s="12">
        <v>0</v>
      </c>
      <c r="P50" s="12">
        <v>89</v>
      </c>
      <c r="Q50" s="12">
        <v>517</v>
      </c>
      <c r="R50" s="12">
        <v>371</v>
      </c>
    </row>
    <row r="51" spans="1:18" s="4" customFormat="1" x14ac:dyDescent="0.15">
      <c r="A51" s="3"/>
      <c r="B51" s="3" t="s">
        <v>2173</v>
      </c>
      <c r="C51" s="12">
        <v>1254</v>
      </c>
      <c r="D51" s="12">
        <v>2195</v>
      </c>
      <c r="E51" s="12">
        <v>987</v>
      </c>
      <c r="F51" s="12">
        <v>1208</v>
      </c>
      <c r="G51" s="12">
        <v>121</v>
      </c>
      <c r="H51" s="12">
        <v>101</v>
      </c>
      <c r="I51" s="12">
        <v>120</v>
      </c>
      <c r="J51" s="12">
        <v>158</v>
      </c>
      <c r="K51" s="12">
        <v>241</v>
      </c>
      <c r="L51" s="12">
        <v>291</v>
      </c>
      <c r="M51" s="12">
        <v>254</v>
      </c>
      <c r="N51" s="12">
        <v>909</v>
      </c>
      <c r="O51" s="12">
        <v>0</v>
      </c>
      <c r="P51" s="12">
        <v>172</v>
      </c>
      <c r="Q51" s="12">
        <v>976</v>
      </c>
      <c r="R51" s="12">
        <v>1047</v>
      </c>
    </row>
    <row r="52" spans="1:18" s="4" customFormat="1" x14ac:dyDescent="0.15">
      <c r="A52" s="3"/>
      <c r="B52" s="3" t="s">
        <v>2174</v>
      </c>
      <c r="C52" s="12">
        <v>350</v>
      </c>
      <c r="D52" s="12">
        <v>747</v>
      </c>
      <c r="E52" s="12">
        <v>377</v>
      </c>
      <c r="F52" s="12">
        <v>370</v>
      </c>
      <c r="G52" s="12">
        <v>57</v>
      </c>
      <c r="H52" s="12">
        <v>61</v>
      </c>
      <c r="I52" s="12">
        <v>64</v>
      </c>
      <c r="J52" s="12">
        <v>77</v>
      </c>
      <c r="K52" s="12">
        <v>109</v>
      </c>
      <c r="L52" s="12">
        <v>110</v>
      </c>
      <c r="M52" s="12">
        <v>101</v>
      </c>
      <c r="N52" s="12">
        <v>168</v>
      </c>
      <c r="O52" s="12">
        <v>0</v>
      </c>
      <c r="P52" s="12">
        <v>87</v>
      </c>
      <c r="Q52" s="12">
        <v>438</v>
      </c>
      <c r="R52" s="12">
        <v>222</v>
      </c>
    </row>
    <row r="53" spans="1:18" s="4" customFormat="1" x14ac:dyDescent="0.15">
      <c r="A53" s="3"/>
      <c r="B53" s="3" t="s">
        <v>2175</v>
      </c>
      <c r="C53" s="12">
        <v>410</v>
      </c>
      <c r="D53" s="12">
        <v>978</v>
      </c>
      <c r="E53" s="12">
        <v>503</v>
      </c>
      <c r="F53" s="12">
        <v>475</v>
      </c>
      <c r="G53" s="12">
        <v>138</v>
      </c>
      <c r="H53" s="12">
        <v>83</v>
      </c>
      <c r="I53" s="12">
        <v>119</v>
      </c>
      <c r="J53" s="12">
        <v>168</v>
      </c>
      <c r="K53" s="12">
        <v>150</v>
      </c>
      <c r="L53" s="12">
        <v>109</v>
      </c>
      <c r="M53" s="12">
        <v>87</v>
      </c>
      <c r="N53" s="12">
        <v>124</v>
      </c>
      <c r="O53" s="12">
        <v>0</v>
      </c>
      <c r="P53" s="12">
        <v>180</v>
      </c>
      <c r="Q53" s="12">
        <v>630</v>
      </c>
      <c r="R53" s="12">
        <v>168</v>
      </c>
    </row>
    <row r="54" spans="1:18" s="4" customFormat="1" x14ac:dyDescent="0.15">
      <c r="A54" s="3"/>
      <c r="B54" s="3" t="s">
        <v>2176</v>
      </c>
      <c r="C54" s="12">
        <v>658</v>
      </c>
      <c r="D54" s="12">
        <v>1599</v>
      </c>
      <c r="E54" s="12">
        <v>751</v>
      </c>
      <c r="F54" s="12">
        <v>848</v>
      </c>
      <c r="G54" s="12">
        <v>134</v>
      </c>
      <c r="H54" s="12">
        <v>179</v>
      </c>
      <c r="I54" s="12">
        <v>129</v>
      </c>
      <c r="J54" s="12">
        <v>127</v>
      </c>
      <c r="K54" s="12">
        <v>262</v>
      </c>
      <c r="L54" s="12">
        <v>282</v>
      </c>
      <c r="M54" s="12">
        <v>183</v>
      </c>
      <c r="N54" s="12">
        <v>303</v>
      </c>
      <c r="O54" s="12">
        <v>0</v>
      </c>
      <c r="P54" s="12">
        <v>224</v>
      </c>
      <c r="Q54" s="12">
        <v>1004</v>
      </c>
      <c r="R54" s="12">
        <v>371</v>
      </c>
    </row>
    <row r="55" spans="1:18" s="4" customFormat="1" x14ac:dyDescent="0.15">
      <c r="A55" s="3"/>
      <c r="B55" s="3" t="s">
        <v>2177</v>
      </c>
      <c r="C55" s="12">
        <v>593</v>
      </c>
      <c r="D55" s="12">
        <v>1295</v>
      </c>
      <c r="E55" s="12">
        <v>601</v>
      </c>
      <c r="F55" s="12">
        <v>694</v>
      </c>
      <c r="G55" s="12">
        <v>67</v>
      </c>
      <c r="H55" s="12">
        <v>112</v>
      </c>
      <c r="I55" s="12">
        <v>106</v>
      </c>
      <c r="J55" s="12">
        <v>92</v>
      </c>
      <c r="K55" s="12">
        <v>180</v>
      </c>
      <c r="L55" s="12">
        <v>226</v>
      </c>
      <c r="M55" s="12">
        <v>174</v>
      </c>
      <c r="N55" s="12">
        <v>338</v>
      </c>
      <c r="O55" s="12">
        <v>0</v>
      </c>
      <c r="P55" s="12">
        <v>115</v>
      </c>
      <c r="Q55" s="12">
        <v>756</v>
      </c>
      <c r="R55" s="12">
        <v>424</v>
      </c>
    </row>
    <row r="56" spans="1:18" s="4" customFormat="1" x14ac:dyDescent="0.15">
      <c r="A56" s="3"/>
      <c r="B56" s="3" t="s">
        <v>2178</v>
      </c>
      <c r="C56" s="12">
        <v>943</v>
      </c>
      <c r="D56" s="12">
        <v>2250</v>
      </c>
      <c r="E56" s="12">
        <v>1120</v>
      </c>
      <c r="F56" s="12">
        <v>1130</v>
      </c>
      <c r="G56" s="12">
        <v>183</v>
      </c>
      <c r="H56" s="12">
        <v>272</v>
      </c>
      <c r="I56" s="12">
        <v>254</v>
      </c>
      <c r="J56" s="12">
        <v>194</v>
      </c>
      <c r="K56" s="12">
        <v>388</v>
      </c>
      <c r="L56" s="12">
        <v>355</v>
      </c>
      <c r="M56" s="12">
        <v>268</v>
      </c>
      <c r="N56" s="12">
        <v>336</v>
      </c>
      <c r="O56" s="12">
        <v>0</v>
      </c>
      <c r="P56" s="12">
        <v>324</v>
      </c>
      <c r="Q56" s="12">
        <v>1466</v>
      </c>
      <c r="R56" s="12">
        <v>460</v>
      </c>
    </row>
    <row r="57" spans="1:18" s="4" customFormat="1" x14ac:dyDescent="0.15">
      <c r="A57" s="3"/>
      <c r="B57" s="3" t="s">
        <v>2179</v>
      </c>
      <c r="C57" s="12">
        <v>958</v>
      </c>
      <c r="D57" s="12">
        <v>1731</v>
      </c>
      <c r="E57" s="12">
        <v>823</v>
      </c>
      <c r="F57" s="12">
        <v>908</v>
      </c>
      <c r="G57" s="12">
        <v>73</v>
      </c>
      <c r="H57" s="12">
        <v>124</v>
      </c>
      <c r="I57" s="12">
        <v>102</v>
      </c>
      <c r="J57" s="12">
        <v>119</v>
      </c>
      <c r="K57" s="12">
        <v>216</v>
      </c>
      <c r="L57" s="12">
        <v>206</v>
      </c>
      <c r="M57" s="12">
        <v>201</v>
      </c>
      <c r="N57" s="12">
        <v>690</v>
      </c>
      <c r="O57" s="12">
        <v>0</v>
      </c>
      <c r="P57" s="12">
        <v>132</v>
      </c>
      <c r="Q57" s="12">
        <v>810</v>
      </c>
      <c r="R57" s="12">
        <v>789</v>
      </c>
    </row>
    <row r="58" spans="1:18" s="4" customFormat="1" x14ac:dyDescent="0.15">
      <c r="A58" s="3"/>
      <c r="B58" s="3" t="s">
        <v>2180</v>
      </c>
      <c r="C58" s="12">
        <v>731</v>
      </c>
      <c r="D58" s="12">
        <v>1710</v>
      </c>
      <c r="E58" s="12">
        <v>848</v>
      </c>
      <c r="F58" s="12">
        <v>862</v>
      </c>
      <c r="G58" s="12">
        <v>156</v>
      </c>
      <c r="H58" s="12">
        <v>188</v>
      </c>
      <c r="I58" s="12">
        <v>187</v>
      </c>
      <c r="J58" s="12">
        <v>208</v>
      </c>
      <c r="K58" s="12">
        <v>279</v>
      </c>
      <c r="L58" s="12">
        <v>293</v>
      </c>
      <c r="M58" s="12">
        <v>201</v>
      </c>
      <c r="N58" s="12">
        <v>198</v>
      </c>
      <c r="O58" s="12">
        <v>0</v>
      </c>
      <c r="P58" s="12">
        <v>254</v>
      </c>
      <c r="Q58" s="12">
        <v>1168</v>
      </c>
      <c r="R58" s="12">
        <v>288</v>
      </c>
    </row>
    <row r="59" spans="1:18" s="4" customFormat="1" x14ac:dyDescent="0.15">
      <c r="A59" s="3"/>
      <c r="B59" s="3" t="s">
        <v>2181</v>
      </c>
      <c r="C59" s="12">
        <v>685</v>
      </c>
      <c r="D59" s="12">
        <v>1674</v>
      </c>
      <c r="E59" s="12">
        <v>856</v>
      </c>
      <c r="F59" s="12">
        <v>818</v>
      </c>
      <c r="G59" s="12">
        <v>169</v>
      </c>
      <c r="H59" s="12">
        <v>224</v>
      </c>
      <c r="I59" s="12">
        <v>211</v>
      </c>
      <c r="J59" s="12">
        <v>236</v>
      </c>
      <c r="K59" s="12">
        <v>293</v>
      </c>
      <c r="L59" s="12">
        <v>271</v>
      </c>
      <c r="M59" s="12">
        <v>136</v>
      </c>
      <c r="N59" s="12">
        <v>134</v>
      </c>
      <c r="O59" s="12">
        <v>0</v>
      </c>
      <c r="P59" s="12">
        <v>276</v>
      </c>
      <c r="Q59" s="12">
        <v>1205</v>
      </c>
      <c r="R59" s="12">
        <v>193</v>
      </c>
    </row>
    <row r="60" spans="1:18" s="4" customFormat="1" x14ac:dyDescent="0.15">
      <c r="A60" s="3"/>
      <c r="B60" s="3" t="s">
        <v>2182</v>
      </c>
      <c r="C60" s="12">
        <v>194</v>
      </c>
      <c r="D60" s="12">
        <v>411</v>
      </c>
      <c r="E60" s="12">
        <v>203</v>
      </c>
      <c r="F60" s="12">
        <v>208</v>
      </c>
      <c r="G60" s="12">
        <v>39</v>
      </c>
      <c r="H60" s="12">
        <v>43</v>
      </c>
      <c r="I60" s="12">
        <v>27</v>
      </c>
      <c r="J60" s="12">
        <v>47</v>
      </c>
      <c r="K60" s="12">
        <v>71</v>
      </c>
      <c r="L60" s="12">
        <v>56</v>
      </c>
      <c r="M60" s="12">
        <v>49</v>
      </c>
      <c r="N60" s="12">
        <v>79</v>
      </c>
      <c r="O60" s="12">
        <v>0</v>
      </c>
      <c r="P60" s="12">
        <v>60</v>
      </c>
      <c r="Q60" s="12">
        <v>240</v>
      </c>
      <c r="R60" s="12">
        <v>111</v>
      </c>
    </row>
    <row r="61" spans="1:18" s="4" customFormat="1" x14ac:dyDescent="0.15">
      <c r="A61" s="3"/>
      <c r="B61" s="3" t="s">
        <v>2183</v>
      </c>
      <c r="C61" s="12">
        <v>379</v>
      </c>
      <c r="D61" s="12">
        <v>800</v>
      </c>
      <c r="E61" s="12">
        <v>386</v>
      </c>
      <c r="F61" s="12">
        <v>414</v>
      </c>
      <c r="G61" s="12">
        <v>88</v>
      </c>
      <c r="H61" s="12">
        <v>75</v>
      </c>
      <c r="I61" s="12">
        <v>102</v>
      </c>
      <c r="J61" s="12">
        <v>102</v>
      </c>
      <c r="K61" s="12">
        <v>119</v>
      </c>
      <c r="L61" s="12">
        <v>88</v>
      </c>
      <c r="M61" s="12">
        <v>67</v>
      </c>
      <c r="N61" s="12">
        <v>159</v>
      </c>
      <c r="O61" s="12">
        <v>0</v>
      </c>
      <c r="P61" s="12">
        <v>131</v>
      </c>
      <c r="Q61" s="12">
        <v>479</v>
      </c>
      <c r="R61" s="12">
        <v>190</v>
      </c>
    </row>
    <row r="62" spans="1:18" s="4" customFormat="1" x14ac:dyDescent="0.15">
      <c r="A62" s="3"/>
      <c r="B62" s="3" t="s">
        <v>2184</v>
      </c>
      <c r="C62" s="12">
        <v>57</v>
      </c>
      <c r="D62" s="12">
        <v>133</v>
      </c>
      <c r="E62" s="12">
        <v>70</v>
      </c>
      <c r="F62" s="12">
        <v>63</v>
      </c>
      <c r="G62" s="12">
        <v>17</v>
      </c>
      <c r="H62" s="12">
        <v>8</v>
      </c>
      <c r="I62" s="12">
        <v>14</v>
      </c>
      <c r="J62" s="12">
        <v>12</v>
      </c>
      <c r="K62" s="12">
        <v>18</v>
      </c>
      <c r="L62" s="12">
        <v>10</v>
      </c>
      <c r="M62" s="12">
        <v>21</v>
      </c>
      <c r="N62" s="12">
        <v>33</v>
      </c>
      <c r="O62" s="12">
        <v>0</v>
      </c>
      <c r="P62" s="12">
        <v>24</v>
      </c>
      <c r="Q62" s="12">
        <v>68</v>
      </c>
      <c r="R62" s="12">
        <v>41</v>
      </c>
    </row>
    <row r="63" spans="1:18" s="4" customFormat="1" x14ac:dyDescent="0.15">
      <c r="A63" s="3"/>
      <c r="B63" s="3" t="s">
        <v>2185</v>
      </c>
      <c r="C63" s="12">
        <v>573</v>
      </c>
      <c r="D63" s="12">
        <v>998</v>
      </c>
      <c r="E63" s="12">
        <v>506</v>
      </c>
      <c r="F63" s="12">
        <v>492</v>
      </c>
      <c r="G63" s="12">
        <v>48</v>
      </c>
      <c r="H63" s="12">
        <v>105</v>
      </c>
      <c r="I63" s="12">
        <v>146</v>
      </c>
      <c r="J63" s="12">
        <v>103</v>
      </c>
      <c r="K63" s="12">
        <v>156</v>
      </c>
      <c r="L63" s="12">
        <v>168</v>
      </c>
      <c r="M63" s="12">
        <v>118</v>
      </c>
      <c r="N63" s="12">
        <v>154</v>
      </c>
      <c r="O63" s="12">
        <v>0</v>
      </c>
      <c r="P63" s="12">
        <v>91</v>
      </c>
      <c r="Q63" s="12">
        <v>696</v>
      </c>
      <c r="R63" s="12">
        <v>211</v>
      </c>
    </row>
    <row r="64" spans="1:18" s="4" customFormat="1" x14ac:dyDescent="0.15">
      <c r="A64" s="3"/>
      <c r="B64" s="3" t="s">
        <v>2186</v>
      </c>
      <c r="C64" s="12">
        <v>474</v>
      </c>
      <c r="D64" s="12">
        <v>620</v>
      </c>
      <c r="E64" s="12">
        <v>321</v>
      </c>
      <c r="F64" s="12">
        <v>299</v>
      </c>
      <c r="G64" s="12">
        <v>14</v>
      </c>
      <c r="H64" s="12">
        <v>36</v>
      </c>
      <c r="I64" s="12">
        <v>183</v>
      </c>
      <c r="J64" s="12">
        <v>106</v>
      </c>
      <c r="K64" s="12">
        <v>77</v>
      </c>
      <c r="L64" s="12">
        <v>74</v>
      </c>
      <c r="M64" s="12">
        <v>55</v>
      </c>
      <c r="N64" s="12">
        <v>75</v>
      </c>
      <c r="O64" s="12">
        <v>0</v>
      </c>
      <c r="P64" s="12">
        <v>19</v>
      </c>
      <c r="Q64" s="12">
        <v>501</v>
      </c>
      <c r="R64" s="12">
        <v>100</v>
      </c>
    </row>
    <row r="65" spans="1:18" s="4" customFormat="1" x14ac:dyDescent="0.15">
      <c r="A65" s="3"/>
      <c r="B65" s="3" t="s">
        <v>2187</v>
      </c>
      <c r="C65" s="12">
        <v>217</v>
      </c>
      <c r="D65" s="12">
        <v>542</v>
      </c>
      <c r="E65" s="12">
        <v>268</v>
      </c>
      <c r="F65" s="12">
        <v>274</v>
      </c>
      <c r="G65" s="12">
        <v>47</v>
      </c>
      <c r="H65" s="12">
        <v>81</v>
      </c>
      <c r="I65" s="12">
        <v>47</v>
      </c>
      <c r="J65" s="12">
        <v>51</v>
      </c>
      <c r="K65" s="12">
        <v>97</v>
      </c>
      <c r="L65" s="12">
        <v>85</v>
      </c>
      <c r="M65" s="12">
        <v>61</v>
      </c>
      <c r="N65" s="12">
        <v>73</v>
      </c>
      <c r="O65" s="12">
        <v>0</v>
      </c>
      <c r="P65" s="12">
        <v>79</v>
      </c>
      <c r="Q65" s="12">
        <v>361</v>
      </c>
      <c r="R65" s="12">
        <v>102</v>
      </c>
    </row>
    <row r="66" spans="1:18" s="4" customFormat="1" x14ac:dyDescent="0.15">
      <c r="A66" s="3"/>
      <c r="B66" s="3" t="s">
        <v>2188</v>
      </c>
      <c r="C66" s="12">
        <v>558</v>
      </c>
      <c r="D66" s="12">
        <v>1119</v>
      </c>
      <c r="E66" s="12">
        <v>559</v>
      </c>
      <c r="F66" s="12">
        <v>560</v>
      </c>
      <c r="G66" s="12">
        <v>55</v>
      </c>
      <c r="H66" s="12">
        <v>78</v>
      </c>
      <c r="I66" s="12">
        <v>89</v>
      </c>
      <c r="J66" s="12">
        <v>83</v>
      </c>
      <c r="K66" s="12">
        <v>155</v>
      </c>
      <c r="L66" s="12">
        <v>168</v>
      </c>
      <c r="M66" s="12">
        <v>137</v>
      </c>
      <c r="N66" s="12">
        <v>354</v>
      </c>
      <c r="O66" s="12">
        <v>0</v>
      </c>
      <c r="P66" s="12">
        <v>91</v>
      </c>
      <c r="Q66" s="12">
        <v>596</v>
      </c>
      <c r="R66" s="12">
        <v>432</v>
      </c>
    </row>
    <row r="67" spans="1:18" s="4" customFormat="1" x14ac:dyDescent="0.15">
      <c r="A67" s="3"/>
      <c r="B67" s="3" t="s">
        <v>2189</v>
      </c>
      <c r="C67" s="12">
        <v>149</v>
      </c>
      <c r="D67" s="12">
        <v>305</v>
      </c>
      <c r="E67" s="12">
        <v>158</v>
      </c>
      <c r="F67" s="12">
        <v>147</v>
      </c>
      <c r="G67" s="12">
        <v>29</v>
      </c>
      <c r="H67" s="12">
        <v>24</v>
      </c>
      <c r="I67" s="12">
        <v>42</v>
      </c>
      <c r="J67" s="12">
        <v>36</v>
      </c>
      <c r="K67" s="12">
        <v>57</v>
      </c>
      <c r="L67" s="12">
        <v>41</v>
      </c>
      <c r="M67" s="12">
        <v>25</v>
      </c>
      <c r="N67" s="12">
        <v>51</v>
      </c>
      <c r="O67" s="12">
        <v>0</v>
      </c>
      <c r="P67" s="12">
        <v>40</v>
      </c>
      <c r="Q67" s="12">
        <v>203</v>
      </c>
      <c r="R67" s="12">
        <v>62</v>
      </c>
    </row>
    <row r="68" spans="1:18" s="4" customFormat="1" x14ac:dyDescent="0.15">
      <c r="A68" s="3"/>
      <c r="B68" s="3" t="s">
        <v>2190</v>
      </c>
      <c r="C68" s="12">
        <v>494</v>
      </c>
      <c r="D68" s="12">
        <v>1074</v>
      </c>
      <c r="E68" s="12">
        <v>542</v>
      </c>
      <c r="F68" s="12">
        <v>532</v>
      </c>
      <c r="G68" s="12">
        <v>109</v>
      </c>
      <c r="H68" s="12">
        <v>77</v>
      </c>
      <c r="I68" s="12">
        <v>115</v>
      </c>
      <c r="J68" s="12">
        <v>162</v>
      </c>
      <c r="K68" s="12">
        <v>164</v>
      </c>
      <c r="L68" s="12">
        <v>137</v>
      </c>
      <c r="M68" s="12">
        <v>106</v>
      </c>
      <c r="N68" s="12">
        <v>204</v>
      </c>
      <c r="O68" s="12">
        <v>0</v>
      </c>
      <c r="P68" s="12">
        <v>151</v>
      </c>
      <c r="Q68" s="12">
        <v>678</v>
      </c>
      <c r="R68" s="12">
        <v>245</v>
      </c>
    </row>
    <row r="69" spans="1:18" s="4" customFormat="1" x14ac:dyDescent="0.15">
      <c r="A69" s="3"/>
      <c r="B69" s="3" t="s">
        <v>2191</v>
      </c>
      <c r="C69" s="12">
        <v>200</v>
      </c>
      <c r="D69" s="12">
        <v>456</v>
      </c>
      <c r="E69" s="12">
        <v>231</v>
      </c>
      <c r="F69" s="12">
        <v>225</v>
      </c>
      <c r="G69" s="12">
        <v>28</v>
      </c>
      <c r="H69" s="12">
        <v>47</v>
      </c>
      <c r="I69" s="12">
        <v>52</v>
      </c>
      <c r="J69" s="12">
        <v>51</v>
      </c>
      <c r="K69" s="12">
        <v>60</v>
      </c>
      <c r="L69" s="12">
        <v>67</v>
      </c>
      <c r="M69" s="12">
        <v>50</v>
      </c>
      <c r="N69" s="12">
        <v>101</v>
      </c>
      <c r="O69" s="12">
        <v>0</v>
      </c>
      <c r="P69" s="12">
        <v>53</v>
      </c>
      <c r="Q69" s="12">
        <v>281</v>
      </c>
      <c r="R69" s="12">
        <v>122</v>
      </c>
    </row>
    <row r="70" spans="1:18" s="4" customFormat="1" x14ac:dyDescent="0.15">
      <c r="A70" s="3"/>
      <c r="B70" s="3" t="s">
        <v>2192</v>
      </c>
      <c r="C70" s="12">
        <v>269</v>
      </c>
      <c r="D70" s="12">
        <v>653</v>
      </c>
      <c r="E70" s="12">
        <v>325</v>
      </c>
      <c r="F70" s="12">
        <v>328</v>
      </c>
      <c r="G70" s="12">
        <v>68</v>
      </c>
      <c r="H70" s="12">
        <v>81</v>
      </c>
      <c r="I70" s="12">
        <v>78</v>
      </c>
      <c r="J70" s="12">
        <v>111</v>
      </c>
      <c r="K70" s="12">
        <v>91</v>
      </c>
      <c r="L70" s="12">
        <v>90</v>
      </c>
      <c r="M70" s="12">
        <v>66</v>
      </c>
      <c r="N70" s="12">
        <v>68</v>
      </c>
      <c r="O70" s="12">
        <v>0</v>
      </c>
      <c r="P70" s="12">
        <v>111</v>
      </c>
      <c r="Q70" s="12">
        <v>443</v>
      </c>
      <c r="R70" s="12">
        <v>99</v>
      </c>
    </row>
    <row r="71" spans="1:18" s="4" customFormat="1" x14ac:dyDescent="0.15">
      <c r="A71" s="3"/>
      <c r="B71" s="3" t="s">
        <v>2193</v>
      </c>
      <c r="C71" s="12">
        <v>334</v>
      </c>
      <c r="D71" s="12">
        <v>693</v>
      </c>
      <c r="E71" s="12">
        <v>343</v>
      </c>
      <c r="F71" s="12">
        <v>350</v>
      </c>
      <c r="G71" s="12">
        <v>68</v>
      </c>
      <c r="H71" s="12">
        <v>43</v>
      </c>
      <c r="I71" s="12">
        <v>67</v>
      </c>
      <c r="J71" s="12">
        <v>98</v>
      </c>
      <c r="K71" s="12">
        <v>83</v>
      </c>
      <c r="L71" s="12">
        <v>101</v>
      </c>
      <c r="M71" s="12">
        <v>70</v>
      </c>
      <c r="N71" s="12">
        <v>163</v>
      </c>
      <c r="O71" s="12">
        <v>0</v>
      </c>
      <c r="P71" s="12">
        <v>90</v>
      </c>
      <c r="Q71" s="12">
        <v>412</v>
      </c>
      <c r="R71" s="12">
        <v>191</v>
      </c>
    </row>
    <row r="72" spans="1:18" s="4" customFormat="1" x14ac:dyDescent="0.15">
      <c r="A72" s="3"/>
      <c r="B72" s="3" t="s">
        <v>2194</v>
      </c>
      <c r="C72" s="12">
        <v>486</v>
      </c>
      <c r="D72" s="12">
        <v>1159</v>
      </c>
      <c r="E72" s="12">
        <v>590</v>
      </c>
      <c r="F72" s="12">
        <v>569</v>
      </c>
      <c r="G72" s="12">
        <v>107</v>
      </c>
      <c r="H72" s="12">
        <v>129</v>
      </c>
      <c r="I72" s="12">
        <v>104</v>
      </c>
      <c r="J72" s="12">
        <v>142</v>
      </c>
      <c r="K72" s="12">
        <v>207</v>
      </c>
      <c r="L72" s="12">
        <v>186</v>
      </c>
      <c r="M72" s="12">
        <v>147</v>
      </c>
      <c r="N72" s="12">
        <v>137</v>
      </c>
      <c r="O72" s="12">
        <v>0</v>
      </c>
      <c r="P72" s="12">
        <v>186</v>
      </c>
      <c r="Q72" s="12">
        <v>764</v>
      </c>
      <c r="R72" s="12">
        <v>209</v>
      </c>
    </row>
    <row r="73" spans="1:18" s="4" customFormat="1" x14ac:dyDescent="0.15">
      <c r="A73" s="3"/>
      <c r="B73" s="3" t="s">
        <v>2195</v>
      </c>
      <c r="C73" s="12">
        <v>138</v>
      </c>
      <c r="D73" s="12">
        <v>348</v>
      </c>
      <c r="E73" s="12">
        <v>170</v>
      </c>
      <c r="F73" s="12">
        <v>178</v>
      </c>
      <c r="G73" s="12">
        <v>38</v>
      </c>
      <c r="H73" s="12">
        <v>24</v>
      </c>
      <c r="I73" s="12">
        <v>50</v>
      </c>
      <c r="J73" s="12">
        <v>49</v>
      </c>
      <c r="K73" s="12">
        <v>55</v>
      </c>
      <c r="L73" s="12">
        <v>42</v>
      </c>
      <c r="M73" s="12">
        <v>44</v>
      </c>
      <c r="N73" s="12">
        <v>46</v>
      </c>
      <c r="O73" s="12">
        <v>0</v>
      </c>
      <c r="P73" s="12">
        <v>48</v>
      </c>
      <c r="Q73" s="12">
        <v>239</v>
      </c>
      <c r="R73" s="12">
        <v>61</v>
      </c>
    </row>
    <row r="74" spans="1:18" s="4" customFormat="1" x14ac:dyDescent="0.15">
      <c r="A74" s="3"/>
      <c r="B74" s="3" t="s">
        <v>2196</v>
      </c>
      <c r="C74" s="12">
        <v>58</v>
      </c>
      <c r="D74" s="12">
        <v>148</v>
      </c>
      <c r="E74" s="12">
        <v>71</v>
      </c>
      <c r="F74" s="12">
        <v>77</v>
      </c>
      <c r="G74" s="12">
        <v>7</v>
      </c>
      <c r="H74" s="12">
        <v>12</v>
      </c>
      <c r="I74" s="12">
        <v>17</v>
      </c>
      <c r="J74" s="12">
        <v>10</v>
      </c>
      <c r="K74" s="12">
        <v>17</v>
      </c>
      <c r="L74" s="12">
        <v>23</v>
      </c>
      <c r="M74" s="12">
        <v>19</v>
      </c>
      <c r="N74" s="12">
        <v>43</v>
      </c>
      <c r="O74" s="12">
        <v>0</v>
      </c>
      <c r="P74" s="12">
        <v>13</v>
      </c>
      <c r="Q74" s="12">
        <v>79</v>
      </c>
      <c r="R74" s="12">
        <v>56</v>
      </c>
    </row>
    <row r="75" spans="1:18" s="4" customFormat="1" x14ac:dyDescent="0.15">
      <c r="A75" s="3"/>
      <c r="B75" s="3" t="s">
        <v>2197</v>
      </c>
      <c r="C75" s="12">
        <v>1363</v>
      </c>
      <c r="D75" s="12">
        <v>2288</v>
      </c>
      <c r="E75" s="12">
        <v>1022</v>
      </c>
      <c r="F75" s="12">
        <v>1266</v>
      </c>
      <c r="G75" s="12">
        <v>104</v>
      </c>
      <c r="H75" s="12">
        <v>125</v>
      </c>
      <c r="I75" s="12">
        <v>130</v>
      </c>
      <c r="J75" s="12">
        <v>180</v>
      </c>
      <c r="K75" s="12">
        <v>222</v>
      </c>
      <c r="L75" s="12">
        <v>280</v>
      </c>
      <c r="M75" s="12">
        <v>243</v>
      </c>
      <c r="N75" s="12">
        <v>1004</v>
      </c>
      <c r="O75" s="12">
        <v>0</v>
      </c>
      <c r="P75" s="12">
        <v>163</v>
      </c>
      <c r="Q75" s="12">
        <v>981</v>
      </c>
      <c r="R75" s="12">
        <v>1144</v>
      </c>
    </row>
    <row r="76" spans="1:18" s="4" customFormat="1" x14ac:dyDescent="0.15">
      <c r="A76" s="3"/>
      <c r="B76" s="3" t="s">
        <v>2198</v>
      </c>
      <c r="C76" s="12">
        <v>748</v>
      </c>
      <c r="D76" s="12">
        <v>2003</v>
      </c>
      <c r="E76" s="12">
        <v>1011</v>
      </c>
      <c r="F76" s="12">
        <v>992</v>
      </c>
      <c r="G76" s="12">
        <v>219</v>
      </c>
      <c r="H76" s="12">
        <v>233</v>
      </c>
      <c r="I76" s="12">
        <v>227</v>
      </c>
      <c r="J76" s="12">
        <v>229</v>
      </c>
      <c r="K76" s="12">
        <v>323</v>
      </c>
      <c r="L76" s="12">
        <v>303</v>
      </c>
      <c r="M76" s="12">
        <v>237</v>
      </c>
      <c r="N76" s="12">
        <v>232</v>
      </c>
      <c r="O76" s="12">
        <v>0</v>
      </c>
      <c r="P76" s="12">
        <v>332</v>
      </c>
      <c r="Q76" s="12">
        <v>1326</v>
      </c>
      <c r="R76" s="12">
        <v>345</v>
      </c>
    </row>
    <row r="77" spans="1:18" s="4" customFormat="1" x14ac:dyDescent="0.15">
      <c r="A77" s="3"/>
      <c r="B77" s="3" t="s">
        <v>2199</v>
      </c>
      <c r="C77" s="12">
        <v>305</v>
      </c>
      <c r="D77" s="12">
        <v>682</v>
      </c>
      <c r="E77" s="12">
        <v>318</v>
      </c>
      <c r="F77" s="12">
        <v>364</v>
      </c>
      <c r="G77" s="12">
        <v>64</v>
      </c>
      <c r="H77" s="12">
        <v>69</v>
      </c>
      <c r="I77" s="12">
        <v>49</v>
      </c>
      <c r="J77" s="12">
        <v>66</v>
      </c>
      <c r="K77" s="12">
        <v>89</v>
      </c>
      <c r="L77" s="12">
        <v>85</v>
      </c>
      <c r="M77" s="12">
        <v>89</v>
      </c>
      <c r="N77" s="12">
        <v>171</v>
      </c>
      <c r="O77" s="12">
        <v>0</v>
      </c>
      <c r="P77" s="12">
        <v>102</v>
      </c>
      <c r="Q77" s="12">
        <v>358</v>
      </c>
      <c r="R77" s="12">
        <v>222</v>
      </c>
    </row>
    <row r="78" spans="1:18" s="4" customFormat="1" x14ac:dyDescent="0.15">
      <c r="A78" s="3"/>
      <c r="B78" s="3" t="s">
        <v>2200</v>
      </c>
      <c r="C78" s="12">
        <v>643</v>
      </c>
      <c r="D78" s="12">
        <v>1634</v>
      </c>
      <c r="E78" s="12">
        <v>825</v>
      </c>
      <c r="F78" s="12">
        <v>809</v>
      </c>
      <c r="G78" s="12">
        <v>172</v>
      </c>
      <c r="H78" s="12">
        <v>165</v>
      </c>
      <c r="I78" s="12">
        <v>215</v>
      </c>
      <c r="J78" s="12">
        <v>212</v>
      </c>
      <c r="K78" s="12">
        <v>236</v>
      </c>
      <c r="L78" s="12">
        <v>323</v>
      </c>
      <c r="M78" s="12">
        <v>157</v>
      </c>
      <c r="N78" s="12">
        <v>154</v>
      </c>
      <c r="O78" s="12">
        <v>0</v>
      </c>
      <c r="P78" s="12">
        <v>257</v>
      </c>
      <c r="Q78" s="12">
        <v>1165</v>
      </c>
      <c r="R78" s="12">
        <v>212</v>
      </c>
    </row>
    <row r="79" spans="1:18" s="4" customFormat="1" x14ac:dyDescent="0.15">
      <c r="A79" s="3"/>
      <c r="B79" s="3" t="s">
        <v>2201</v>
      </c>
      <c r="C79" s="12">
        <v>373</v>
      </c>
      <c r="D79" s="12">
        <v>1019</v>
      </c>
      <c r="E79" s="12">
        <v>494</v>
      </c>
      <c r="F79" s="12">
        <v>525</v>
      </c>
      <c r="G79" s="12">
        <v>133</v>
      </c>
      <c r="H79" s="12">
        <v>143</v>
      </c>
      <c r="I79" s="12">
        <v>77</v>
      </c>
      <c r="J79" s="12">
        <v>128</v>
      </c>
      <c r="K79" s="12">
        <v>170</v>
      </c>
      <c r="L79" s="12">
        <v>154</v>
      </c>
      <c r="M79" s="12">
        <v>104</v>
      </c>
      <c r="N79" s="12">
        <v>110</v>
      </c>
      <c r="O79" s="12">
        <v>0</v>
      </c>
      <c r="P79" s="12">
        <v>210</v>
      </c>
      <c r="Q79" s="12">
        <v>643</v>
      </c>
      <c r="R79" s="12">
        <v>166</v>
      </c>
    </row>
    <row r="80" spans="1:18" s="4" customFormat="1" x14ac:dyDescent="0.15">
      <c r="A80" s="3"/>
      <c r="B80" s="3" t="s">
        <v>2202</v>
      </c>
      <c r="C80" s="12">
        <v>251</v>
      </c>
      <c r="D80" s="12">
        <v>561</v>
      </c>
      <c r="E80" s="12">
        <v>279</v>
      </c>
      <c r="F80" s="12">
        <v>282</v>
      </c>
      <c r="G80" s="12">
        <v>43</v>
      </c>
      <c r="H80" s="12">
        <v>61</v>
      </c>
      <c r="I80" s="12">
        <v>56</v>
      </c>
      <c r="J80" s="12">
        <v>52</v>
      </c>
      <c r="K80" s="12">
        <v>68</v>
      </c>
      <c r="L80" s="12">
        <v>87</v>
      </c>
      <c r="M80" s="12">
        <v>49</v>
      </c>
      <c r="N80" s="12">
        <v>145</v>
      </c>
      <c r="O80" s="12">
        <v>0</v>
      </c>
      <c r="P80" s="12">
        <v>74</v>
      </c>
      <c r="Q80" s="12">
        <v>321</v>
      </c>
      <c r="R80" s="12">
        <v>166</v>
      </c>
    </row>
    <row r="81" spans="1:18" s="4" customFormat="1" x14ac:dyDescent="0.15">
      <c r="A81" s="3"/>
      <c r="B81" s="3" t="s">
        <v>2203</v>
      </c>
      <c r="C81" s="12">
        <v>348</v>
      </c>
      <c r="D81" s="12">
        <v>886</v>
      </c>
      <c r="E81" s="12">
        <v>446</v>
      </c>
      <c r="F81" s="12">
        <v>440</v>
      </c>
      <c r="G81" s="12">
        <v>90</v>
      </c>
      <c r="H81" s="12">
        <v>91</v>
      </c>
      <c r="I81" s="12">
        <v>95</v>
      </c>
      <c r="J81" s="12">
        <v>107</v>
      </c>
      <c r="K81" s="12">
        <v>136</v>
      </c>
      <c r="L81" s="12">
        <v>124</v>
      </c>
      <c r="M81" s="12">
        <v>84</v>
      </c>
      <c r="N81" s="12">
        <v>159</v>
      </c>
      <c r="O81" s="12">
        <v>0</v>
      </c>
      <c r="P81" s="12">
        <v>128</v>
      </c>
      <c r="Q81" s="12">
        <v>561</v>
      </c>
      <c r="R81" s="12">
        <v>197</v>
      </c>
    </row>
    <row r="82" spans="1:18" s="4" customFormat="1" x14ac:dyDescent="0.15">
      <c r="A82" s="3"/>
      <c r="B82" s="3" t="s">
        <v>2204</v>
      </c>
      <c r="C82" s="12">
        <v>444</v>
      </c>
      <c r="D82" s="12">
        <v>1011</v>
      </c>
      <c r="E82" s="12">
        <v>514</v>
      </c>
      <c r="F82" s="12">
        <v>497</v>
      </c>
      <c r="G82" s="12">
        <v>104</v>
      </c>
      <c r="H82" s="12">
        <v>85</v>
      </c>
      <c r="I82" s="12">
        <v>78</v>
      </c>
      <c r="J82" s="12">
        <v>125</v>
      </c>
      <c r="K82" s="12">
        <v>131</v>
      </c>
      <c r="L82" s="12">
        <v>127</v>
      </c>
      <c r="M82" s="12">
        <v>105</v>
      </c>
      <c r="N82" s="12">
        <v>256</v>
      </c>
      <c r="O82" s="12">
        <v>0</v>
      </c>
      <c r="P82" s="12">
        <v>152</v>
      </c>
      <c r="Q82" s="12">
        <v>542</v>
      </c>
      <c r="R82" s="12">
        <v>317</v>
      </c>
    </row>
    <row r="83" spans="1:18" s="4" customFormat="1" x14ac:dyDescent="0.15">
      <c r="A83" s="3"/>
      <c r="B83" s="3" t="s">
        <v>2205</v>
      </c>
      <c r="C83" s="12">
        <v>265</v>
      </c>
      <c r="D83" s="12">
        <v>533</v>
      </c>
      <c r="E83" s="12">
        <v>251</v>
      </c>
      <c r="F83" s="12">
        <v>282</v>
      </c>
      <c r="G83" s="12">
        <v>34</v>
      </c>
      <c r="H83" s="12">
        <v>35</v>
      </c>
      <c r="I83" s="12">
        <v>63</v>
      </c>
      <c r="J83" s="12">
        <v>45</v>
      </c>
      <c r="K83" s="12">
        <v>47</v>
      </c>
      <c r="L83" s="12">
        <v>98</v>
      </c>
      <c r="M83" s="12">
        <v>75</v>
      </c>
      <c r="N83" s="12">
        <v>136</v>
      </c>
      <c r="O83" s="12">
        <v>0</v>
      </c>
      <c r="P83" s="12">
        <v>47</v>
      </c>
      <c r="Q83" s="12">
        <v>320</v>
      </c>
      <c r="R83" s="12">
        <v>166</v>
      </c>
    </row>
    <row r="84" spans="1:18" s="4" customFormat="1" x14ac:dyDescent="0.15">
      <c r="A84" s="3"/>
      <c r="B84" s="3" t="s">
        <v>2206</v>
      </c>
      <c r="C84" s="12">
        <v>447</v>
      </c>
      <c r="D84" s="12">
        <v>963</v>
      </c>
      <c r="E84" s="12">
        <v>461</v>
      </c>
      <c r="F84" s="12">
        <v>502</v>
      </c>
      <c r="G84" s="12">
        <v>48</v>
      </c>
      <c r="H84" s="12">
        <v>74</v>
      </c>
      <c r="I84" s="12">
        <v>91</v>
      </c>
      <c r="J84" s="12">
        <v>71</v>
      </c>
      <c r="K84" s="12">
        <v>131</v>
      </c>
      <c r="L84" s="12">
        <v>169</v>
      </c>
      <c r="M84" s="12">
        <v>122</v>
      </c>
      <c r="N84" s="12">
        <v>257</v>
      </c>
      <c r="O84" s="12">
        <v>0</v>
      </c>
      <c r="P84" s="12">
        <v>71</v>
      </c>
      <c r="Q84" s="12">
        <v>569</v>
      </c>
      <c r="R84" s="12">
        <v>323</v>
      </c>
    </row>
    <row r="85" spans="1:18" s="4" customFormat="1" x14ac:dyDescent="0.15">
      <c r="A85" s="3"/>
      <c r="B85" s="3" t="s">
        <v>2207</v>
      </c>
      <c r="C85" s="12">
        <v>526</v>
      </c>
      <c r="D85" s="12">
        <v>1423</v>
      </c>
      <c r="E85" s="12">
        <v>680</v>
      </c>
      <c r="F85" s="12">
        <v>743</v>
      </c>
      <c r="G85" s="12">
        <v>298</v>
      </c>
      <c r="H85" s="12">
        <v>150</v>
      </c>
      <c r="I85" s="12">
        <v>74</v>
      </c>
      <c r="J85" s="12">
        <v>278</v>
      </c>
      <c r="K85" s="12">
        <v>267</v>
      </c>
      <c r="L85" s="12">
        <v>143</v>
      </c>
      <c r="M85" s="12">
        <v>71</v>
      </c>
      <c r="N85" s="12">
        <v>142</v>
      </c>
      <c r="O85" s="12">
        <v>0</v>
      </c>
      <c r="P85" s="12">
        <v>388</v>
      </c>
      <c r="Q85" s="12">
        <v>860</v>
      </c>
      <c r="R85" s="12">
        <v>175</v>
      </c>
    </row>
    <row r="86" spans="1:18" s="4" customFormat="1" x14ac:dyDescent="0.15">
      <c r="A86" s="3"/>
      <c r="B86" s="3" t="s">
        <v>2208</v>
      </c>
      <c r="C86" s="12">
        <v>393</v>
      </c>
      <c r="D86" s="12">
        <v>755</v>
      </c>
      <c r="E86" s="12">
        <v>377</v>
      </c>
      <c r="F86" s="12">
        <v>378</v>
      </c>
      <c r="G86" s="12">
        <v>63</v>
      </c>
      <c r="H86" s="12">
        <v>45</v>
      </c>
      <c r="I86" s="12">
        <v>71</v>
      </c>
      <c r="J86" s="12">
        <v>69</v>
      </c>
      <c r="K86" s="12">
        <v>104</v>
      </c>
      <c r="L86" s="12">
        <v>96</v>
      </c>
      <c r="M86" s="12">
        <v>103</v>
      </c>
      <c r="N86" s="12">
        <v>204</v>
      </c>
      <c r="O86" s="12">
        <v>0</v>
      </c>
      <c r="P86" s="12">
        <v>89</v>
      </c>
      <c r="Q86" s="12">
        <v>407</v>
      </c>
      <c r="R86" s="12">
        <v>259</v>
      </c>
    </row>
    <row r="87" spans="1:18" s="4" customFormat="1" x14ac:dyDescent="0.15">
      <c r="A87" s="3"/>
      <c r="B87" s="3" t="s">
        <v>2209</v>
      </c>
      <c r="C87" s="12">
        <v>224</v>
      </c>
      <c r="D87" s="12">
        <v>443</v>
      </c>
      <c r="E87" s="12">
        <v>231</v>
      </c>
      <c r="F87" s="12">
        <v>212</v>
      </c>
      <c r="G87" s="12">
        <v>37</v>
      </c>
      <c r="H87" s="12">
        <v>35</v>
      </c>
      <c r="I87" s="12">
        <v>77</v>
      </c>
      <c r="J87" s="12">
        <v>83</v>
      </c>
      <c r="K87" s="12">
        <v>57</v>
      </c>
      <c r="L87" s="12">
        <v>56</v>
      </c>
      <c r="M87" s="12">
        <v>39</v>
      </c>
      <c r="N87" s="12">
        <v>59</v>
      </c>
      <c r="O87" s="12">
        <v>0</v>
      </c>
      <c r="P87" s="12">
        <v>52</v>
      </c>
      <c r="Q87" s="12">
        <v>315</v>
      </c>
      <c r="R87" s="12">
        <v>76</v>
      </c>
    </row>
    <row r="88" spans="1:18" s="4" customFormat="1" x14ac:dyDescent="0.15">
      <c r="A88" s="3"/>
      <c r="B88" s="3" t="s">
        <v>2210</v>
      </c>
      <c r="C88" s="12">
        <v>480</v>
      </c>
      <c r="D88" s="12">
        <v>949</v>
      </c>
      <c r="E88" s="12">
        <v>497</v>
      </c>
      <c r="F88" s="12">
        <v>452</v>
      </c>
      <c r="G88" s="12">
        <v>63</v>
      </c>
      <c r="H88" s="12">
        <v>69</v>
      </c>
      <c r="I88" s="12">
        <v>114</v>
      </c>
      <c r="J88" s="12">
        <v>127</v>
      </c>
      <c r="K88" s="12">
        <v>133</v>
      </c>
      <c r="L88" s="12">
        <v>153</v>
      </c>
      <c r="M88" s="12">
        <v>101</v>
      </c>
      <c r="N88" s="12">
        <v>189</v>
      </c>
      <c r="O88" s="12">
        <v>0</v>
      </c>
      <c r="P88" s="12">
        <v>93</v>
      </c>
      <c r="Q88" s="12">
        <v>622</v>
      </c>
      <c r="R88" s="12">
        <v>234</v>
      </c>
    </row>
    <row r="89" spans="1:18" s="4" customFormat="1" x14ac:dyDescent="0.15">
      <c r="A89" s="3"/>
      <c r="B89" s="3" t="s">
        <v>2211</v>
      </c>
      <c r="C89" s="12">
        <v>280</v>
      </c>
      <c r="D89" s="12">
        <v>553</v>
      </c>
      <c r="E89" s="12">
        <v>281</v>
      </c>
      <c r="F89" s="12">
        <v>272</v>
      </c>
      <c r="G89" s="12">
        <v>60</v>
      </c>
      <c r="H89" s="12">
        <v>30</v>
      </c>
      <c r="I89" s="12">
        <v>70</v>
      </c>
      <c r="J89" s="12">
        <v>83</v>
      </c>
      <c r="K89" s="12">
        <v>95</v>
      </c>
      <c r="L89" s="12">
        <v>62</v>
      </c>
      <c r="M89" s="12">
        <v>45</v>
      </c>
      <c r="N89" s="12">
        <v>108</v>
      </c>
      <c r="O89" s="12">
        <v>0</v>
      </c>
      <c r="P89" s="12">
        <v>76</v>
      </c>
      <c r="Q89" s="12">
        <v>355</v>
      </c>
      <c r="R89" s="12">
        <v>122</v>
      </c>
    </row>
    <row r="90" spans="1:18" s="4" customFormat="1" x14ac:dyDescent="0.15">
      <c r="A90" s="3"/>
      <c r="B90" s="3" t="s">
        <v>2212</v>
      </c>
      <c r="C90" s="12">
        <v>745</v>
      </c>
      <c r="D90" s="12">
        <v>1579</v>
      </c>
      <c r="E90" s="12">
        <v>810</v>
      </c>
      <c r="F90" s="12">
        <v>769</v>
      </c>
      <c r="G90" s="12">
        <v>171</v>
      </c>
      <c r="H90" s="12">
        <v>108</v>
      </c>
      <c r="I90" s="12">
        <v>239</v>
      </c>
      <c r="J90" s="12">
        <v>276</v>
      </c>
      <c r="K90" s="12">
        <v>243</v>
      </c>
      <c r="L90" s="12">
        <v>241</v>
      </c>
      <c r="M90" s="12">
        <v>160</v>
      </c>
      <c r="N90" s="12">
        <v>141</v>
      </c>
      <c r="O90" s="12">
        <v>0</v>
      </c>
      <c r="P90" s="12">
        <v>214</v>
      </c>
      <c r="Q90" s="12">
        <v>1141</v>
      </c>
      <c r="R90" s="12">
        <v>224</v>
      </c>
    </row>
    <row r="91" spans="1:18" s="4" customFormat="1" x14ac:dyDescent="0.15">
      <c r="A91" s="3"/>
      <c r="B91" s="3" t="s">
        <v>2213</v>
      </c>
      <c r="C91" s="12">
        <v>751</v>
      </c>
      <c r="D91" s="12">
        <v>1697</v>
      </c>
      <c r="E91" s="12">
        <v>874</v>
      </c>
      <c r="F91" s="12">
        <v>823</v>
      </c>
      <c r="G91" s="12">
        <v>143</v>
      </c>
      <c r="H91" s="12">
        <v>199</v>
      </c>
      <c r="I91" s="12">
        <v>212</v>
      </c>
      <c r="J91" s="12">
        <v>184</v>
      </c>
      <c r="K91" s="12">
        <v>272</v>
      </c>
      <c r="L91" s="12">
        <v>306</v>
      </c>
      <c r="M91" s="12">
        <v>161</v>
      </c>
      <c r="N91" s="12">
        <v>220</v>
      </c>
      <c r="O91" s="12">
        <v>0</v>
      </c>
      <c r="P91" s="12">
        <v>230</v>
      </c>
      <c r="Q91" s="12">
        <v>1171</v>
      </c>
      <c r="R91" s="12">
        <v>296</v>
      </c>
    </row>
    <row r="92" spans="1:18" s="4" customFormat="1" x14ac:dyDescent="0.15">
      <c r="A92" s="3"/>
      <c r="B92" s="3" t="s">
        <v>2214</v>
      </c>
      <c r="C92" s="12">
        <v>494</v>
      </c>
      <c r="D92" s="12">
        <v>1161</v>
      </c>
      <c r="E92" s="12">
        <v>598</v>
      </c>
      <c r="F92" s="12">
        <v>563</v>
      </c>
      <c r="G92" s="12">
        <v>134</v>
      </c>
      <c r="H92" s="12">
        <v>98</v>
      </c>
      <c r="I92" s="12">
        <v>138</v>
      </c>
      <c r="J92" s="12">
        <v>189</v>
      </c>
      <c r="K92" s="12">
        <v>168</v>
      </c>
      <c r="L92" s="12">
        <v>170</v>
      </c>
      <c r="M92" s="12">
        <v>136</v>
      </c>
      <c r="N92" s="12">
        <v>128</v>
      </c>
      <c r="O92" s="12">
        <v>0</v>
      </c>
      <c r="P92" s="12">
        <v>186</v>
      </c>
      <c r="Q92" s="12">
        <v>785</v>
      </c>
      <c r="R92" s="12">
        <v>190</v>
      </c>
    </row>
    <row r="93" spans="1:18" s="4" customFormat="1" x14ac:dyDescent="0.15">
      <c r="A93" s="3"/>
      <c r="B93" s="3" t="s">
        <v>2215</v>
      </c>
      <c r="C93" s="12">
        <v>528</v>
      </c>
      <c r="D93" s="12">
        <v>1263</v>
      </c>
      <c r="E93" s="12">
        <v>627</v>
      </c>
      <c r="F93" s="12">
        <v>636</v>
      </c>
      <c r="G93" s="12">
        <v>110</v>
      </c>
      <c r="H93" s="12">
        <v>144</v>
      </c>
      <c r="I93" s="12">
        <v>163</v>
      </c>
      <c r="J93" s="12">
        <v>139</v>
      </c>
      <c r="K93" s="12">
        <v>198</v>
      </c>
      <c r="L93" s="12">
        <v>246</v>
      </c>
      <c r="M93" s="12">
        <v>134</v>
      </c>
      <c r="N93" s="12">
        <v>129</v>
      </c>
      <c r="O93" s="12">
        <v>0</v>
      </c>
      <c r="P93" s="12">
        <v>181</v>
      </c>
      <c r="Q93" s="12">
        <v>913</v>
      </c>
      <c r="R93" s="12">
        <v>169</v>
      </c>
    </row>
    <row r="94" spans="1:18" s="4" customFormat="1" x14ac:dyDescent="0.15">
      <c r="A94" s="3"/>
      <c r="B94" s="3" t="s">
        <v>2216</v>
      </c>
      <c r="C94" s="12">
        <v>671</v>
      </c>
      <c r="D94" s="12">
        <v>1622</v>
      </c>
      <c r="E94" s="12">
        <v>785</v>
      </c>
      <c r="F94" s="12">
        <v>837</v>
      </c>
      <c r="G94" s="12">
        <v>141</v>
      </c>
      <c r="H94" s="12">
        <v>163</v>
      </c>
      <c r="I94" s="12">
        <v>192</v>
      </c>
      <c r="J94" s="12">
        <v>172</v>
      </c>
      <c r="K94" s="12">
        <v>228</v>
      </c>
      <c r="L94" s="12">
        <v>242</v>
      </c>
      <c r="M94" s="12">
        <v>204</v>
      </c>
      <c r="N94" s="12">
        <v>280</v>
      </c>
      <c r="O94" s="12">
        <v>0</v>
      </c>
      <c r="P94" s="12">
        <v>219</v>
      </c>
      <c r="Q94" s="12">
        <v>1025</v>
      </c>
      <c r="R94" s="12">
        <v>378</v>
      </c>
    </row>
    <row r="95" spans="1:18" s="4" customFormat="1" x14ac:dyDescent="0.15">
      <c r="A95" s="3"/>
      <c r="B95" s="3" t="s">
        <v>2217</v>
      </c>
      <c r="C95" s="12">
        <v>433</v>
      </c>
      <c r="D95" s="12">
        <v>938</v>
      </c>
      <c r="E95" s="12">
        <v>458</v>
      </c>
      <c r="F95" s="12">
        <v>480</v>
      </c>
      <c r="G95" s="12">
        <v>79</v>
      </c>
      <c r="H95" s="12">
        <v>100</v>
      </c>
      <c r="I95" s="12">
        <v>72</v>
      </c>
      <c r="J95" s="12">
        <v>98</v>
      </c>
      <c r="K95" s="12">
        <v>136</v>
      </c>
      <c r="L95" s="12">
        <v>148</v>
      </c>
      <c r="M95" s="12">
        <v>93</v>
      </c>
      <c r="N95" s="12">
        <v>212</v>
      </c>
      <c r="O95" s="12">
        <v>0</v>
      </c>
      <c r="P95" s="12">
        <v>119</v>
      </c>
      <c r="Q95" s="12">
        <v>552</v>
      </c>
      <c r="R95" s="12">
        <v>267</v>
      </c>
    </row>
    <row r="96" spans="1:18" s="4" customFormat="1" x14ac:dyDescent="0.15">
      <c r="A96" s="3"/>
      <c r="B96" s="3" t="s">
        <v>2218</v>
      </c>
      <c r="C96" s="12">
        <v>561</v>
      </c>
      <c r="D96" s="12">
        <v>1174</v>
      </c>
      <c r="E96" s="12">
        <v>604</v>
      </c>
      <c r="F96" s="12">
        <v>570</v>
      </c>
      <c r="G96" s="12">
        <v>130</v>
      </c>
      <c r="H96" s="12">
        <v>78</v>
      </c>
      <c r="I96" s="12">
        <v>176</v>
      </c>
      <c r="J96" s="12">
        <v>193</v>
      </c>
      <c r="K96" s="12">
        <v>173</v>
      </c>
      <c r="L96" s="12">
        <v>141</v>
      </c>
      <c r="M96" s="12">
        <v>96</v>
      </c>
      <c r="N96" s="12">
        <v>187</v>
      </c>
      <c r="O96" s="12">
        <v>0</v>
      </c>
      <c r="P96" s="12">
        <v>173</v>
      </c>
      <c r="Q96" s="12">
        <v>768</v>
      </c>
      <c r="R96" s="12">
        <v>233</v>
      </c>
    </row>
    <row r="97" spans="1:18" s="4" customFormat="1" x14ac:dyDescent="0.15">
      <c r="A97" s="3"/>
      <c r="B97" s="3" t="s">
        <v>2219</v>
      </c>
      <c r="C97" s="12">
        <v>774</v>
      </c>
      <c r="D97" s="12">
        <v>1371</v>
      </c>
      <c r="E97" s="12">
        <v>667</v>
      </c>
      <c r="F97" s="12">
        <v>704</v>
      </c>
      <c r="G97" s="12">
        <v>58</v>
      </c>
      <c r="H97" s="12">
        <v>74</v>
      </c>
      <c r="I97" s="12">
        <v>213</v>
      </c>
      <c r="J97" s="12">
        <v>200</v>
      </c>
      <c r="K97" s="12">
        <v>190</v>
      </c>
      <c r="L97" s="12">
        <v>189</v>
      </c>
      <c r="M97" s="12">
        <v>145</v>
      </c>
      <c r="N97" s="12">
        <v>302</v>
      </c>
      <c r="O97" s="12">
        <v>0</v>
      </c>
      <c r="P97" s="12">
        <v>93</v>
      </c>
      <c r="Q97" s="12">
        <v>899</v>
      </c>
      <c r="R97" s="12">
        <v>379</v>
      </c>
    </row>
    <row r="98" spans="1:18" s="4" customFormat="1" x14ac:dyDescent="0.15">
      <c r="A98" s="3"/>
      <c r="B98" s="3" t="s">
        <v>2220</v>
      </c>
      <c r="C98" s="12">
        <v>694</v>
      </c>
      <c r="D98" s="12">
        <v>1339</v>
      </c>
      <c r="E98" s="12">
        <v>657</v>
      </c>
      <c r="F98" s="12">
        <v>682</v>
      </c>
      <c r="G98" s="12">
        <v>89</v>
      </c>
      <c r="H98" s="12">
        <v>81</v>
      </c>
      <c r="I98" s="12">
        <v>194</v>
      </c>
      <c r="J98" s="12">
        <v>187</v>
      </c>
      <c r="K98" s="12">
        <v>202</v>
      </c>
      <c r="L98" s="12">
        <v>205</v>
      </c>
      <c r="M98" s="12">
        <v>131</v>
      </c>
      <c r="N98" s="12">
        <v>250</v>
      </c>
      <c r="O98" s="12">
        <v>0</v>
      </c>
      <c r="P98" s="12">
        <v>122</v>
      </c>
      <c r="Q98" s="12">
        <v>904</v>
      </c>
      <c r="R98" s="12">
        <v>313</v>
      </c>
    </row>
    <row r="99" spans="1:18" s="4" customFormat="1" x14ac:dyDescent="0.15">
      <c r="A99" s="3"/>
      <c r="B99" s="3" t="s">
        <v>2221</v>
      </c>
      <c r="C99" s="12">
        <v>584</v>
      </c>
      <c r="D99" s="12">
        <v>1263</v>
      </c>
      <c r="E99" s="12">
        <v>596</v>
      </c>
      <c r="F99" s="12">
        <v>667</v>
      </c>
      <c r="G99" s="12">
        <v>91</v>
      </c>
      <c r="H99" s="12">
        <v>83</v>
      </c>
      <c r="I99" s="12">
        <v>132</v>
      </c>
      <c r="J99" s="12">
        <v>135</v>
      </c>
      <c r="K99" s="12">
        <v>181</v>
      </c>
      <c r="L99" s="12">
        <v>208</v>
      </c>
      <c r="M99" s="12">
        <v>164</v>
      </c>
      <c r="N99" s="12">
        <v>269</v>
      </c>
      <c r="O99" s="12">
        <v>0</v>
      </c>
      <c r="P99" s="12">
        <v>130</v>
      </c>
      <c r="Q99" s="12">
        <v>766</v>
      </c>
      <c r="R99" s="12">
        <v>367</v>
      </c>
    </row>
    <row r="100" spans="1:18" s="4" customFormat="1" x14ac:dyDescent="0.15">
      <c r="A100" s="3"/>
      <c r="B100" s="3" t="s">
        <v>2222</v>
      </c>
      <c r="C100" s="12">
        <v>824</v>
      </c>
      <c r="D100" s="12">
        <v>1477</v>
      </c>
      <c r="E100" s="12">
        <v>795</v>
      </c>
      <c r="F100" s="12">
        <v>682</v>
      </c>
      <c r="G100" s="12">
        <v>126</v>
      </c>
      <c r="H100" s="12">
        <v>96</v>
      </c>
      <c r="I100" s="12">
        <v>220</v>
      </c>
      <c r="J100" s="12">
        <v>204</v>
      </c>
      <c r="K100" s="12">
        <v>230</v>
      </c>
      <c r="L100" s="12">
        <v>204</v>
      </c>
      <c r="M100" s="12">
        <v>165</v>
      </c>
      <c r="N100" s="12">
        <v>232</v>
      </c>
      <c r="O100" s="12">
        <v>0</v>
      </c>
      <c r="P100" s="12">
        <v>167</v>
      </c>
      <c r="Q100" s="12">
        <v>1007</v>
      </c>
      <c r="R100" s="12">
        <v>303</v>
      </c>
    </row>
    <row r="101" spans="1:18" s="4" customFormat="1" x14ac:dyDescent="0.15">
      <c r="A101" s="3"/>
      <c r="B101" s="3" t="s">
        <v>2223</v>
      </c>
      <c r="C101" s="12">
        <v>1502</v>
      </c>
      <c r="D101" s="12">
        <v>2624</v>
      </c>
      <c r="E101" s="12">
        <v>1236</v>
      </c>
      <c r="F101" s="12">
        <v>1388</v>
      </c>
      <c r="G101" s="12">
        <v>163</v>
      </c>
      <c r="H101" s="12">
        <v>158</v>
      </c>
      <c r="I101" s="12">
        <v>427</v>
      </c>
      <c r="J101" s="12">
        <v>392</v>
      </c>
      <c r="K101" s="12">
        <v>334</v>
      </c>
      <c r="L101" s="12">
        <v>433</v>
      </c>
      <c r="M101" s="12">
        <v>340</v>
      </c>
      <c r="N101" s="12">
        <v>377</v>
      </c>
      <c r="O101" s="12">
        <v>0</v>
      </c>
      <c r="P101" s="12">
        <v>223</v>
      </c>
      <c r="Q101" s="12">
        <v>1856</v>
      </c>
      <c r="R101" s="12">
        <v>545</v>
      </c>
    </row>
    <row r="102" spans="1:18" s="4" customFormat="1" x14ac:dyDescent="0.15">
      <c r="A102" s="3"/>
      <c r="B102" s="3" t="s">
        <v>2224</v>
      </c>
      <c r="C102" s="12">
        <v>1606</v>
      </c>
      <c r="D102" s="12">
        <v>3055</v>
      </c>
      <c r="E102" s="12">
        <v>1526</v>
      </c>
      <c r="F102" s="12">
        <v>1529</v>
      </c>
      <c r="G102" s="12">
        <v>197</v>
      </c>
      <c r="H102" s="12">
        <v>234</v>
      </c>
      <c r="I102" s="12">
        <v>419</v>
      </c>
      <c r="J102" s="12">
        <v>376</v>
      </c>
      <c r="K102" s="12">
        <v>453</v>
      </c>
      <c r="L102" s="12">
        <v>496</v>
      </c>
      <c r="M102" s="12">
        <v>339</v>
      </c>
      <c r="N102" s="12">
        <v>541</v>
      </c>
      <c r="O102" s="12">
        <v>0</v>
      </c>
      <c r="P102" s="12">
        <v>317</v>
      </c>
      <c r="Q102" s="12">
        <v>2034</v>
      </c>
      <c r="R102" s="12">
        <v>704</v>
      </c>
    </row>
    <row r="103" spans="1:18" s="4" customFormat="1" x14ac:dyDescent="0.15">
      <c r="A103" s="3"/>
      <c r="B103" s="3" t="s">
        <v>2225</v>
      </c>
      <c r="C103" s="12">
        <v>619</v>
      </c>
      <c r="D103" s="12">
        <v>1449</v>
      </c>
      <c r="E103" s="12">
        <v>724</v>
      </c>
      <c r="F103" s="12">
        <v>725</v>
      </c>
      <c r="G103" s="12">
        <v>144</v>
      </c>
      <c r="H103" s="12">
        <v>178</v>
      </c>
      <c r="I103" s="12">
        <v>158</v>
      </c>
      <c r="J103" s="12">
        <v>191</v>
      </c>
      <c r="K103" s="12">
        <v>279</v>
      </c>
      <c r="L103" s="12">
        <v>208</v>
      </c>
      <c r="M103" s="12">
        <v>109</v>
      </c>
      <c r="N103" s="12">
        <v>182</v>
      </c>
      <c r="O103" s="12">
        <v>0</v>
      </c>
      <c r="P103" s="12">
        <v>247</v>
      </c>
      <c r="Q103" s="12">
        <v>967</v>
      </c>
      <c r="R103" s="12">
        <v>235</v>
      </c>
    </row>
    <row r="104" spans="1:18" s="4" customFormat="1" x14ac:dyDescent="0.15">
      <c r="A104" s="3"/>
      <c r="B104" s="3" t="s">
        <v>2226</v>
      </c>
      <c r="C104" s="12">
        <v>640</v>
      </c>
      <c r="D104" s="12">
        <v>1321</v>
      </c>
      <c r="E104" s="12">
        <v>664</v>
      </c>
      <c r="F104" s="12">
        <v>657</v>
      </c>
      <c r="G104" s="12">
        <v>122</v>
      </c>
      <c r="H104" s="12">
        <v>119</v>
      </c>
      <c r="I104" s="12">
        <v>172</v>
      </c>
      <c r="J104" s="12">
        <v>220</v>
      </c>
      <c r="K104" s="12">
        <v>208</v>
      </c>
      <c r="L104" s="12">
        <v>189</v>
      </c>
      <c r="M104" s="12">
        <v>108</v>
      </c>
      <c r="N104" s="12">
        <v>183</v>
      </c>
      <c r="O104" s="12">
        <v>0</v>
      </c>
      <c r="P104" s="12">
        <v>187</v>
      </c>
      <c r="Q104" s="12">
        <v>904</v>
      </c>
      <c r="R104" s="12">
        <v>230</v>
      </c>
    </row>
    <row r="105" spans="1:18" s="4" customFormat="1" x14ac:dyDescent="0.15">
      <c r="A105" s="3"/>
      <c r="B105" s="3" t="s">
        <v>2227</v>
      </c>
      <c r="C105" s="12">
        <v>994</v>
      </c>
      <c r="D105" s="12">
        <v>2099</v>
      </c>
      <c r="E105" s="12">
        <v>1018</v>
      </c>
      <c r="F105" s="12">
        <v>1081</v>
      </c>
      <c r="G105" s="12">
        <v>194</v>
      </c>
      <c r="H105" s="12">
        <v>179</v>
      </c>
      <c r="I105" s="12">
        <v>239</v>
      </c>
      <c r="J105" s="12">
        <v>293</v>
      </c>
      <c r="K105" s="12">
        <v>276</v>
      </c>
      <c r="L105" s="12">
        <v>305</v>
      </c>
      <c r="M105" s="12">
        <v>246</v>
      </c>
      <c r="N105" s="12">
        <v>367</v>
      </c>
      <c r="O105" s="12">
        <v>0</v>
      </c>
      <c r="P105" s="12">
        <v>285</v>
      </c>
      <c r="Q105" s="12">
        <v>1329</v>
      </c>
      <c r="R105" s="12">
        <v>485</v>
      </c>
    </row>
    <row r="106" spans="1:18" s="4" customFormat="1" x14ac:dyDescent="0.15">
      <c r="A106" s="3"/>
      <c r="B106" s="3" t="s">
        <v>2228</v>
      </c>
      <c r="C106" s="12">
        <v>1369</v>
      </c>
      <c r="D106" s="12">
        <v>2412</v>
      </c>
      <c r="E106" s="12">
        <v>1185</v>
      </c>
      <c r="F106" s="12">
        <v>1227</v>
      </c>
      <c r="G106" s="12">
        <v>102</v>
      </c>
      <c r="H106" s="12">
        <v>104</v>
      </c>
      <c r="I106" s="12">
        <v>172</v>
      </c>
      <c r="J106" s="12">
        <v>204</v>
      </c>
      <c r="K106" s="12">
        <v>315</v>
      </c>
      <c r="L106" s="12">
        <v>329</v>
      </c>
      <c r="M106" s="12">
        <v>354</v>
      </c>
      <c r="N106" s="12">
        <v>832</v>
      </c>
      <c r="O106" s="12">
        <v>0</v>
      </c>
      <c r="P106" s="12">
        <v>156</v>
      </c>
      <c r="Q106" s="12">
        <v>1232</v>
      </c>
      <c r="R106" s="12">
        <v>1024</v>
      </c>
    </row>
    <row r="107" spans="1:18" s="4" customFormat="1" x14ac:dyDescent="0.15">
      <c r="A107" s="3"/>
      <c r="B107" s="3" t="s">
        <v>1945</v>
      </c>
      <c r="C107" s="12">
        <v>194</v>
      </c>
      <c r="D107" s="12">
        <v>375</v>
      </c>
      <c r="E107" s="12">
        <v>189</v>
      </c>
      <c r="F107" s="12">
        <v>186</v>
      </c>
      <c r="G107" s="12">
        <v>20</v>
      </c>
      <c r="H107" s="12">
        <v>33</v>
      </c>
      <c r="I107" s="12">
        <v>50</v>
      </c>
      <c r="J107" s="12">
        <v>30</v>
      </c>
      <c r="K107" s="12">
        <v>46</v>
      </c>
      <c r="L107" s="12">
        <v>62</v>
      </c>
      <c r="M107" s="12">
        <v>34</v>
      </c>
      <c r="N107" s="12">
        <v>100</v>
      </c>
      <c r="O107" s="12">
        <v>0</v>
      </c>
      <c r="P107" s="12">
        <v>24</v>
      </c>
      <c r="Q107" s="12">
        <v>234</v>
      </c>
      <c r="R107" s="12">
        <v>117</v>
      </c>
    </row>
    <row r="108" spans="1:18" s="4" customFormat="1" x14ac:dyDescent="0.15">
      <c r="A108" s="3"/>
      <c r="B108" s="3" t="s">
        <v>1946</v>
      </c>
      <c r="C108" s="12">
        <v>518</v>
      </c>
      <c r="D108" s="12">
        <v>1333</v>
      </c>
      <c r="E108" s="12">
        <v>648</v>
      </c>
      <c r="F108" s="12">
        <v>685</v>
      </c>
      <c r="G108" s="12">
        <v>289</v>
      </c>
      <c r="H108" s="12">
        <v>76</v>
      </c>
      <c r="I108" s="12">
        <v>72</v>
      </c>
      <c r="J108" s="12">
        <v>342</v>
      </c>
      <c r="K108" s="12">
        <v>215</v>
      </c>
      <c r="L108" s="12">
        <v>103</v>
      </c>
      <c r="M108" s="12">
        <v>114</v>
      </c>
      <c r="N108" s="12">
        <v>122</v>
      </c>
      <c r="O108" s="12">
        <v>0</v>
      </c>
      <c r="P108" s="12">
        <v>324</v>
      </c>
      <c r="Q108" s="12">
        <v>828</v>
      </c>
      <c r="R108" s="12">
        <v>181</v>
      </c>
    </row>
    <row r="109" spans="1:18" s="4" customFormat="1" x14ac:dyDescent="0.15">
      <c r="A109" s="3"/>
      <c r="B109" s="3" t="s">
        <v>2229</v>
      </c>
      <c r="C109" s="12">
        <v>1217</v>
      </c>
      <c r="D109" s="12">
        <v>2537</v>
      </c>
      <c r="E109" s="12">
        <v>1140</v>
      </c>
      <c r="F109" s="12">
        <v>1397</v>
      </c>
      <c r="G109" s="12">
        <v>210</v>
      </c>
      <c r="H109" s="12">
        <v>271</v>
      </c>
      <c r="I109" s="12">
        <v>182</v>
      </c>
      <c r="J109" s="12">
        <v>224</v>
      </c>
      <c r="K109" s="12">
        <v>311</v>
      </c>
      <c r="L109" s="12">
        <v>350</v>
      </c>
      <c r="M109" s="12">
        <v>265</v>
      </c>
      <c r="N109" s="12">
        <v>724</v>
      </c>
      <c r="O109" s="12">
        <v>0</v>
      </c>
      <c r="P109" s="12">
        <v>349</v>
      </c>
      <c r="Q109" s="12">
        <v>1327</v>
      </c>
      <c r="R109" s="12">
        <v>861</v>
      </c>
    </row>
    <row r="110" spans="1:18" s="4" customFormat="1" x14ac:dyDescent="0.15">
      <c r="A110" s="3"/>
      <c r="B110" s="3" t="s">
        <v>2230</v>
      </c>
      <c r="C110" s="12">
        <v>1338</v>
      </c>
      <c r="D110" s="12">
        <v>2517</v>
      </c>
      <c r="E110" s="12">
        <v>1292</v>
      </c>
      <c r="F110" s="12">
        <v>1225</v>
      </c>
      <c r="G110" s="12">
        <v>185</v>
      </c>
      <c r="H110" s="12">
        <v>190</v>
      </c>
      <c r="I110" s="12">
        <v>278</v>
      </c>
      <c r="J110" s="12">
        <v>314</v>
      </c>
      <c r="K110" s="12">
        <v>392</v>
      </c>
      <c r="L110" s="12">
        <v>365</v>
      </c>
      <c r="M110" s="12">
        <v>315</v>
      </c>
      <c r="N110" s="12">
        <v>478</v>
      </c>
      <c r="O110" s="12">
        <v>0</v>
      </c>
      <c r="P110" s="12">
        <v>280</v>
      </c>
      <c r="Q110" s="12">
        <v>1596</v>
      </c>
      <c r="R110" s="12">
        <v>641</v>
      </c>
    </row>
    <row r="111" spans="1:18" s="4" customFormat="1" x14ac:dyDescent="0.15">
      <c r="A111" s="3"/>
      <c r="B111" s="3" t="s">
        <v>2231</v>
      </c>
      <c r="C111" s="12">
        <v>832</v>
      </c>
      <c r="D111" s="12">
        <v>1440</v>
      </c>
      <c r="E111" s="12">
        <v>739</v>
      </c>
      <c r="F111" s="12">
        <v>701</v>
      </c>
      <c r="G111" s="12">
        <v>92</v>
      </c>
      <c r="H111" s="12">
        <v>72</v>
      </c>
      <c r="I111" s="12">
        <v>184</v>
      </c>
      <c r="J111" s="12">
        <v>282</v>
      </c>
      <c r="K111" s="12">
        <v>196</v>
      </c>
      <c r="L111" s="12">
        <v>193</v>
      </c>
      <c r="M111" s="12">
        <v>194</v>
      </c>
      <c r="N111" s="12">
        <v>227</v>
      </c>
      <c r="O111" s="12">
        <v>0</v>
      </c>
      <c r="P111" s="12">
        <v>126</v>
      </c>
      <c r="Q111" s="12">
        <v>989</v>
      </c>
      <c r="R111" s="12">
        <v>325</v>
      </c>
    </row>
    <row r="112" spans="1:18" s="4" customFormat="1" x14ac:dyDescent="0.15">
      <c r="A112" s="3"/>
      <c r="B112" s="3" t="s">
        <v>2232</v>
      </c>
      <c r="C112" s="12">
        <v>1033</v>
      </c>
      <c r="D112" s="12">
        <v>1968</v>
      </c>
      <c r="E112" s="12">
        <v>936</v>
      </c>
      <c r="F112" s="12">
        <v>1032</v>
      </c>
      <c r="G112" s="12">
        <v>166</v>
      </c>
      <c r="H112" s="12">
        <v>135</v>
      </c>
      <c r="I112" s="12">
        <v>260</v>
      </c>
      <c r="J112" s="12">
        <v>377</v>
      </c>
      <c r="K112" s="12">
        <v>289</v>
      </c>
      <c r="L112" s="12">
        <v>288</v>
      </c>
      <c r="M112" s="12">
        <v>205</v>
      </c>
      <c r="N112" s="12">
        <v>248</v>
      </c>
      <c r="O112" s="12">
        <v>0</v>
      </c>
      <c r="P112" s="12">
        <v>226</v>
      </c>
      <c r="Q112" s="12">
        <v>1405</v>
      </c>
      <c r="R112" s="12">
        <v>337</v>
      </c>
    </row>
    <row r="113" spans="1:18" s="4" customFormat="1" x14ac:dyDescent="0.15">
      <c r="A113" s="3"/>
      <c r="B113" s="3" t="s">
        <v>2233</v>
      </c>
      <c r="C113" s="12">
        <v>682</v>
      </c>
      <c r="D113" s="12">
        <v>1385</v>
      </c>
      <c r="E113" s="12">
        <v>704</v>
      </c>
      <c r="F113" s="12">
        <v>681</v>
      </c>
      <c r="G113" s="12">
        <v>132</v>
      </c>
      <c r="H113" s="12">
        <v>85</v>
      </c>
      <c r="I113" s="12">
        <v>201</v>
      </c>
      <c r="J113" s="12">
        <v>227</v>
      </c>
      <c r="K113" s="12">
        <v>210</v>
      </c>
      <c r="L113" s="12">
        <v>227</v>
      </c>
      <c r="M113" s="12">
        <v>122</v>
      </c>
      <c r="N113" s="12">
        <v>181</v>
      </c>
      <c r="O113" s="12">
        <v>0</v>
      </c>
      <c r="P113" s="12">
        <v>169</v>
      </c>
      <c r="Q113" s="12">
        <v>975</v>
      </c>
      <c r="R113" s="12">
        <v>241</v>
      </c>
    </row>
    <row r="114" spans="1:18" s="4" customFormat="1" x14ac:dyDescent="0.15">
      <c r="A114" s="3"/>
      <c r="B114" s="3" t="s">
        <v>2234</v>
      </c>
      <c r="C114" s="12">
        <v>419</v>
      </c>
      <c r="D114" s="12">
        <v>851</v>
      </c>
      <c r="E114" s="12">
        <v>425</v>
      </c>
      <c r="F114" s="12">
        <v>426</v>
      </c>
      <c r="G114" s="12">
        <v>43</v>
      </c>
      <c r="H114" s="12">
        <v>81</v>
      </c>
      <c r="I114" s="12">
        <v>95</v>
      </c>
      <c r="J114" s="12">
        <v>111</v>
      </c>
      <c r="K114" s="12">
        <v>127</v>
      </c>
      <c r="L114" s="12">
        <v>125</v>
      </c>
      <c r="M114" s="12">
        <v>96</v>
      </c>
      <c r="N114" s="12">
        <v>173</v>
      </c>
      <c r="O114" s="12">
        <v>0</v>
      </c>
      <c r="P114" s="12">
        <v>90</v>
      </c>
      <c r="Q114" s="12">
        <v>544</v>
      </c>
      <c r="R114" s="12">
        <v>217</v>
      </c>
    </row>
    <row r="115" spans="1:18" s="4" customFormat="1" x14ac:dyDescent="0.15">
      <c r="A115" s="3"/>
      <c r="B115" s="3" t="s">
        <v>2235</v>
      </c>
      <c r="C115" s="12">
        <v>371</v>
      </c>
      <c r="D115" s="12">
        <v>914</v>
      </c>
      <c r="E115" s="12">
        <v>462</v>
      </c>
      <c r="F115" s="12">
        <v>452</v>
      </c>
      <c r="G115" s="12">
        <v>61</v>
      </c>
      <c r="H115" s="12">
        <v>93</v>
      </c>
      <c r="I115" s="12">
        <v>96</v>
      </c>
      <c r="J115" s="12">
        <v>95</v>
      </c>
      <c r="K115" s="12">
        <v>118</v>
      </c>
      <c r="L115" s="12">
        <v>156</v>
      </c>
      <c r="M115" s="12">
        <v>154</v>
      </c>
      <c r="N115" s="12">
        <v>141</v>
      </c>
      <c r="O115" s="12">
        <v>0</v>
      </c>
      <c r="P115" s="12">
        <v>97</v>
      </c>
      <c r="Q115" s="12">
        <v>607</v>
      </c>
      <c r="R115" s="12">
        <v>210</v>
      </c>
    </row>
    <row r="116" spans="1:18" s="4" customFormat="1" x14ac:dyDescent="0.15">
      <c r="A116" s="3"/>
      <c r="B116" s="3" t="s">
        <v>2236</v>
      </c>
      <c r="C116" s="12">
        <v>83</v>
      </c>
      <c r="D116" s="12">
        <v>208</v>
      </c>
      <c r="E116" s="12">
        <v>101</v>
      </c>
      <c r="F116" s="12">
        <v>107</v>
      </c>
      <c r="G116" s="12">
        <v>22</v>
      </c>
      <c r="H116" s="12">
        <v>34</v>
      </c>
      <c r="I116" s="12">
        <v>26</v>
      </c>
      <c r="J116" s="12">
        <v>33</v>
      </c>
      <c r="K116" s="12">
        <v>37</v>
      </c>
      <c r="L116" s="12">
        <v>32</v>
      </c>
      <c r="M116" s="12">
        <v>11</v>
      </c>
      <c r="N116" s="12">
        <v>13</v>
      </c>
      <c r="O116" s="12">
        <v>0</v>
      </c>
      <c r="P116" s="12">
        <v>40</v>
      </c>
      <c r="Q116" s="12">
        <v>152</v>
      </c>
      <c r="R116" s="12">
        <v>16</v>
      </c>
    </row>
    <row r="117" spans="1:18" s="4" customFormat="1" x14ac:dyDescent="0.15">
      <c r="A117" s="3"/>
      <c r="B117" s="3" t="s">
        <v>2237</v>
      </c>
      <c r="C117" s="12">
        <v>530</v>
      </c>
      <c r="D117" s="12">
        <v>1111</v>
      </c>
      <c r="E117" s="12">
        <v>525</v>
      </c>
      <c r="F117" s="12">
        <v>586</v>
      </c>
      <c r="G117" s="12">
        <v>80</v>
      </c>
      <c r="H117" s="12">
        <v>58</v>
      </c>
      <c r="I117" s="12">
        <v>72</v>
      </c>
      <c r="J117" s="12">
        <v>100</v>
      </c>
      <c r="K117" s="12">
        <v>144</v>
      </c>
      <c r="L117" s="12">
        <v>136</v>
      </c>
      <c r="M117" s="12">
        <v>139</v>
      </c>
      <c r="N117" s="12">
        <v>382</v>
      </c>
      <c r="O117" s="12">
        <v>0</v>
      </c>
      <c r="P117" s="12">
        <v>110</v>
      </c>
      <c r="Q117" s="12">
        <v>549</v>
      </c>
      <c r="R117" s="12">
        <v>452</v>
      </c>
    </row>
    <row r="118" spans="1:18" s="4" customFormat="1" x14ac:dyDescent="0.15">
      <c r="A118" s="3"/>
      <c r="B118" s="3" t="s">
        <v>2238</v>
      </c>
      <c r="C118" s="12">
        <v>725</v>
      </c>
      <c r="D118" s="12">
        <v>1495</v>
      </c>
      <c r="E118" s="12">
        <v>656</v>
      </c>
      <c r="F118" s="12">
        <v>839</v>
      </c>
      <c r="G118" s="12">
        <v>85</v>
      </c>
      <c r="H118" s="12">
        <v>127</v>
      </c>
      <c r="I118" s="12">
        <v>103</v>
      </c>
      <c r="J118" s="12">
        <v>85</v>
      </c>
      <c r="K118" s="12">
        <v>204</v>
      </c>
      <c r="L118" s="12">
        <v>187</v>
      </c>
      <c r="M118" s="12">
        <v>184</v>
      </c>
      <c r="N118" s="12">
        <v>520</v>
      </c>
      <c r="O118" s="12">
        <v>0</v>
      </c>
      <c r="P118" s="12">
        <v>149</v>
      </c>
      <c r="Q118" s="12">
        <v>737</v>
      </c>
      <c r="R118" s="12">
        <v>609</v>
      </c>
    </row>
    <row r="119" spans="1:18" s="4" customFormat="1" x14ac:dyDescent="0.15">
      <c r="A119" s="3"/>
      <c r="B119" s="3" t="s">
        <v>2239</v>
      </c>
      <c r="C119" s="12">
        <v>258</v>
      </c>
      <c r="D119" s="12">
        <v>535</v>
      </c>
      <c r="E119" s="12">
        <v>253</v>
      </c>
      <c r="F119" s="12">
        <v>282</v>
      </c>
      <c r="G119" s="12">
        <v>45</v>
      </c>
      <c r="H119" s="12">
        <v>30</v>
      </c>
      <c r="I119" s="12">
        <v>23</v>
      </c>
      <c r="J119" s="12">
        <v>51</v>
      </c>
      <c r="K119" s="12">
        <v>61</v>
      </c>
      <c r="L119" s="12">
        <v>69</v>
      </c>
      <c r="M119" s="12">
        <v>69</v>
      </c>
      <c r="N119" s="12">
        <v>187</v>
      </c>
      <c r="O119" s="12">
        <v>0</v>
      </c>
      <c r="P119" s="12">
        <v>58</v>
      </c>
      <c r="Q119" s="12">
        <v>252</v>
      </c>
      <c r="R119" s="12">
        <v>225</v>
      </c>
    </row>
    <row r="120" spans="1:18" s="4" customFormat="1" x14ac:dyDescent="0.15">
      <c r="A120" s="3"/>
      <c r="B120" s="3" t="s">
        <v>2240</v>
      </c>
      <c r="C120" s="12">
        <v>419</v>
      </c>
      <c r="D120" s="12">
        <v>1099</v>
      </c>
      <c r="E120" s="12">
        <v>543</v>
      </c>
      <c r="F120" s="12">
        <v>556</v>
      </c>
      <c r="G120" s="12">
        <v>121</v>
      </c>
      <c r="H120" s="12">
        <v>162</v>
      </c>
      <c r="I120" s="12">
        <v>108</v>
      </c>
      <c r="J120" s="12">
        <v>131</v>
      </c>
      <c r="K120" s="12">
        <v>243</v>
      </c>
      <c r="L120" s="12">
        <v>161</v>
      </c>
      <c r="M120" s="12">
        <v>75</v>
      </c>
      <c r="N120" s="12">
        <v>98</v>
      </c>
      <c r="O120" s="12">
        <v>0</v>
      </c>
      <c r="P120" s="12">
        <v>194</v>
      </c>
      <c r="Q120" s="12">
        <v>775</v>
      </c>
      <c r="R120" s="12">
        <v>130</v>
      </c>
    </row>
    <row r="121" spans="1:18" s="4" customFormat="1" x14ac:dyDescent="0.15">
      <c r="A121" s="3"/>
      <c r="B121" s="3" t="s">
        <v>2241</v>
      </c>
      <c r="C121" s="12">
        <v>875</v>
      </c>
      <c r="D121" s="12">
        <v>1677</v>
      </c>
      <c r="E121" s="12">
        <v>781</v>
      </c>
      <c r="F121" s="12">
        <v>896</v>
      </c>
      <c r="G121" s="12">
        <v>84</v>
      </c>
      <c r="H121" s="12">
        <v>141</v>
      </c>
      <c r="I121" s="12">
        <v>153</v>
      </c>
      <c r="J121" s="12">
        <v>138</v>
      </c>
      <c r="K121" s="12">
        <v>226</v>
      </c>
      <c r="L121" s="12">
        <v>251</v>
      </c>
      <c r="M121" s="12">
        <v>194</v>
      </c>
      <c r="N121" s="12">
        <v>490</v>
      </c>
      <c r="O121" s="12">
        <v>0</v>
      </c>
      <c r="P121" s="12">
        <v>157</v>
      </c>
      <c r="Q121" s="12">
        <v>943</v>
      </c>
      <c r="R121" s="12">
        <v>577</v>
      </c>
    </row>
    <row r="122" spans="1:18" s="4" customFormat="1" x14ac:dyDescent="0.15">
      <c r="A122" s="3"/>
      <c r="B122" s="3" t="s">
        <v>2242</v>
      </c>
      <c r="C122" s="12">
        <v>556</v>
      </c>
      <c r="D122" s="12">
        <v>1158</v>
      </c>
      <c r="E122" s="12">
        <v>570</v>
      </c>
      <c r="F122" s="12">
        <v>588</v>
      </c>
      <c r="G122" s="12">
        <v>72</v>
      </c>
      <c r="H122" s="12">
        <v>94</v>
      </c>
      <c r="I122" s="12">
        <v>125</v>
      </c>
      <c r="J122" s="12">
        <v>108</v>
      </c>
      <c r="K122" s="12">
        <v>159</v>
      </c>
      <c r="L122" s="12">
        <v>169</v>
      </c>
      <c r="M122" s="12">
        <v>132</v>
      </c>
      <c r="N122" s="12">
        <v>299</v>
      </c>
      <c r="O122" s="12">
        <v>0</v>
      </c>
      <c r="P122" s="12">
        <v>116</v>
      </c>
      <c r="Q122" s="12">
        <v>683</v>
      </c>
      <c r="R122" s="12">
        <v>359</v>
      </c>
    </row>
    <row r="123" spans="1:18" s="4" customFormat="1" x14ac:dyDescent="0.15">
      <c r="A123" s="3"/>
      <c r="B123" s="3" t="s">
        <v>2243</v>
      </c>
      <c r="C123" s="12">
        <v>474</v>
      </c>
      <c r="D123" s="12">
        <v>947</v>
      </c>
      <c r="E123" s="12">
        <v>483</v>
      </c>
      <c r="F123" s="12">
        <v>464</v>
      </c>
      <c r="G123" s="12">
        <v>96</v>
      </c>
      <c r="H123" s="12">
        <v>91</v>
      </c>
      <c r="I123" s="12">
        <v>98</v>
      </c>
      <c r="J123" s="12">
        <v>137</v>
      </c>
      <c r="K123" s="12">
        <v>207</v>
      </c>
      <c r="L123" s="12">
        <v>137</v>
      </c>
      <c r="M123" s="12">
        <v>78</v>
      </c>
      <c r="N123" s="12">
        <v>103</v>
      </c>
      <c r="O123" s="12">
        <v>0</v>
      </c>
      <c r="P123" s="12">
        <v>158</v>
      </c>
      <c r="Q123" s="12">
        <v>649</v>
      </c>
      <c r="R123" s="12">
        <v>140</v>
      </c>
    </row>
    <row r="124" spans="1:18" s="4" customFormat="1" x14ac:dyDescent="0.15">
      <c r="A124" s="3"/>
      <c r="B124" s="3" t="s">
        <v>2244</v>
      </c>
      <c r="C124" s="12">
        <v>703</v>
      </c>
      <c r="D124" s="12">
        <v>1516</v>
      </c>
      <c r="E124" s="12">
        <v>748</v>
      </c>
      <c r="F124" s="12">
        <v>768</v>
      </c>
      <c r="G124" s="12">
        <v>88</v>
      </c>
      <c r="H124" s="12">
        <v>123</v>
      </c>
      <c r="I124" s="12">
        <v>191</v>
      </c>
      <c r="J124" s="12">
        <v>135</v>
      </c>
      <c r="K124" s="12">
        <v>214</v>
      </c>
      <c r="L124" s="12">
        <v>300</v>
      </c>
      <c r="M124" s="12">
        <v>200</v>
      </c>
      <c r="N124" s="12">
        <v>265</v>
      </c>
      <c r="O124" s="12">
        <v>0</v>
      </c>
      <c r="P124" s="12">
        <v>137</v>
      </c>
      <c r="Q124" s="12">
        <v>1010</v>
      </c>
      <c r="R124" s="12">
        <v>369</v>
      </c>
    </row>
    <row r="125" spans="1:18" s="4" customFormat="1" x14ac:dyDescent="0.15">
      <c r="A125" s="3"/>
      <c r="B125" s="3" t="s">
        <v>2245</v>
      </c>
      <c r="C125" s="12">
        <v>640</v>
      </c>
      <c r="D125" s="12">
        <v>1388</v>
      </c>
      <c r="E125" s="12">
        <v>689</v>
      </c>
      <c r="F125" s="12">
        <v>699</v>
      </c>
      <c r="G125" s="12">
        <v>87</v>
      </c>
      <c r="H125" s="12">
        <v>134</v>
      </c>
      <c r="I125" s="12">
        <v>111</v>
      </c>
      <c r="J125" s="12">
        <v>114</v>
      </c>
      <c r="K125" s="12">
        <v>213</v>
      </c>
      <c r="L125" s="12">
        <v>235</v>
      </c>
      <c r="M125" s="12">
        <v>187</v>
      </c>
      <c r="N125" s="12">
        <v>307</v>
      </c>
      <c r="O125" s="12">
        <v>0</v>
      </c>
      <c r="P125" s="12">
        <v>160</v>
      </c>
      <c r="Q125" s="12">
        <v>839</v>
      </c>
      <c r="R125" s="12">
        <v>389</v>
      </c>
    </row>
    <row r="126" spans="1:18" s="4" customFormat="1" x14ac:dyDescent="0.15">
      <c r="A126" s="3"/>
      <c r="B126" s="3" t="s">
        <v>2246</v>
      </c>
      <c r="C126" s="12">
        <v>420</v>
      </c>
      <c r="D126" s="12">
        <v>910</v>
      </c>
      <c r="E126" s="12">
        <v>447</v>
      </c>
      <c r="F126" s="12">
        <v>463</v>
      </c>
      <c r="G126" s="12">
        <v>68</v>
      </c>
      <c r="H126" s="12">
        <v>86</v>
      </c>
      <c r="I126" s="12">
        <v>101</v>
      </c>
      <c r="J126" s="12">
        <v>83</v>
      </c>
      <c r="K126" s="12">
        <v>132</v>
      </c>
      <c r="L126" s="12">
        <v>131</v>
      </c>
      <c r="M126" s="12">
        <v>105</v>
      </c>
      <c r="N126" s="12">
        <v>204</v>
      </c>
      <c r="O126" s="12">
        <v>0</v>
      </c>
      <c r="P126" s="12">
        <v>114</v>
      </c>
      <c r="Q126" s="12">
        <v>541</v>
      </c>
      <c r="R126" s="12">
        <v>255</v>
      </c>
    </row>
    <row r="127" spans="1:18" s="4" customFormat="1" x14ac:dyDescent="0.15">
      <c r="A127" s="3"/>
      <c r="B127" s="3" t="s">
        <v>2247</v>
      </c>
      <c r="C127" s="12">
        <v>410</v>
      </c>
      <c r="D127" s="12">
        <v>893</v>
      </c>
      <c r="E127" s="12">
        <v>466</v>
      </c>
      <c r="F127" s="12">
        <v>427</v>
      </c>
      <c r="G127" s="12">
        <v>126</v>
      </c>
      <c r="H127" s="12">
        <v>69</v>
      </c>
      <c r="I127" s="12">
        <v>101</v>
      </c>
      <c r="J127" s="12">
        <v>153</v>
      </c>
      <c r="K127" s="12">
        <v>146</v>
      </c>
      <c r="L127" s="12">
        <v>107</v>
      </c>
      <c r="M127" s="12">
        <v>69</v>
      </c>
      <c r="N127" s="12">
        <v>122</v>
      </c>
      <c r="O127" s="12">
        <v>0</v>
      </c>
      <c r="P127" s="12">
        <v>165</v>
      </c>
      <c r="Q127" s="12">
        <v>577</v>
      </c>
      <c r="R127" s="12">
        <v>151</v>
      </c>
    </row>
    <row r="128" spans="1:18" s="4" customFormat="1" x14ac:dyDescent="0.15">
      <c r="A128" s="3"/>
      <c r="B128" s="3" t="s">
        <v>2248</v>
      </c>
      <c r="C128" s="12">
        <v>383</v>
      </c>
      <c r="D128" s="12">
        <v>774</v>
      </c>
      <c r="E128" s="12">
        <v>375</v>
      </c>
      <c r="F128" s="12">
        <v>399</v>
      </c>
      <c r="G128" s="12">
        <v>72</v>
      </c>
      <c r="H128" s="12">
        <v>65</v>
      </c>
      <c r="I128" s="12">
        <v>116</v>
      </c>
      <c r="J128" s="12">
        <v>98</v>
      </c>
      <c r="K128" s="12">
        <v>114</v>
      </c>
      <c r="L128" s="12">
        <v>111</v>
      </c>
      <c r="M128" s="12">
        <v>51</v>
      </c>
      <c r="N128" s="12">
        <v>147</v>
      </c>
      <c r="O128" s="12">
        <v>0</v>
      </c>
      <c r="P128" s="12">
        <v>115</v>
      </c>
      <c r="Q128" s="12">
        <v>489</v>
      </c>
      <c r="R128" s="12">
        <v>170</v>
      </c>
    </row>
    <row r="129" spans="1:18" s="4" customFormat="1" x14ac:dyDescent="0.15">
      <c r="A129" s="3"/>
      <c r="B129" s="3" t="s">
        <v>2249</v>
      </c>
      <c r="C129" s="12">
        <v>258</v>
      </c>
      <c r="D129" s="12">
        <v>712</v>
      </c>
      <c r="E129" s="12">
        <v>368</v>
      </c>
      <c r="F129" s="12">
        <v>344</v>
      </c>
      <c r="G129" s="12">
        <v>80</v>
      </c>
      <c r="H129" s="12">
        <v>115</v>
      </c>
      <c r="I129" s="12">
        <v>77</v>
      </c>
      <c r="J129" s="12">
        <v>68</v>
      </c>
      <c r="K129" s="12">
        <v>148</v>
      </c>
      <c r="L129" s="12">
        <v>104</v>
      </c>
      <c r="M129" s="12">
        <v>28</v>
      </c>
      <c r="N129" s="12">
        <v>92</v>
      </c>
      <c r="O129" s="12">
        <v>0</v>
      </c>
      <c r="P129" s="12">
        <v>132</v>
      </c>
      <c r="Q129" s="12">
        <v>472</v>
      </c>
      <c r="R129" s="12">
        <v>108</v>
      </c>
    </row>
    <row r="130" spans="1:18" s="4" customFormat="1" x14ac:dyDescent="0.15">
      <c r="A130" s="3"/>
      <c r="B130" s="3" t="s">
        <v>2250</v>
      </c>
      <c r="C130" s="12">
        <v>446</v>
      </c>
      <c r="D130" s="12">
        <v>987</v>
      </c>
      <c r="E130" s="12">
        <v>511</v>
      </c>
      <c r="F130" s="12">
        <v>476</v>
      </c>
      <c r="G130" s="12">
        <v>87</v>
      </c>
      <c r="H130" s="12">
        <v>83</v>
      </c>
      <c r="I130" s="12">
        <v>122</v>
      </c>
      <c r="J130" s="12">
        <v>97</v>
      </c>
      <c r="K130" s="12">
        <v>141</v>
      </c>
      <c r="L130" s="12">
        <v>144</v>
      </c>
      <c r="M130" s="12">
        <v>115</v>
      </c>
      <c r="N130" s="12">
        <v>198</v>
      </c>
      <c r="O130" s="12">
        <v>0</v>
      </c>
      <c r="P130" s="12">
        <v>126</v>
      </c>
      <c r="Q130" s="12">
        <v>605</v>
      </c>
      <c r="R130" s="12">
        <v>256</v>
      </c>
    </row>
    <row r="131" spans="1:18" s="4" customFormat="1" x14ac:dyDescent="0.15">
      <c r="A131" s="3"/>
      <c r="B131" s="3" t="s">
        <v>2251</v>
      </c>
      <c r="C131" s="12">
        <v>255</v>
      </c>
      <c r="D131" s="12">
        <v>600</v>
      </c>
      <c r="E131" s="12">
        <v>309</v>
      </c>
      <c r="F131" s="12">
        <v>291</v>
      </c>
      <c r="G131" s="12">
        <v>79</v>
      </c>
      <c r="H131" s="12">
        <v>50</v>
      </c>
      <c r="I131" s="12">
        <v>63</v>
      </c>
      <c r="J131" s="12">
        <v>84</v>
      </c>
      <c r="K131" s="12">
        <v>82</v>
      </c>
      <c r="L131" s="12">
        <v>86</v>
      </c>
      <c r="M131" s="12">
        <v>45</v>
      </c>
      <c r="N131" s="12">
        <v>111</v>
      </c>
      <c r="O131" s="12">
        <v>0</v>
      </c>
      <c r="P131" s="12">
        <v>104</v>
      </c>
      <c r="Q131" s="12">
        <v>362</v>
      </c>
      <c r="R131" s="12">
        <v>134</v>
      </c>
    </row>
    <row r="132" spans="1:18" s="4" customFormat="1" x14ac:dyDescent="0.15">
      <c r="A132" s="3"/>
      <c r="B132" s="3" t="s">
        <v>2252</v>
      </c>
      <c r="C132" s="12">
        <v>761</v>
      </c>
      <c r="D132" s="12">
        <v>1477</v>
      </c>
      <c r="E132" s="12">
        <v>769</v>
      </c>
      <c r="F132" s="12">
        <v>708</v>
      </c>
      <c r="G132" s="12">
        <v>123</v>
      </c>
      <c r="H132" s="12">
        <v>126</v>
      </c>
      <c r="I132" s="12">
        <v>207</v>
      </c>
      <c r="J132" s="12">
        <v>217</v>
      </c>
      <c r="K132" s="12">
        <v>236</v>
      </c>
      <c r="L132" s="12">
        <v>187</v>
      </c>
      <c r="M132" s="12">
        <v>147</v>
      </c>
      <c r="N132" s="12">
        <v>234</v>
      </c>
      <c r="O132" s="12">
        <v>0</v>
      </c>
      <c r="P132" s="12">
        <v>182</v>
      </c>
      <c r="Q132" s="12">
        <v>988</v>
      </c>
      <c r="R132" s="12">
        <v>307</v>
      </c>
    </row>
    <row r="133" spans="1:18" s="4" customFormat="1" x14ac:dyDescent="0.15">
      <c r="A133" s="3"/>
      <c r="B133" s="3" t="s">
        <v>2253</v>
      </c>
      <c r="C133" s="12">
        <v>680</v>
      </c>
      <c r="D133" s="12">
        <v>1190</v>
      </c>
      <c r="E133" s="12">
        <v>663</v>
      </c>
      <c r="F133" s="12">
        <v>527</v>
      </c>
      <c r="G133" s="12">
        <v>91</v>
      </c>
      <c r="H133" s="12">
        <v>77</v>
      </c>
      <c r="I133" s="12">
        <v>208</v>
      </c>
      <c r="J133" s="12">
        <v>185</v>
      </c>
      <c r="K133" s="12">
        <v>182</v>
      </c>
      <c r="L133" s="12">
        <v>180</v>
      </c>
      <c r="M133" s="12">
        <v>113</v>
      </c>
      <c r="N133" s="12">
        <v>154</v>
      </c>
      <c r="O133" s="12">
        <v>0</v>
      </c>
      <c r="P133" s="12">
        <v>123</v>
      </c>
      <c r="Q133" s="12">
        <v>863</v>
      </c>
      <c r="R133" s="12">
        <v>204</v>
      </c>
    </row>
    <row r="134" spans="1:18" s="4" customFormat="1" x14ac:dyDescent="0.15">
      <c r="A134" s="3"/>
      <c r="B134" s="3" t="s">
        <v>2254</v>
      </c>
      <c r="C134" s="12">
        <v>851</v>
      </c>
      <c r="D134" s="12">
        <v>1560</v>
      </c>
      <c r="E134" s="12">
        <v>834</v>
      </c>
      <c r="F134" s="12">
        <v>726</v>
      </c>
      <c r="G134" s="12">
        <v>129</v>
      </c>
      <c r="H134" s="12">
        <v>117</v>
      </c>
      <c r="I134" s="12">
        <v>266</v>
      </c>
      <c r="J134" s="12">
        <v>231</v>
      </c>
      <c r="K134" s="12">
        <v>250</v>
      </c>
      <c r="L134" s="12">
        <v>217</v>
      </c>
      <c r="M134" s="12">
        <v>163</v>
      </c>
      <c r="N134" s="12">
        <v>187</v>
      </c>
      <c r="O134" s="12">
        <v>0</v>
      </c>
      <c r="P134" s="12">
        <v>178</v>
      </c>
      <c r="Q134" s="12">
        <v>1116</v>
      </c>
      <c r="R134" s="12">
        <v>266</v>
      </c>
    </row>
    <row r="135" spans="1:18" s="4" customFormat="1" x14ac:dyDescent="0.15">
      <c r="A135" s="3"/>
      <c r="B135" s="3" t="s">
        <v>2255</v>
      </c>
      <c r="C135" s="12">
        <v>953</v>
      </c>
      <c r="D135" s="12">
        <v>2155</v>
      </c>
      <c r="E135" s="12">
        <v>1080</v>
      </c>
      <c r="F135" s="12">
        <v>1075</v>
      </c>
      <c r="G135" s="12">
        <v>194</v>
      </c>
      <c r="H135" s="12">
        <v>214</v>
      </c>
      <c r="I135" s="12">
        <v>292</v>
      </c>
      <c r="J135" s="12">
        <v>284</v>
      </c>
      <c r="K135" s="12">
        <v>367</v>
      </c>
      <c r="L135" s="12">
        <v>401</v>
      </c>
      <c r="M135" s="12">
        <v>178</v>
      </c>
      <c r="N135" s="12">
        <v>225</v>
      </c>
      <c r="O135" s="12">
        <v>0</v>
      </c>
      <c r="P135" s="12">
        <v>293</v>
      </c>
      <c r="Q135" s="12">
        <v>1568</v>
      </c>
      <c r="R135" s="12">
        <v>294</v>
      </c>
    </row>
    <row r="136" spans="1:18" s="4" customFormat="1" x14ac:dyDescent="0.15">
      <c r="A136" s="3"/>
      <c r="B136" s="3" t="s">
        <v>2256</v>
      </c>
      <c r="C136" s="12">
        <v>638</v>
      </c>
      <c r="D136" s="12">
        <v>1490</v>
      </c>
      <c r="E136" s="12">
        <v>772</v>
      </c>
      <c r="F136" s="12">
        <v>718</v>
      </c>
      <c r="G136" s="12">
        <v>156</v>
      </c>
      <c r="H136" s="12">
        <v>173</v>
      </c>
      <c r="I136" s="12">
        <v>175</v>
      </c>
      <c r="J136" s="12">
        <v>197</v>
      </c>
      <c r="K136" s="12">
        <v>270</v>
      </c>
      <c r="L136" s="12">
        <v>253</v>
      </c>
      <c r="M136" s="12">
        <v>124</v>
      </c>
      <c r="N136" s="12">
        <v>142</v>
      </c>
      <c r="O136" s="12">
        <v>0</v>
      </c>
      <c r="P136" s="12">
        <v>231</v>
      </c>
      <c r="Q136" s="12">
        <v>1073</v>
      </c>
      <c r="R136" s="12">
        <v>186</v>
      </c>
    </row>
    <row r="137" spans="1:18" s="4" customFormat="1" x14ac:dyDescent="0.15">
      <c r="A137" s="3"/>
      <c r="B137" s="3" t="s">
        <v>2257</v>
      </c>
      <c r="C137" s="12">
        <v>422</v>
      </c>
      <c r="D137" s="12">
        <v>1012</v>
      </c>
      <c r="E137" s="12">
        <v>519</v>
      </c>
      <c r="F137" s="12">
        <v>493</v>
      </c>
      <c r="G137" s="12">
        <v>115</v>
      </c>
      <c r="H137" s="12">
        <v>105</v>
      </c>
      <c r="I137" s="12">
        <v>121</v>
      </c>
      <c r="J137" s="12">
        <v>151</v>
      </c>
      <c r="K137" s="12">
        <v>145</v>
      </c>
      <c r="L137" s="12">
        <v>155</v>
      </c>
      <c r="M137" s="12">
        <v>106</v>
      </c>
      <c r="N137" s="12">
        <v>114</v>
      </c>
      <c r="O137" s="12">
        <v>0</v>
      </c>
      <c r="P137" s="12">
        <v>168</v>
      </c>
      <c r="Q137" s="12">
        <v>695</v>
      </c>
      <c r="R137" s="12">
        <v>149</v>
      </c>
    </row>
    <row r="138" spans="1:18" s="4" customFormat="1" x14ac:dyDescent="0.15">
      <c r="A138" s="3"/>
      <c r="B138" s="3" t="s">
        <v>2258</v>
      </c>
      <c r="C138" s="12">
        <v>270</v>
      </c>
      <c r="D138" s="12">
        <v>520</v>
      </c>
      <c r="E138" s="12">
        <v>241</v>
      </c>
      <c r="F138" s="12">
        <v>279</v>
      </c>
      <c r="G138" s="12">
        <v>27</v>
      </c>
      <c r="H138" s="12">
        <v>51</v>
      </c>
      <c r="I138" s="12">
        <v>56</v>
      </c>
      <c r="J138" s="12">
        <v>52</v>
      </c>
      <c r="K138" s="12">
        <v>75</v>
      </c>
      <c r="L138" s="12">
        <v>92</v>
      </c>
      <c r="M138" s="12">
        <v>63</v>
      </c>
      <c r="N138" s="12">
        <v>104</v>
      </c>
      <c r="O138" s="12">
        <v>0</v>
      </c>
      <c r="P138" s="12">
        <v>51</v>
      </c>
      <c r="Q138" s="12">
        <v>332</v>
      </c>
      <c r="R138" s="12">
        <v>137</v>
      </c>
    </row>
    <row r="139" spans="1:18" s="4" customFormat="1" x14ac:dyDescent="0.15">
      <c r="A139" s="3"/>
      <c r="B139" s="3" t="s">
        <v>2259</v>
      </c>
      <c r="C139" s="12">
        <v>308</v>
      </c>
      <c r="D139" s="12">
        <v>600</v>
      </c>
      <c r="E139" s="12">
        <v>292</v>
      </c>
      <c r="F139" s="12">
        <v>308</v>
      </c>
      <c r="G139" s="12">
        <v>39</v>
      </c>
      <c r="H139" s="12">
        <v>57</v>
      </c>
      <c r="I139" s="12">
        <v>81</v>
      </c>
      <c r="J139" s="12">
        <v>54</v>
      </c>
      <c r="K139" s="12">
        <v>87</v>
      </c>
      <c r="L139" s="12">
        <v>89</v>
      </c>
      <c r="M139" s="12">
        <v>85</v>
      </c>
      <c r="N139" s="12">
        <v>108</v>
      </c>
      <c r="O139" s="12">
        <v>0</v>
      </c>
      <c r="P139" s="12">
        <v>70</v>
      </c>
      <c r="Q139" s="12">
        <v>382</v>
      </c>
      <c r="R139" s="12">
        <v>148</v>
      </c>
    </row>
    <row r="140" spans="1:18" s="4" customFormat="1" x14ac:dyDescent="0.15">
      <c r="A140" s="3"/>
      <c r="B140" s="3" t="s">
        <v>2260</v>
      </c>
      <c r="C140" s="12">
        <v>413</v>
      </c>
      <c r="D140" s="12">
        <v>1031</v>
      </c>
      <c r="E140" s="12">
        <v>521</v>
      </c>
      <c r="F140" s="12">
        <v>510</v>
      </c>
      <c r="G140" s="12">
        <v>77</v>
      </c>
      <c r="H140" s="12">
        <v>126</v>
      </c>
      <c r="I140" s="12">
        <v>105</v>
      </c>
      <c r="J140" s="12">
        <v>102</v>
      </c>
      <c r="K140" s="12">
        <v>152</v>
      </c>
      <c r="L140" s="12">
        <v>156</v>
      </c>
      <c r="M140" s="12">
        <v>114</v>
      </c>
      <c r="N140" s="12">
        <v>199</v>
      </c>
      <c r="O140" s="12">
        <v>0</v>
      </c>
      <c r="P140" s="12">
        <v>142</v>
      </c>
      <c r="Q140" s="12">
        <v>642</v>
      </c>
      <c r="R140" s="12">
        <v>247</v>
      </c>
    </row>
    <row r="141" spans="1:18" s="4" customFormat="1" x14ac:dyDescent="0.15">
      <c r="A141" s="3"/>
      <c r="B141" s="3" t="s">
        <v>2261</v>
      </c>
      <c r="C141" s="12">
        <v>430</v>
      </c>
      <c r="D141" s="12">
        <v>842</v>
      </c>
      <c r="E141" s="12">
        <v>409</v>
      </c>
      <c r="F141" s="12">
        <v>433</v>
      </c>
      <c r="G141" s="12">
        <v>73</v>
      </c>
      <c r="H141" s="12">
        <v>57</v>
      </c>
      <c r="I141" s="12">
        <v>117</v>
      </c>
      <c r="J141" s="12">
        <v>105</v>
      </c>
      <c r="K141" s="12">
        <v>118</v>
      </c>
      <c r="L141" s="12">
        <v>105</v>
      </c>
      <c r="M141" s="12">
        <v>90</v>
      </c>
      <c r="N141" s="12">
        <v>177</v>
      </c>
      <c r="O141" s="12">
        <v>0</v>
      </c>
      <c r="P141" s="12">
        <v>104</v>
      </c>
      <c r="Q141" s="12">
        <v>522</v>
      </c>
      <c r="R141" s="12">
        <v>216</v>
      </c>
    </row>
    <row r="142" spans="1:18" s="4" customFormat="1" x14ac:dyDescent="0.15">
      <c r="A142" s="3"/>
      <c r="B142" s="3" t="s">
        <v>2262</v>
      </c>
      <c r="C142" s="12">
        <v>1014</v>
      </c>
      <c r="D142" s="12">
        <v>1742</v>
      </c>
      <c r="E142" s="12">
        <v>868</v>
      </c>
      <c r="F142" s="12">
        <v>874</v>
      </c>
      <c r="G142" s="12">
        <v>110</v>
      </c>
      <c r="H142" s="12">
        <v>106</v>
      </c>
      <c r="I142" s="12">
        <v>257</v>
      </c>
      <c r="J142" s="12">
        <v>205</v>
      </c>
      <c r="K142" s="12">
        <v>232</v>
      </c>
      <c r="L142" s="12">
        <v>267</v>
      </c>
      <c r="M142" s="12">
        <v>262</v>
      </c>
      <c r="N142" s="12">
        <v>303</v>
      </c>
      <c r="O142" s="12">
        <v>0</v>
      </c>
      <c r="P142" s="12">
        <v>156</v>
      </c>
      <c r="Q142" s="12">
        <v>1145</v>
      </c>
      <c r="R142" s="12">
        <v>441</v>
      </c>
    </row>
    <row r="143" spans="1:18" s="4" customFormat="1" x14ac:dyDescent="0.15">
      <c r="A143" s="3"/>
      <c r="B143" s="3" t="s">
        <v>2263</v>
      </c>
      <c r="C143" s="12">
        <v>406</v>
      </c>
      <c r="D143" s="12">
        <v>876</v>
      </c>
      <c r="E143" s="12">
        <v>432</v>
      </c>
      <c r="F143" s="12">
        <v>444</v>
      </c>
      <c r="G143" s="12">
        <v>48</v>
      </c>
      <c r="H143" s="12">
        <v>89</v>
      </c>
      <c r="I143" s="12">
        <v>82</v>
      </c>
      <c r="J143" s="12">
        <v>71</v>
      </c>
      <c r="K143" s="12">
        <v>143</v>
      </c>
      <c r="L143" s="12">
        <v>139</v>
      </c>
      <c r="M143" s="12">
        <v>133</v>
      </c>
      <c r="N143" s="12">
        <v>171</v>
      </c>
      <c r="O143" s="12">
        <v>0</v>
      </c>
      <c r="P143" s="12">
        <v>85</v>
      </c>
      <c r="Q143" s="12">
        <v>542</v>
      </c>
      <c r="R143" s="12">
        <v>249</v>
      </c>
    </row>
    <row r="144" spans="1:18" s="4" customFormat="1" x14ac:dyDescent="0.15">
      <c r="A144" s="3"/>
      <c r="B144" s="3" t="s">
        <v>2264</v>
      </c>
      <c r="C144" s="12">
        <v>658</v>
      </c>
      <c r="D144" s="12">
        <v>1401</v>
      </c>
      <c r="E144" s="12">
        <v>718</v>
      </c>
      <c r="F144" s="12">
        <v>683</v>
      </c>
      <c r="G144" s="12">
        <v>117</v>
      </c>
      <c r="H144" s="12">
        <v>150</v>
      </c>
      <c r="I144" s="12">
        <v>176</v>
      </c>
      <c r="J144" s="12">
        <v>184</v>
      </c>
      <c r="K144" s="12">
        <v>240</v>
      </c>
      <c r="L144" s="12">
        <v>243</v>
      </c>
      <c r="M144" s="12">
        <v>138</v>
      </c>
      <c r="N144" s="12">
        <v>153</v>
      </c>
      <c r="O144" s="12">
        <v>0</v>
      </c>
      <c r="P144" s="12">
        <v>182</v>
      </c>
      <c r="Q144" s="12">
        <v>1012</v>
      </c>
      <c r="R144" s="12">
        <v>207</v>
      </c>
    </row>
    <row r="145" spans="1:18" s="4" customFormat="1" x14ac:dyDescent="0.15">
      <c r="A145" s="3"/>
      <c r="B145" s="3" t="s">
        <v>2265</v>
      </c>
      <c r="C145" s="12">
        <v>864</v>
      </c>
      <c r="D145" s="12">
        <v>1759</v>
      </c>
      <c r="E145" s="12">
        <v>839</v>
      </c>
      <c r="F145" s="12">
        <v>920</v>
      </c>
      <c r="G145" s="12">
        <v>80</v>
      </c>
      <c r="H145" s="12">
        <v>107</v>
      </c>
      <c r="I145" s="12">
        <v>157</v>
      </c>
      <c r="J145" s="12">
        <v>152</v>
      </c>
      <c r="K145" s="12">
        <v>204</v>
      </c>
      <c r="L145" s="12">
        <v>320</v>
      </c>
      <c r="M145" s="12">
        <v>251</v>
      </c>
      <c r="N145" s="12">
        <v>488</v>
      </c>
      <c r="O145" s="12">
        <v>0</v>
      </c>
      <c r="P145" s="12">
        <v>121</v>
      </c>
      <c r="Q145" s="12">
        <v>1048</v>
      </c>
      <c r="R145" s="12">
        <v>590</v>
      </c>
    </row>
    <row r="146" spans="1:18" s="4" customFormat="1" x14ac:dyDescent="0.15">
      <c r="A146" s="3"/>
      <c r="B146" s="3"/>
      <c r="C146" s="12"/>
      <c r="D146" s="12"/>
      <c r="E146" s="12"/>
      <c r="F146" s="12"/>
      <c r="G146" s="12"/>
      <c r="H146" s="12"/>
      <c r="I146" s="12"/>
      <c r="J146" s="12"/>
      <c r="K146" s="12"/>
      <c r="L146" s="12"/>
      <c r="M146" s="12"/>
      <c r="N146" s="12"/>
      <c r="O146" s="12"/>
      <c r="P146" s="12"/>
      <c r="Q146" s="12"/>
      <c r="R146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52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22</v>
      </c>
      <c r="B6" s="3"/>
      <c r="C6" s="12">
        <v>81935</v>
      </c>
      <c r="D6" s="12">
        <v>158863</v>
      </c>
      <c r="E6" s="12">
        <v>76231</v>
      </c>
      <c r="F6" s="12">
        <v>82632</v>
      </c>
      <c r="G6" s="12">
        <v>12726</v>
      </c>
      <c r="H6" s="12">
        <v>12957</v>
      </c>
      <c r="I6" s="12">
        <v>18529</v>
      </c>
      <c r="J6" s="12">
        <v>19009</v>
      </c>
      <c r="K6" s="12">
        <v>24490</v>
      </c>
      <c r="L6" s="12">
        <v>22492</v>
      </c>
      <c r="M6" s="12">
        <v>17106</v>
      </c>
      <c r="N6" s="12">
        <v>31554</v>
      </c>
      <c r="O6" s="12">
        <v>0</v>
      </c>
      <c r="P6" s="12">
        <v>19385</v>
      </c>
      <c r="Q6" s="12">
        <v>99436</v>
      </c>
      <c r="R6" s="12">
        <v>40042</v>
      </c>
    </row>
    <row r="7" spans="1:18" s="4" customFormat="1" x14ac:dyDescent="0.15">
      <c r="A7" s="3"/>
      <c r="B7" s="3" t="s">
        <v>23</v>
      </c>
      <c r="C7" s="12">
        <v>465</v>
      </c>
      <c r="D7" s="12">
        <v>832</v>
      </c>
      <c r="E7" s="12">
        <v>400</v>
      </c>
      <c r="F7" s="12">
        <v>432</v>
      </c>
      <c r="G7" s="12">
        <v>41</v>
      </c>
      <c r="H7" s="12">
        <v>37</v>
      </c>
      <c r="I7" s="12">
        <v>140</v>
      </c>
      <c r="J7" s="12">
        <v>100</v>
      </c>
      <c r="K7" s="12">
        <v>101</v>
      </c>
      <c r="L7" s="12">
        <v>125</v>
      </c>
      <c r="M7" s="12">
        <v>114</v>
      </c>
      <c r="N7" s="12">
        <v>174</v>
      </c>
      <c r="O7" s="12">
        <v>0</v>
      </c>
      <c r="P7" s="12">
        <v>55</v>
      </c>
      <c r="Q7" s="12">
        <v>549</v>
      </c>
      <c r="R7" s="12">
        <v>228</v>
      </c>
    </row>
    <row r="8" spans="1:18" s="4" customFormat="1" x14ac:dyDescent="0.15">
      <c r="A8" s="3"/>
      <c r="B8" s="3" t="s">
        <v>24</v>
      </c>
      <c r="C8" s="12">
        <v>1048</v>
      </c>
      <c r="D8" s="12">
        <v>2321</v>
      </c>
      <c r="E8" s="12">
        <v>1133</v>
      </c>
      <c r="F8" s="12">
        <v>1188</v>
      </c>
      <c r="G8" s="12">
        <v>234</v>
      </c>
      <c r="H8" s="12">
        <v>190</v>
      </c>
      <c r="I8" s="12">
        <v>234</v>
      </c>
      <c r="J8" s="12">
        <v>376</v>
      </c>
      <c r="K8" s="12">
        <v>325</v>
      </c>
      <c r="L8" s="12">
        <v>309</v>
      </c>
      <c r="M8" s="12">
        <v>212</v>
      </c>
      <c r="N8" s="12">
        <v>441</v>
      </c>
      <c r="O8" s="12">
        <v>0</v>
      </c>
      <c r="P8" s="12">
        <v>317</v>
      </c>
      <c r="Q8" s="12">
        <v>1463</v>
      </c>
      <c r="R8" s="12">
        <v>541</v>
      </c>
    </row>
    <row r="9" spans="1:18" s="4" customFormat="1" x14ac:dyDescent="0.15">
      <c r="A9" s="3"/>
      <c r="B9" s="3" t="s">
        <v>25</v>
      </c>
      <c r="C9" s="12">
        <v>560</v>
      </c>
      <c r="D9" s="12">
        <v>1288</v>
      </c>
      <c r="E9" s="12">
        <v>611</v>
      </c>
      <c r="F9" s="12">
        <v>677</v>
      </c>
      <c r="G9" s="12">
        <v>92</v>
      </c>
      <c r="H9" s="12">
        <v>113</v>
      </c>
      <c r="I9" s="12">
        <v>76</v>
      </c>
      <c r="J9" s="12">
        <v>113</v>
      </c>
      <c r="K9" s="12">
        <v>170</v>
      </c>
      <c r="L9" s="12">
        <v>200</v>
      </c>
      <c r="M9" s="12">
        <v>212</v>
      </c>
      <c r="N9" s="12">
        <v>312</v>
      </c>
      <c r="O9" s="12">
        <v>0</v>
      </c>
      <c r="P9" s="12">
        <v>149</v>
      </c>
      <c r="Q9" s="12">
        <v>714</v>
      </c>
      <c r="R9" s="12">
        <v>425</v>
      </c>
    </row>
    <row r="10" spans="1:18" s="4" customFormat="1" x14ac:dyDescent="0.15">
      <c r="A10" s="3"/>
      <c r="B10" s="3" t="s">
        <v>26</v>
      </c>
      <c r="C10" s="12">
        <v>551</v>
      </c>
      <c r="D10" s="12">
        <v>941</v>
      </c>
      <c r="E10" s="12">
        <v>449</v>
      </c>
      <c r="F10" s="12">
        <v>492</v>
      </c>
      <c r="G10" s="12">
        <v>80</v>
      </c>
      <c r="H10" s="12">
        <v>58</v>
      </c>
      <c r="I10" s="12">
        <v>181</v>
      </c>
      <c r="J10" s="12">
        <v>128</v>
      </c>
      <c r="K10" s="12">
        <v>131</v>
      </c>
      <c r="L10" s="12">
        <v>124</v>
      </c>
      <c r="M10" s="12">
        <v>67</v>
      </c>
      <c r="N10" s="12">
        <v>172</v>
      </c>
      <c r="O10" s="12">
        <v>0</v>
      </c>
      <c r="P10" s="12">
        <v>110</v>
      </c>
      <c r="Q10" s="12">
        <v>628</v>
      </c>
      <c r="R10" s="12">
        <v>203</v>
      </c>
    </row>
    <row r="11" spans="1:18" s="4" customFormat="1" x14ac:dyDescent="0.15">
      <c r="A11" s="3"/>
      <c r="B11" s="3" t="s">
        <v>27</v>
      </c>
      <c r="C11" s="12">
        <v>382</v>
      </c>
      <c r="D11" s="12">
        <v>831</v>
      </c>
      <c r="E11" s="12">
        <v>380</v>
      </c>
      <c r="F11" s="12">
        <v>451</v>
      </c>
      <c r="G11" s="12">
        <v>59</v>
      </c>
      <c r="H11" s="12">
        <v>79</v>
      </c>
      <c r="I11" s="12">
        <v>57</v>
      </c>
      <c r="J11" s="12">
        <v>54</v>
      </c>
      <c r="K11" s="12">
        <v>133</v>
      </c>
      <c r="L11" s="12">
        <v>125</v>
      </c>
      <c r="M11" s="12">
        <v>100</v>
      </c>
      <c r="N11" s="12">
        <v>224</v>
      </c>
      <c r="O11" s="12">
        <v>0</v>
      </c>
      <c r="P11" s="12">
        <v>96</v>
      </c>
      <c r="Q11" s="12">
        <v>463</v>
      </c>
      <c r="R11" s="12">
        <v>272</v>
      </c>
    </row>
    <row r="12" spans="1:18" s="4" customFormat="1" x14ac:dyDescent="0.15">
      <c r="A12" s="3"/>
      <c r="B12" s="3" t="s">
        <v>28</v>
      </c>
      <c r="C12" s="12">
        <v>412</v>
      </c>
      <c r="D12" s="12">
        <v>720</v>
      </c>
      <c r="E12" s="12">
        <v>315</v>
      </c>
      <c r="F12" s="12">
        <v>405</v>
      </c>
      <c r="G12" s="12">
        <v>46</v>
      </c>
      <c r="H12" s="12">
        <v>35</v>
      </c>
      <c r="I12" s="12">
        <v>65</v>
      </c>
      <c r="J12" s="12">
        <v>92</v>
      </c>
      <c r="K12" s="12">
        <v>120</v>
      </c>
      <c r="L12" s="12">
        <v>130</v>
      </c>
      <c r="M12" s="12">
        <v>95</v>
      </c>
      <c r="N12" s="12">
        <v>137</v>
      </c>
      <c r="O12" s="12">
        <v>0</v>
      </c>
      <c r="P12" s="12">
        <v>63</v>
      </c>
      <c r="Q12" s="12">
        <v>463</v>
      </c>
      <c r="R12" s="12">
        <v>194</v>
      </c>
    </row>
    <row r="13" spans="1:18" s="4" customFormat="1" x14ac:dyDescent="0.15">
      <c r="A13" s="3"/>
      <c r="B13" s="3" t="s">
        <v>29</v>
      </c>
      <c r="C13" s="12">
        <v>530</v>
      </c>
      <c r="D13" s="12">
        <v>730</v>
      </c>
      <c r="E13" s="12">
        <v>360</v>
      </c>
      <c r="F13" s="12">
        <v>370</v>
      </c>
      <c r="G13" s="12">
        <v>25</v>
      </c>
      <c r="H13" s="12">
        <v>24</v>
      </c>
      <c r="I13" s="12">
        <v>165</v>
      </c>
      <c r="J13" s="12">
        <v>109</v>
      </c>
      <c r="K13" s="12">
        <v>117</v>
      </c>
      <c r="L13" s="12">
        <v>97</v>
      </c>
      <c r="M13" s="12">
        <v>74</v>
      </c>
      <c r="N13" s="12">
        <v>119</v>
      </c>
      <c r="O13" s="12">
        <v>0</v>
      </c>
      <c r="P13" s="12">
        <v>38</v>
      </c>
      <c r="Q13" s="12">
        <v>538</v>
      </c>
      <c r="R13" s="12">
        <v>154</v>
      </c>
    </row>
    <row r="14" spans="1:18" s="4" customFormat="1" x14ac:dyDescent="0.15">
      <c r="A14" s="3"/>
      <c r="B14" s="3" t="s">
        <v>30</v>
      </c>
      <c r="C14" s="12">
        <v>32</v>
      </c>
      <c r="D14" s="12">
        <v>46</v>
      </c>
      <c r="E14" s="12">
        <v>24</v>
      </c>
      <c r="F14" s="12">
        <v>22</v>
      </c>
      <c r="G14" s="12">
        <v>1</v>
      </c>
      <c r="H14" s="12">
        <v>3</v>
      </c>
      <c r="I14" s="12">
        <v>9</v>
      </c>
      <c r="J14" s="12">
        <v>7</v>
      </c>
      <c r="K14" s="12">
        <v>7</v>
      </c>
      <c r="L14" s="12">
        <v>6</v>
      </c>
      <c r="M14" s="12">
        <v>5</v>
      </c>
      <c r="N14" s="12">
        <v>8</v>
      </c>
      <c r="O14" s="12">
        <v>0</v>
      </c>
      <c r="P14" s="12">
        <v>2</v>
      </c>
      <c r="Q14" s="12">
        <v>34</v>
      </c>
      <c r="R14" s="12">
        <v>10</v>
      </c>
    </row>
    <row r="15" spans="1:18" s="4" customFormat="1" x14ac:dyDescent="0.15">
      <c r="A15" s="3"/>
      <c r="B15" s="3" t="s">
        <v>31</v>
      </c>
      <c r="C15" s="12">
        <v>316</v>
      </c>
      <c r="D15" s="12">
        <v>690</v>
      </c>
      <c r="E15" s="12">
        <v>344</v>
      </c>
      <c r="F15" s="12">
        <v>346</v>
      </c>
      <c r="G15" s="12">
        <v>60</v>
      </c>
      <c r="H15" s="12">
        <v>85</v>
      </c>
      <c r="I15" s="12">
        <v>69</v>
      </c>
      <c r="J15" s="12">
        <v>73</v>
      </c>
      <c r="K15" s="12">
        <v>136</v>
      </c>
      <c r="L15" s="12">
        <v>91</v>
      </c>
      <c r="M15" s="12">
        <v>61</v>
      </c>
      <c r="N15" s="12">
        <v>115</v>
      </c>
      <c r="O15" s="12">
        <v>0</v>
      </c>
      <c r="P15" s="12">
        <v>108</v>
      </c>
      <c r="Q15" s="12">
        <v>433</v>
      </c>
      <c r="R15" s="12">
        <v>149</v>
      </c>
    </row>
    <row r="16" spans="1:18" s="4" customFormat="1" x14ac:dyDescent="0.15">
      <c r="A16" s="3"/>
      <c r="B16" s="3" t="s">
        <v>32</v>
      </c>
      <c r="C16" s="12">
        <v>85</v>
      </c>
      <c r="D16" s="12">
        <v>163</v>
      </c>
      <c r="E16" s="12">
        <v>82</v>
      </c>
      <c r="F16" s="12">
        <v>81</v>
      </c>
      <c r="G16" s="12">
        <v>26</v>
      </c>
      <c r="H16" s="12">
        <v>9</v>
      </c>
      <c r="I16" s="12">
        <v>19</v>
      </c>
      <c r="J16" s="12">
        <v>34</v>
      </c>
      <c r="K16" s="12">
        <v>39</v>
      </c>
      <c r="L16" s="12">
        <v>16</v>
      </c>
      <c r="M16" s="12">
        <v>10</v>
      </c>
      <c r="N16" s="12">
        <v>10</v>
      </c>
      <c r="O16" s="12">
        <v>0</v>
      </c>
      <c r="P16" s="12">
        <v>31</v>
      </c>
      <c r="Q16" s="12">
        <v>117</v>
      </c>
      <c r="R16" s="12">
        <v>15</v>
      </c>
    </row>
    <row r="17" spans="1:18" s="4" customFormat="1" x14ac:dyDescent="0.15">
      <c r="A17" s="3"/>
      <c r="B17" s="3" t="s">
        <v>33</v>
      </c>
      <c r="C17" s="12">
        <v>147</v>
      </c>
      <c r="D17" s="12">
        <v>257</v>
      </c>
      <c r="E17" s="12">
        <v>122</v>
      </c>
      <c r="F17" s="12">
        <v>135</v>
      </c>
      <c r="G17" s="12">
        <v>16</v>
      </c>
      <c r="H17" s="12">
        <v>25</v>
      </c>
      <c r="I17" s="12">
        <v>35</v>
      </c>
      <c r="J17" s="12">
        <v>32</v>
      </c>
      <c r="K17" s="12">
        <v>38</v>
      </c>
      <c r="L17" s="12">
        <v>28</v>
      </c>
      <c r="M17" s="12">
        <v>27</v>
      </c>
      <c r="N17" s="12">
        <v>56</v>
      </c>
      <c r="O17" s="12">
        <v>0</v>
      </c>
      <c r="P17" s="12">
        <v>27</v>
      </c>
      <c r="Q17" s="12">
        <v>163</v>
      </c>
      <c r="R17" s="12">
        <v>67</v>
      </c>
    </row>
    <row r="18" spans="1:18" s="4" customFormat="1" x14ac:dyDescent="0.15">
      <c r="A18" s="3"/>
      <c r="B18" s="3" t="s">
        <v>34</v>
      </c>
      <c r="C18" s="12">
        <v>97</v>
      </c>
      <c r="D18" s="12">
        <v>159</v>
      </c>
      <c r="E18" s="12">
        <v>63</v>
      </c>
      <c r="F18" s="12">
        <v>96</v>
      </c>
      <c r="G18" s="12">
        <v>16</v>
      </c>
      <c r="H18" s="12">
        <v>8</v>
      </c>
      <c r="I18" s="12">
        <v>28</v>
      </c>
      <c r="J18" s="12">
        <v>28</v>
      </c>
      <c r="K18" s="12">
        <v>21</v>
      </c>
      <c r="L18" s="12">
        <v>26</v>
      </c>
      <c r="M18" s="12">
        <v>11</v>
      </c>
      <c r="N18" s="12">
        <v>21</v>
      </c>
      <c r="O18" s="12">
        <v>0</v>
      </c>
      <c r="P18" s="12">
        <v>20</v>
      </c>
      <c r="Q18" s="12">
        <v>110</v>
      </c>
      <c r="R18" s="12">
        <v>29</v>
      </c>
    </row>
    <row r="19" spans="1:18" s="4" customFormat="1" x14ac:dyDescent="0.15">
      <c r="A19" s="3"/>
      <c r="B19" s="3" t="s">
        <v>35</v>
      </c>
      <c r="C19" s="12">
        <v>991</v>
      </c>
      <c r="D19" s="12">
        <v>1351</v>
      </c>
      <c r="E19" s="12">
        <v>706</v>
      </c>
      <c r="F19" s="12">
        <v>645</v>
      </c>
      <c r="G19" s="12">
        <v>33</v>
      </c>
      <c r="H19" s="12">
        <v>34</v>
      </c>
      <c r="I19" s="12">
        <v>309</v>
      </c>
      <c r="J19" s="12">
        <v>186</v>
      </c>
      <c r="K19" s="12">
        <v>178</v>
      </c>
      <c r="L19" s="12">
        <v>183</v>
      </c>
      <c r="M19" s="12">
        <v>146</v>
      </c>
      <c r="N19" s="12">
        <v>282</v>
      </c>
      <c r="O19" s="12">
        <v>0</v>
      </c>
      <c r="P19" s="12">
        <v>48</v>
      </c>
      <c r="Q19" s="12">
        <v>932</v>
      </c>
      <c r="R19" s="12">
        <v>371</v>
      </c>
    </row>
    <row r="20" spans="1:18" s="4" customFormat="1" x14ac:dyDescent="0.15">
      <c r="A20" s="3"/>
      <c r="B20" s="3" t="s">
        <v>36</v>
      </c>
      <c r="C20" s="12">
        <v>789</v>
      </c>
      <c r="D20" s="12">
        <v>1318</v>
      </c>
      <c r="E20" s="12">
        <v>667</v>
      </c>
      <c r="F20" s="12">
        <v>651</v>
      </c>
      <c r="G20" s="12">
        <v>73</v>
      </c>
      <c r="H20" s="12">
        <v>75</v>
      </c>
      <c r="I20" s="12">
        <v>227</v>
      </c>
      <c r="J20" s="12">
        <v>164</v>
      </c>
      <c r="K20" s="12">
        <v>187</v>
      </c>
      <c r="L20" s="12">
        <v>180</v>
      </c>
      <c r="M20" s="12">
        <v>128</v>
      </c>
      <c r="N20" s="12">
        <v>284</v>
      </c>
      <c r="O20" s="12">
        <v>0</v>
      </c>
      <c r="P20" s="12">
        <v>108</v>
      </c>
      <c r="Q20" s="12">
        <v>862</v>
      </c>
      <c r="R20" s="12">
        <v>348</v>
      </c>
    </row>
    <row r="21" spans="1:18" s="4" customFormat="1" x14ac:dyDescent="0.15">
      <c r="A21" s="3"/>
      <c r="B21" s="3" t="s">
        <v>37</v>
      </c>
      <c r="C21" s="12">
        <v>1401</v>
      </c>
      <c r="D21" s="12">
        <v>2115</v>
      </c>
      <c r="E21" s="12">
        <v>1121</v>
      </c>
      <c r="F21" s="12">
        <v>994</v>
      </c>
      <c r="G21" s="12">
        <v>117</v>
      </c>
      <c r="H21" s="12">
        <v>101</v>
      </c>
      <c r="I21" s="12">
        <v>419</v>
      </c>
      <c r="J21" s="12">
        <v>303</v>
      </c>
      <c r="K21" s="12">
        <v>274</v>
      </c>
      <c r="L21" s="12">
        <v>259</v>
      </c>
      <c r="M21" s="12">
        <v>222</v>
      </c>
      <c r="N21" s="12">
        <v>420</v>
      </c>
      <c r="O21" s="12">
        <v>0</v>
      </c>
      <c r="P21" s="12">
        <v>166</v>
      </c>
      <c r="Q21" s="12">
        <v>1411</v>
      </c>
      <c r="R21" s="12">
        <v>538</v>
      </c>
    </row>
    <row r="22" spans="1:18" s="4" customFormat="1" x14ac:dyDescent="0.15">
      <c r="A22" s="3"/>
      <c r="B22" s="3" t="s">
        <v>38</v>
      </c>
      <c r="C22" s="12">
        <v>730</v>
      </c>
      <c r="D22" s="12">
        <v>912</v>
      </c>
      <c r="E22" s="12">
        <v>508</v>
      </c>
      <c r="F22" s="12">
        <v>404</v>
      </c>
      <c r="G22" s="12">
        <v>22</v>
      </c>
      <c r="H22" s="12">
        <v>29</v>
      </c>
      <c r="I22" s="12">
        <v>311</v>
      </c>
      <c r="J22" s="12">
        <v>155</v>
      </c>
      <c r="K22" s="12">
        <v>128</v>
      </c>
      <c r="L22" s="12">
        <v>118</v>
      </c>
      <c r="M22" s="12">
        <v>57</v>
      </c>
      <c r="N22" s="12">
        <v>92</v>
      </c>
      <c r="O22" s="12">
        <v>0</v>
      </c>
      <c r="P22" s="12">
        <v>36</v>
      </c>
      <c r="Q22" s="12">
        <v>753</v>
      </c>
      <c r="R22" s="12">
        <v>123</v>
      </c>
    </row>
    <row r="23" spans="1:18" s="4" customFormat="1" x14ac:dyDescent="0.15">
      <c r="A23" s="3"/>
      <c r="B23" s="3" t="s">
        <v>39</v>
      </c>
      <c r="C23" s="12">
        <v>1739</v>
      </c>
      <c r="D23" s="12">
        <v>2275</v>
      </c>
      <c r="E23" s="12">
        <v>1256</v>
      </c>
      <c r="F23" s="12">
        <v>1019</v>
      </c>
      <c r="G23" s="12">
        <v>82</v>
      </c>
      <c r="H23" s="12">
        <v>65</v>
      </c>
      <c r="I23" s="12">
        <v>675</v>
      </c>
      <c r="J23" s="12">
        <v>380</v>
      </c>
      <c r="K23" s="12">
        <v>321</v>
      </c>
      <c r="L23" s="12">
        <v>252</v>
      </c>
      <c r="M23" s="12">
        <v>184</v>
      </c>
      <c r="N23" s="12">
        <v>316</v>
      </c>
      <c r="O23" s="12">
        <v>0</v>
      </c>
      <c r="P23" s="12">
        <v>105</v>
      </c>
      <c r="Q23" s="12">
        <v>1752</v>
      </c>
      <c r="R23" s="12">
        <v>418</v>
      </c>
    </row>
    <row r="24" spans="1:18" s="4" customFormat="1" x14ac:dyDescent="0.15">
      <c r="A24" s="3"/>
      <c r="B24" s="3" t="s">
        <v>40</v>
      </c>
      <c r="C24" s="12">
        <v>1249</v>
      </c>
      <c r="D24" s="12">
        <v>2035</v>
      </c>
      <c r="E24" s="12">
        <v>1043</v>
      </c>
      <c r="F24" s="12">
        <v>992</v>
      </c>
      <c r="G24" s="12">
        <v>98</v>
      </c>
      <c r="H24" s="12">
        <v>132</v>
      </c>
      <c r="I24" s="12">
        <v>340</v>
      </c>
      <c r="J24" s="12">
        <v>266</v>
      </c>
      <c r="K24" s="12">
        <v>311</v>
      </c>
      <c r="L24" s="12">
        <v>280</v>
      </c>
      <c r="M24" s="12">
        <v>218</v>
      </c>
      <c r="N24" s="12">
        <v>390</v>
      </c>
      <c r="O24" s="12">
        <v>0</v>
      </c>
      <c r="P24" s="12">
        <v>161</v>
      </c>
      <c r="Q24" s="12">
        <v>1372</v>
      </c>
      <c r="R24" s="12">
        <v>502</v>
      </c>
    </row>
    <row r="25" spans="1:18" s="4" customFormat="1" x14ac:dyDescent="0.15">
      <c r="A25" s="3"/>
      <c r="B25" s="3" t="s">
        <v>41</v>
      </c>
      <c r="C25" s="12">
        <v>230</v>
      </c>
      <c r="D25" s="12">
        <v>506</v>
      </c>
      <c r="E25" s="12">
        <v>249</v>
      </c>
      <c r="F25" s="12">
        <v>257</v>
      </c>
      <c r="G25" s="12">
        <v>41</v>
      </c>
      <c r="H25" s="12">
        <v>44</v>
      </c>
      <c r="I25" s="12">
        <v>56</v>
      </c>
      <c r="J25" s="12">
        <v>51</v>
      </c>
      <c r="K25" s="12">
        <v>70</v>
      </c>
      <c r="L25" s="12">
        <v>60</v>
      </c>
      <c r="M25" s="12">
        <v>56</v>
      </c>
      <c r="N25" s="12">
        <v>128</v>
      </c>
      <c r="O25" s="12">
        <v>0</v>
      </c>
      <c r="P25" s="12">
        <v>62</v>
      </c>
      <c r="Q25" s="12">
        <v>289</v>
      </c>
      <c r="R25" s="12">
        <v>155</v>
      </c>
    </row>
    <row r="26" spans="1:18" s="4" customFormat="1" x14ac:dyDescent="0.15">
      <c r="A26" s="3"/>
      <c r="B26" s="3" t="s">
        <v>42</v>
      </c>
      <c r="C26" s="12">
        <v>231</v>
      </c>
      <c r="D26" s="12">
        <v>502</v>
      </c>
      <c r="E26" s="12">
        <v>247</v>
      </c>
      <c r="F26" s="12">
        <v>255</v>
      </c>
      <c r="G26" s="12">
        <v>40</v>
      </c>
      <c r="H26" s="12">
        <v>38</v>
      </c>
      <c r="I26" s="12">
        <v>45</v>
      </c>
      <c r="J26" s="12">
        <v>66</v>
      </c>
      <c r="K26" s="12">
        <v>78</v>
      </c>
      <c r="L26" s="12">
        <v>60</v>
      </c>
      <c r="M26" s="12">
        <v>64</v>
      </c>
      <c r="N26" s="12">
        <v>111</v>
      </c>
      <c r="O26" s="12">
        <v>0</v>
      </c>
      <c r="P26" s="12">
        <v>58</v>
      </c>
      <c r="Q26" s="12">
        <v>301</v>
      </c>
      <c r="R26" s="12">
        <v>143</v>
      </c>
    </row>
    <row r="27" spans="1:18" s="4" customFormat="1" x14ac:dyDescent="0.15">
      <c r="A27" s="3"/>
      <c r="B27" s="3" t="s">
        <v>43</v>
      </c>
      <c r="C27" s="12">
        <v>488</v>
      </c>
      <c r="D27" s="12">
        <v>1101</v>
      </c>
      <c r="E27" s="12">
        <v>520</v>
      </c>
      <c r="F27" s="12">
        <v>581</v>
      </c>
      <c r="G27" s="12">
        <v>100</v>
      </c>
      <c r="H27" s="12">
        <v>117</v>
      </c>
      <c r="I27" s="12">
        <v>94</v>
      </c>
      <c r="J27" s="12">
        <v>120</v>
      </c>
      <c r="K27" s="12">
        <v>168</v>
      </c>
      <c r="L27" s="12">
        <v>134</v>
      </c>
      <c r="M27" s="12">
        <v>120</v>
      </c>
      <c r="N27" s="12">
        <v>248</v>
      </c>
      <c r="O27" s="12">
        <v>0</v>
      </c>
      <c r="P27" s="12">
        <v>160</v>
      </c>
      <c r="Q27" s="12">
        <v>636</v>
      </c>
      <c r="R27" s="12">
        <v>305</v>
      </c>
    </row>
    <row r="28" spans="1:18" s="4" customFormat="1" x14ac:dyDescent="0.15">
      <c r="A28" s="3"/>
      <c r="B28" s="3" t="s">
        <v>44</v>
      </c>
      <c r="C28" s="12">
        <v>1077</v>
      </c>
      <c r="D28" s="12">
        <v>1713</v>
      </c>
      <c r="E28" s="12">
        <v>837</v>
      </c>
      <c r="F28" s="12">
        <v>876</v>
      </c>
      <c r="G28" s="12">
        <v>90</v>
      </c>
      <c r="H28" s="12">
        <v>79</v>
      </c>
      <c r="I28" s="12">
        <v>366</v>
      </c>
      <c r="J28" s="12">
        <v>219</v>
      </c>
      <c r="K28" s="12">
        <v>290</v>
      </c>
      <c r="L28" s="12">
        <v>226</v>
      </c>
      <c r="M28" s="12">
        <v>159</v>
      </c>
      <c r="N28" s="12">
        <v>284</v>
      </c>
      <c r="O28" s="12">
        <v>0</v>
      </c>
      <c r="P28" s="12">
        <v>121</v>
      </c>
      <c r="Q28" s="12">
        <v>1238</v>
      </c>
      <c r="R28" s="12">
        <v>354</v>
      </c>
    </row>
    <row r="29" spans="1:18" s="4" customFormat="1" x14ac:dyDescent="0.15">
      <c r="A29" s="3"/>
      <c r="B29" s="3" t="s">
        <v>45</v>
      </c>
      <c r="C29" s="12">
        <v>917</v>
      </c>
      <c r="D29" s="12">
        <v>1338</v>
      </c>
      <c r="E29" s="12">
        <v>692</v>
      </c>
      <c r="F29" s="12">
        <v>646</v>
      </c>
      <c r="G29" s="12">
        <v>67</v>
      </c>
      <c r="H29" s="12">
        <v>61</v>
      </c>
      <c r="I29" s="12">
        <v>286</v>
      </c>
      <c r="J29" s="12">
        <v>177</v>
      </c>
      <c r="K29" s="12">
        <v>193</v>
      </c>
      <c r="L29" s="12">
        <v>153</v>
      </c>
      <c r="M29" s="12">
        <v>129</v>
      </c>
      <c r="N29" s="12">
        <v>272</v>
      </c>
      <c r="O29" s="12">
        <v>0</v>
      </c>
      <c r="P29" s="12">
        <v>93</v>
      </c>
      <c r="Q29" s="12">
        <v>897</v>
      </c>
      <c r="R29" s="12">
        <v>348</v>
      </c>
    </row>
    <row r="30" spans="1:18" s="4" customFormat="1" x14ac:dyDescent="0.15">
      <c r="A30" s="3"/>
      <c r="B30" s="3" t="s">
        <v>46</v>
      </c>
      <c r="C30" s="12">
        <v>1199</v>
      </c>
      <c r="D30" s="12">
        <v>1585</v>
      </c>
      <c r="E30" s="12">
        <v>828</v>
      </c>
      <c r="F30" s="12">
        <v>757</v>
      </c>
      <c r="G30" s="12">
        <v>50</v>
      </c>
      <c r="H30" s="12">
        <v>44</v>
      </c>
      <c r="I30" s="12">
        <v>434</v>
      </c>
      <c r="J30" s="12">
        <v>247</v>
      </c>
      <c r="K30" s="12">
        <v>226</v>
      </c>
      <c r="L30" s="12">
        <v>181</v>
      </c>
      <c r="M30" s="12">
        <v>160</v>
      </c>
      <c r="N30" s="12">
        <v>243</v>
      </c>
      <c r="O30" s="12">
        <v>0</v>
      </c>
      <c r="P30" s="12">
        <v>69</v>
      </c>
      <c r="Q30" s="12">
        <v>1195</v>
      </c>
      <c r="R30" s="12">
        <v>321</v>
      </c>
    </row>
    <row r="31" spans="1:18" s="4" customFormat="1" x14ac:dyDescent="0.15">
      <c r="A31" s="3"/>
      <c r="B31" s="3" t="s">
        <v>47</v>
      </c>
      <c r="C31" s="12">
        <v>274</v>
      </c>
      <c r="D31" s="12">
        <v>486</v>
      </c>
      <c r="E31" s="12">
        <v>231</v>
      </c>
      <c r="F31" s="12">
        <v>255</v>
      </c>
      <c r="G31" s="12">
        <v>37</v>
      </c>
      <c r="H31" s="12">
        <v>16</v>
      </c>
      <c r="I31" s="12">
        <v>83</v>
      </c>
      <c r="J31" s="12">
        <v>72</v>
      </c>
      <c r="K31" s="12">
        <v>52</v>
      </c>
      <c r="L31" s="12">
        <v>65</v>
      </c>
      <c r="M31" s="12">
        <v>49</v>
      </c>
      <c r="N31" s="12">
        <v>112</v>
      </c>
      <c r="O31" s="12">
        <v>0</v>
      </c>
      <c r="P31" s="12">
        <v>43</v>
      </c>
      <c r="Q31" s="12">
        <v>303</v>
      </c>
      <c r="R31" s="12">
        <v>140</v>
      </c>
    </row>
    <row r="32" spans="1:18" s="4" customFormat="1" x14ac:dyDescent="0.15">
      <c r="A32" s="3"/>
      <c r="B32" s="3" t="s">
        <v>48</v>
      </c>
      <c r="C32" s="12">
        <v>598</v>
      </c>
      <c r="D32" s="12">
        <v>1366</v>
      </c>
      <c r="E32" s="12">
        <v>656</v>
      </c>
      <c r="F32" s="12">
        <v>710</v>
      </c>
      <c r="G32" s="12">
        <v>161</v>
      </c>
      <c r="H32" s="12">
        <v>127</v>
      </c>
      <c r="I32" s="12">
        <v>126</v>
      </c>
      <c r="J32" s="12">
        <v>162</v>
      </c>
      <c r="K32" s="12">
        <v>224</v>
      </c>
      <c r="L32" s="12">
        <v>161</v>
      </c>
      <c r="M32" s="12">
        <v>171</v>
      </c>
      <c r="N32" s="12">
        <v>234</v>
      </c>
      <c r="O32" s="12">
        <v>0</v>
      </c>
      <c r="P32" s="12">
        <v>239</v>
      </c>
      <c r="Q32" s="12">
        <v>822</v>
      </c>
      <c r="R32" s="12">
        <v>305</v>
      </c>
    </row>
    <row r="33" spans="1:18" s="4" customFormat="1" x14ac:dyDescent="0.15">
      <c r="A33" s="3"/>
      <c r="B33" s="3" t="s">
        <v>49</v>
      </c>
      <c r="C33" s="12">
        <v>424</v>
      </c>
      <c r="D33" s="12">
        <v>1001</v>
      </c>
      <c r="E33" s="12">
        <v>461</v>
      </c>
      <c r="F33" s="12">
        <v>540</v>
      </c>
      <c r="G33" s="12">
        <v>112</v>
      </c>
      <c r="H33" s="12">
        <v>105</v>
      </c>
      <c r="I33" s="12">
        <v>83</v>
      </c>
      <c r="J33" s="12">
        <v>114</v>
      </c>
      <c r="K33" s="12">
        <v>163</v>
      </c>
      <c r="L33" s="12">
        <v>172</v>
      </c>
      <c r="M33" s="12">
        <v>86</v>
      </c>
      <c r="N33" s="12">
        <v>166</v>
      </c>
      <c r="O33" s="12">
        <v>0</v>
      </c>
      <c r="P33" s="12">
        <v>166</v>
      </c>
      <c r="Q33" s="12">
        <v>633</v>
      </c>
      <c r="R33" s="12">
        <v>202</v>
      </c>
    </row>
    <row r="34" spans="1:18" s="4" customFormat="1" x14ac:dyDescent="0.15">
      <c r="A34" s="3"/>
      <c r="B34" s="3" t="s">
        <v>50</v>
      </c>
      <c r="C34" s="12">
        <v>345</v>
      </c>
      <c r="D34" s="12">
        <v>795</v>
      </c>
      <c r="E34" s="12">
        <v>383</v>
      </c>
      <c r="F34" s="12">
        <v>412</v>
      </c>
      <c r="G34" s="12">
        <v>77</v>
      </c>
      <c r="H34" s="12">
        <v>66</v>
      </c>
      <c r="I34" s="12">
        <v>67</v>
      </c>
      <c r="J34" s="12">
        <v>101</v>
      </c>
      <c r="K34" s="12">
        <v>129</v>
      </c>
      <c r="L34" s="12">
        <v>126</v>
      </c>
      <c r="M34" s="12">
        <v>101</v>
      </c>
      <c r="N34" s="12">
        <v>128</v>
      </c>
      <c r="O34" s="12">
        <v>0</v>
      </c>
      <c r="P34" s="12">
        <v>113</v>
      </c>
      <c r="Q34" s="12">
        <v>511</v>
      </c>
      <c r="R34" s="12">
        <v>171</v>
      </c>
    </row>
    <row r="35" spans="1:18" s="4" customFormat="1" x14ac:dyDescent="0.15">
      <c r="A35" s="3"/>
      <c r="B35" s="3" t="s">
        <v>51</v>
      </c>
      <c r="C35" s="12">
        <v>158</v>
      </c>
      <c r="D35" s="12">
        <v>280</v>
      </c>
      <c r="E35" s="12">
        <v>143</v>
      </c>
      <c r="F35" s="12">
        <v>137</v>
      </c>
      <c r="G35" s="12">
        <v>25</v>
      </c>
      <c r="H35" s="12">
        <v>31</v>
      </c>
      <c r="I35" s="12">
        <v>63</v>
      </c>
      <c r="J35" s="12">
        <v>44</v>
      </c>
      <c r="K35" s="12">
        <v>45</v>
      </c>
      <c r="L35" s="12">
        <v>25</v>
      </c>
      <c r="M35" s="12">
        <v>13</v>
      </c>
      <c r="N35" s="12">
        <v>34</v>
      </c>
      <c r="O35" s="12">
        <v>0</v>
      </c>
      <c r="P35" s="12">
        <v>39</v>
      </c>
      <c r="Q35" s="12">
        <v>200</v>
      </c>
      <c r="R35" s="12">
        <v>41</v>
      </c>
    </row>
    <row r="36" spans="1:18" s="4" customFormat="1" x14ac:dyDescent="0.15">
      <c r="A36" s="3"/>
      <c r="B36" s="3" t="s">
        <v>52</v>
      </c>
      <c r="C36" s="12">
        <v>786</v>
      </c>
      <c r="D36" s="12">
        <v>1243</v>
      </c>
      <c r="E36" s="12">
        <v>483</v>
      </c>
      <c r="F36" s="12">
        <v>760</v>
      </c>
      <c r="G36" s="12">
        <v>57</v>
      </c>
      <c r="H36" s="12">
        <v>52</v>
      </c>
      <c r="I36" s="12">
        <v>73</v>
      </c>
      <c r="J36" s="12">
        <v>117</v>
      </c>
      <c r="K36" s="12">
        <v>132</v>
      </c>
      <c r="L36" s="12">
        <v>193</v>
      </c>
      <c r="M36" s="12">
        <v>186</v>
      </c>
      <c r="N36" s="12">
        <v>433</v>
      </c>
      <c r="O36" s="12">
        <v>0</v>
      </c>
      <c r="P36" s="12">
        <v>83</v>
      </c>
      <c r="Q36" s="12">
        <v>642</v>
      </c>
      <c r="R36" s="12">
        <v>518</v>
      </c>
    </row>
    <row r="37" spans="1:18" s="4" customFormat="1" x14ac:dyDescent="0.15">
      <c r="A37" s="3"/>
      <c r="B37" s="3" t="s">
        <v>53</v>
      </c>
      <c r="C37" s="12">
        <v>676</v>
      </c>
      <c r="D37" s="12">
        <v>1379</v>
      </c>
      <c r="E37" s="12">
        <v>582</v>
      </c>
      <c r="F37" s="12">
        <v>797</v>
      </c>
      <c r="G37" s="12">
        <v>106</v>
      </c>
      <c r="H37" s="12">
        <v>117</v>
      </c>
      <c r="I37" s="12">
        <v>90</v>
      </c>
      <c r="J37" s="12">
        <v>132</v>
      </c>
      <c r="K37" s="12">
        <v>155</v>
      </c>
      <c r="L37" s="12">
        <v>169</v>
      </c>
      <c r="M37" s="12">
        <v>185</v>
      </c>
      <c r="N37" s="12">
        <v>425</v>
      </c>
      <c r="O37" s="12">
        <v>0</v>
      </c>
      <c r="P37" s="12">
        <v>163</v>
      </c>
      <c r="Q37" s="12">
        <v>699</v>
      </c>
      <c r="R37" s="12">
        <v>517</v>
      </c>
    </row>
    <row r="38" spans="1:18" s="4" customFormat="1" x14ac:dyDescent="0.15">
      <c r="A38" s="3"/>
      <c r="B38" s="3" t="s">
        <v>54</v>
      </c>
      <c r="C38" s="12">
        <v>311</v>
      </c>
      <c r="D38" s="12">
        <v>556</v>
      </c>
      <c r="E38" s="12">
        <v>244</v>
      </c>
      <c r="F38" s="12">
        <v>312</v>
      </c>
      <c r="G38" s="12">
        <v>35</v>
      </c>
      <c r="H38" s="12">
        <v>38</v>
      </c>
      <c r="I38" s="12">
        <v>40</v>
      </c>
      <c r="J38" s="12">
        <v>50</v>
      </c>
      <c r="K38" s="12">
        <v>69</v>
      </c>
      <c r="L38" s="12">
        <v>50</v>
      </c>
      <c r="M38" s="12">
        <v>60</v>
      </c>
      <c r="N38" s="12">
        <v>214</v>
      </c>
      <c r="O38" s="12">
        <v>0</v>
      </c>
      <c r="P38" s="12">
        <v>59</v>
      </c>
      <c r="Q38" s="12">
        <v>252</v>
      </c>
      <c r="R38" s="12">
        <v>245</v>
      </c>
    </row>
    <row r="39" spans="1:18" s="4" customFormat="1" x14ac:dyDescent="0.15">
      <c r="A39" s="3"/>
      <c r="B39" s="3" t="s">
        <v>55</v>
      </c>
      <c r="C39" s="12">
        <v>352</v>
      </c>
      <c r="D39" s="12">
        <v>874</v>
      </c>
      <c r="E39" s="12">
        <v>426</v>
      </c>
      <c r="F39" s="12">
        <v>448</v>
      </c>
      <c r="G39" s="12">
        <v>54</v>
      </c>
      <c r="H39" s="12">
        <v>94</v>
      </c>
      <c r="I39" s="12">
        <v>103</v>
      </c>
      <c r="J39" s="12">
        <v>77</v>
      </c>
      <c r="K39" s="12">
        <v>111</v>
      </c>
      <c r="L39" s="12">
        <v>195</v>
      </c>
      <c r="M39" s="12">
        <v>127</v>
      </c>
      <c r="N39" s="12">
        <v>113</v>
      </c>
      <c r="O39" s="12">
        <v>0</v>
      </c>
      <c r="P39" s="12">
        <v>95</v>
      </c>
      <c r="Q39" s="12">
        <v>594</v>
      </c>
      <c r="R39" s="12">
        <v>185</v>
      </c>
    </row>
    <row r="40" spans="1:18" s="4" customFormat="1" x14ac:dyDescent="0.15">
      <c r="A40" s="3"/>
      <c r="B40" s="3" t="s">
        <v>56</v>
      </c>
      <c r="C40" s="12">
        <v>930</v>
      </c>
      <c r="D40" s="12">
        <v>2070</v>
      </c>
      <c r="E40" s="12">
        <v>998</v>
      </c>
      <c r="F40" s="12">
        <v>1072</v>
      </c>
      <c r="G40" s="12">
        <v>228</v>
      </c>
      <c r="H40" s="12">
        <v>225</v>
      </c>
      <c r="I40" s="12">
        <v>196</v>
      </c>
      <c r="J40" s="12">
        <v>260</v>
      </c>
      <c r="K40" s="12">
        <v>386</v>
      </c>
      <c r="L40" s="12">
        <v>328</v>
      </c>
      <c r="M40" s="12">
        <v>189</v>
      </c>
      <c r="N40" s="12">
        <v>258</v>
      </c>
      <c r="O40" s="12">
        <v>0</v>
      </c>
      <c r="P40" s="12">
        <v>347</v>
      </c>
      <c r="Q40" s="12">
        <v>1367</v>
      </c>
      <c r="R40" s="12">
        <v>356</v>
      </c>
    </row>
    <row r="41" spans="1:18" s="4" customFormat="1" x14ac:dyDescent="0.15">
      <c r="A41" s="3"/>
      <c r="B41" s="3" t="s">
        <v>57</v>
      </c>
      <c r="C41" s="12">
        <v>658</v>
      </c>
      <c r="D41" s="12">
        <v>1568</v>
      </c>
      <c r="E41" s="12">
        <v>754</v>
      </c>
      <c r="F41" s="12">
        <v>814</v>
      </c>
      <c r="G41" s="12">
        <v>133</v>
      </c>
      <c r="H41" s="12">
        <v>183</v>
      </c>
      <c r="I41" s="12">
        <v>166</v>
      </c>
      <c r="J41" s="12">
        <v>137</v>
      </c>
      <c r="K41" s="12">
        <v>227</v>
      </c>
      <c r="L41" s="12">
        <v>266</v>
      </c>
      <c r="M41" s="12">
        <v>161</v>
      </c>
      <c r="N41" s="12">
        <v>295</v>
      </c>
      <c r="O41" s="12">
        <v>0</v>
      </c>
      <c r="P41" s="12">
        <v>223</v>
      </c>
      <c r="Q41" s="12">
        <v>970</v>
      </c>
      <c r="R41" s="12">
        <v>375</v>
      </c>
    </row>
    <row r="42" spans="1:18" s="4" customFormat="1" x14ac:dyDescent="0.15">
      <c r="A42" s="3"/>
      <c r="B42" s="3" t="s">
        <v>58</v>
      </c>
      <c r="C42" s="12">
        <v>138</v>
      </c>
      <c r="D42" s="12">
        <v>317</v>
      </c>
      <c r="E42" s="12">
        <v>158</v>
      </c>
      <c r="F42" s="12">
        <v>159</v>
      </c>
      <c r="G42" s="12">
        <v>22</v>
      </c>
      <c r="H42" s="12">
        <v>36</v>
      </c>
      <c r="I42" s="12">
        <v>32</v>
      </c>
      <c r="J42" s="12">
        <v>26</v>
      </c>
      <c r="K42" s="12">
        <v>49</v>
      </c>
      <c r="L42" s="12">
        <v>44</v>
      </c>
      <c r="M42" s="12">
        <v>33</v>
      </c>
      <c r="N42" s="12">
        <v>75</v>
      </c>
      <c r="O42" s="12">
        <v>0</v>
      </c>
      <c r="P42" s="12">
        <v>38</v>
      </c>
      <c r="Q42" s="12">
        <v>186</v>
      </c>
      <c r="R42" s="12">
        <v>93</v>
      </c>
    </row>
    <row r="43" spans="1:18" s="4" customFormat="1" x14ac:dyDescent="0.15">
      <c r="A43" s="3"/>
      <c r="B43" s="3" t="s">
        <v>59</v>
      </c>
      <c r="C43" s="12">
        <v>720</v>
      </c>
      <c r="D43" s="12">
        <v>1368</v>
      </c>
      <c r="E43" s="12">
        <v>671</v>
      </c>
      <c r="F43" s="12">
        <v>697</v>
      </c>
      <c r="G43" s="12">
        <v>127</v>
      </c>
      <c r="H43" s="12">
        <v>86</v>
      </c>
      <c r="I43" s="12">
        <v>125</v>
      </c>
      <c r="J43" s="12">
        <v>200</v>
      </c>
      <c r="K43" s="12">
        <v>211</v>
      </c>
      <c r="L43" s="12">
        <v>208</v>
      </c>
      <c r="M43" s="12">
        <v>171</v>
      </c>
      <c r="N43" s="12">
        <v>240</v>
      </c>
      <c r="O43" s="12">
        <v>0</v>
      </c>
      <c r="P43" s="12">
        <v>166</v>
      </c>
      <c r="Q43" s="12">
        <v>881</v>
      </c>
      <c r="R43" s="12">
        <v>321</v>
      </c>
    </row>
    <row r="44" spans="1:18" s="4" customFormat="1" x14ac:dyDescent="0.15">
      <c r="A44" s="3"/>
      <c r="B44" s="3" t="s">
        <v>60</v>
      </c>
      <c r="C44" s="12">
        <v>845</v>
      </c>
      <c r="D44" s="12">
        <v>1679</v>
      </c>
      <c r="E44" s="12">
        <v>824</v>
      </c>
      <c r="F44" s="12">
        <v>855</v>
      </c>
      <c r="G44" s="12">
        <v>183</v>
      </c>
      <c r="H44" s="12">
        <v>140</v>
      </c>
      <c r="I44" s="12">
        <v>207</v>
      </c>
      <c r="J44" s="12">
        <v>199</v>
      </c>
      <c r="K44" s="12">
        <v>306</v>
      </c>
      <c r="L44" s="12">
        <v>233</v>
      </c>
      <c r="M44" s="12">
        <v>155</v>
      </c>
      <c r="N44" s="12">
        <v>256</v>
      </c>
      <c r="O44" s="12">
        <v>0</v>
      </c>
      <c r="P44" s="12">
        <v>267</v>
      </c>
      <c r="Q44" s="12">
        <v>1082</v>
      </c>
      <c r="R44" s="12">
        <v>330</v>
      </c>
    </row>
    <row r="45" spans="1:18" s="4" customFormat="1" x14ac:dyDescent="0.15">
      <c r="A45" s="3"/>
      <c r="B45" s="3" t="s">
        <v>61</v>
      </c>
      <c r="C45" s="12">
        <v>180</v>
      </c>
      <c r="D45" s="12">
        <v>378</v>
      </c>
      <c r="E45" s="12">
        <v>180</v>
      </c>
      <c r="F45" s="12">
        <v>198</v>
      </c>
      <c r="G45" s="12">
        <v>38</v>
      </c>
      <c r="H45" s="12">
        <v>25</v>
      </c>
      <c r="I45" s="12">
        <v>40</v>
      </c>
      <c r="J45" s="12">
        <v>51</v>
      </c>
      <c r="K45" s="12">
        <v>45</v>
      </c>
      <c r="L45" s="12">
        <v>46</v>
      </c>
      <c r="M45" s="12">
        <v>44</v>
      </c>
      <c r="N45" s="12">
        <v>89</v>
      </c>
      <c r="O45" s="12">
        <v>0</v>
      </c>
      <c r="P45" s="12">
        <v>51</v>
      </c>
      <c r="Q45" s="12">
        <v>217</v>
      </c>
      <c r="R45" s="12">
        <v>110</v>
      </c>
    </row>
    <row r="46" spans="1:18" s="4" customFormat="1" x14ac:dyDescent="0.15">
      <c r="A46" s="3"/>
      <c r="B46" s="3" t="s">
        <v>62</v>
      </c>
      <c r="C46" s="12">
        <v>529</v>
      </c>
      <c r="D46" s="12">
        <v>1033</v>
      </c>
      <c r="E46" s="12">
        <v>486</v>
      </c>
      <c r="F46" s="12">
        <v>547</v>
      </c>
      <c r="G46" s="12">
        <v>111</v>
      </c>
      <c r="H46" s="12">
        <v>80</v>
      </c>
      <c r="I46" s="12">
        <v>107</v>
      </c>
      <c r="J46" s="12">
        <v>171</v>
      </c>
      <c r="K46" s="12">
        <v>180</v>
      </c>
      <c r="L46" s="12">
        <v>144</v>
      </c>
      <c r="M46" s="12">
        <v>93</v>
      </c>
      <c r="N46" s="12">
        <v>147</v>
      </c>
      <c r="O46" s="12">
        <v>0</v>
      </c>
      <c r="P46" s="12">
        <v>152</v>
      </c>
      <c r="Q46" s="12">
        <v>685</v>
      </c>
      <c r="R46" s="12">
        <v>196</v>
      </c>
    </row>
    <row r="47" spans="1:18" s="4" customFormat="1" x14ac:dyDescent="0.15">
      <c r="A47" s="3"/>
      <c r="B47" s="3" t="s">
        <v>63</v>
      </c>
      <c r="C47" s="12">
        <v>811</v>
      </c>
      <c r="D47" s="12">
        <v>1471</v>
      </c>
      <c r="E47" s="12">
        <v>693</v>
      </c>
      <c r="F47" s="12">
        <v>778</v>
      </c>
      <c r="G47" s="12">
        <v>107</v>
      </c>
      <c r="H47" s="12">
        <v>97</v>
      </c>
      <c r="I47" s="12">
        <v>230</v>
      </c>
      <c r="J47" s="12">
        <v>186</v>
      </c>
      <c r="K47" s="12">
        <v>200</v>
      </c>
      <c r="L47" s="12">
        <v>212</v>
      </c>
      <c r="M47" s="12">
        <v>144</v>
      </c>
      <c r="N47" s="12">
        <v>295</v>
      </c>
      <c r="O47" s="12">
        <v>0</v>
      </c>
      <c r="P47" s="12">
        <v>156</v>
      </c>
      <c r="Q47" s="12">
        <v>948</v>
      </c>
      <c r="R47" s="12">
        <v>367</v>
      </c>
    </row>
    <row r="48" spans="1:18" s="4" customFormat="1" x14ac:dyDescent="0.15">
      <c r="A48" s="3"/>
      <c r="B48" s="3" t="s">
        <v>64</v>
      </c>
      <c r="C48" s="12">
        <v>464</v>
      </c>
      <c r="D48" s="12">
        <v>875</v>
      </c>
      <c r="E48" s="12">
        <v>418</v>
      </c>
      <c r="F48" s="12">
        <v>457</v>
      </c>
      <c r="G48" s="12">
        <v>92</v>
      </c>
      <c r="H48" s="12">
        <v>67</v>
      </c>
      <c r="I48" s="12">
        <v>85</v>
      </c>
      <c r="J48" s="12">
        <v>117</v>
      </c>
      <c r="K48" s="12">
        <v>150</v>
      </c>
      <c r="L48" s="12">
        <v>134</v>
      </c>
      <c r="M48" s="12">
        <v>94</v>
      </c>
      <c r="N48" s="12">
        <v>136</v>
      </c>
      <c r="O48" s="12">
        <v>0</v>
      </c>
      <c r="P48" s="12">
        <v>123</v>
      </c>
      <c r="Q48" s="12">
        <v>576</v>
      </c>
      <c r="R48" s="12">
        <v>176</v>
      </c>
    </row>
    <row r="49" spans="1:18" s="4" customFormat="1" x14ac:dyDescent="0.15">
      <c r="A49" s="3"/>
      <c r="B49" s="3" t="s">
        <v>65</v>
      </c>
      <c r="C49" s="12">
        <v>717</v>
      </c>
      <c r="D49" s="12">
        <v>1560</v>
      </c>
      <c r="E49" s="12">
        <v>819</v>
      </c>
      <c r="F49" s="12">
        <v>741</v>
      </c>
      <c r="G49" s="12">
        <v>195</v>
      </c>
      <c r="H49" s="12">
        <v>196</v>
      </c>
      <c r="I49" s="12">
        <v>148</v>
      </c>
      <c r="J49" s="12">
        <v>220</v>
      </c>
      <c r="K49" s="12">
        <v>359</v>
      </c>
      <c r="L49" s="12">
        <v>264</v>
      </c>
      <c r="M49" s="12">
        <v>89</v>
      </c>
      <c r="N49" s="12">
        <v>89</v>
      </c>
      <c r="O49" s="12">
        <v>0</v>
      </c>
      <c r="P49" s="12">
        <v>295</v>
      </c>
      <c r="Q49" s="12">
        <v>1149</v>
      </c>
      <c r="R49" s="12">
        <v>116</v>
      </c>
    </row>
    <row r="50" spans="1:18" s="4" customFormat="1" x14ac:dyDescent="0.15">
      <c r="A50" s="3"/>
      <c r="B50" s="3" t="s">
        <v>66</v>
      </c>
      <c r="C50" s="12">
        <v>281</v>
      </c>
      <c r="D50" s="12">
        <v>452</v>
      </c>
      <c r="E50" s="12">
        <v>227</v>
      </c>
      <c r="F50" s="12">
        <v>225</v>
      </c>
      <c r="G50" s="12">
        <v>23</v>
      </c>
      <c r="H50" s="12">
        <v>38</v>
      </c>
      <c r="I50" s="12">
        <v>60</v>
      </c>
      <c r="J50" s="12">
        <v>38</v>
      </c>
      <c r="K50" s="12">
        <v>76</v>
      </c>
      <c r="L50" s="12">
        <v>75</v>
      </c>
      <c r="M50" s="12">
        <v>33</v>
      </c>
      <c r="N50" s="12">
        <v>109</v>
      </c>
      <c r="O50" s="12">
        <v>0</v>
      </c>
      <c r="P50" s="12">
        <v>40</v>
      </c>
      <c r="Q50" s="12">
        <v>284</v>
      </c>
      <c r="R50" s="12">
        <v>128</v>
      </c>
    </row>
    <row r="51" spans="1:18" s="4" customFormat="1" x14ac:dyDescent="0.15">
      <c r="A51" s="3"/>
      <c r="B51" s="3" t="s">
        <v>67</v>
      </c>
      <c r="C51" s="12">
        <v>607</v>
      </c>
      <c r="D51" s="12">
        <v>1078</v>
      </c>
      <c r="E51" s="12">
        <v>611</v>
      </c>
      <c r="F51" s="12">
        <v>467</v>
      </c>
      <c r="G51" s="12">
        <v>122</v>
      </c>
      <c r="H51" s="12">
        <v>107</v>
      </c>
      <c r="I51" s="12">
        <v>241</v>
      </c>
      <c r="J51" s="12">
        <v>200</v>
      </c>
      <c r="K51" s="12">
        <v>217</v>
      </c>
      <c r="L51" s="12">
        <v>166</v>
      </c>
      <c r="M51" s="12">
        <v>21</v>
      </c>
      <c r="N51" s="12">
        <v>4</v>
      </c>
      <c r="O51" s="12">
        <v>0</v>
      </c>
      <c r="P51" s="12">
        <v>179</v>
      </c>
      <c r="Q51" s="12">
        <v>895</v>
      </c>
      <c r="R51" s="12">
        <v>4</v>
      </c>
    </row>
    <row r="52" spans="1:18" s="4" customFormat="1" x14ac:dyDescent="0.15">
      <c r="A52" s="3"/>
      <c r="B52" s="3" t="s">
        <v>68</v>
      </c>
      <c r="C52" s="12">
        <v>890</v>
      </c>
      <c r="D52" s="12">
        <v>1661</v>
      </c>
      <c r="E52" s="12">
        <v>701</v>
      </c>
      <c r="F52" s="12">
        <v>960</v>
      </c>
      <c r="G52" s="12">
        <v>108</v>
      </c>
      <c r="H52" s="12">
        <v>113</v>
      </c>
      <c r="I52" s="12">
        <v>88</v>
      </c>
      <c r="J52" s="12">
        <v>103</v>
      </c>
      <c r="K52" s="12">
        <v>192</v>
      </c>
      <c r="L52" s="12">
        <v>171</v>
      </c>
      <c r="M52" s="12">
        <v>196</v>
      </c>
      <c r="N52" s="12">
        <v>690</v>
      </c>
      <c r="O52" s="12">
        <v>0</v>
      </c>
      <c r="P52" s="12">
        <v>167</v>
      </c>
      <c r="Q52" s="12">
        <v>694</v>
      </c>
      <c r="R52" s="12">
        <v>800</v>
      </c>
    </row>
    <row r="53" spans="1:18" s="4" customFormat="1" x14ac:dyDescent="0.15">
      <c r="A53" s="3"/>
      <c r="B53" s="3" t="s">
        <v>69</v>
      </c>
      <c r="C53" s="12">
        <v>870</v>
      </c>
      <c r="D53" s="12">
        <v>1743</v>
      </c>
      <c r="E53" s="12">
        <v>844</v>
      </c>
      <c r="F53" s="12">
        <v>899</v>
      </c>
      <c r="G53" s="12">
        <v>119</v>
      </c>
      <c r="H53" s="12">
        <v>150</v>
      </c>
      <c r="I53" s="12">
        <v>178</v>
      </c>
      <c r="J53" s="12">
        <v>158</v>
      </c>
      <c r="K53" s="12">
        <v>284</v>
      </c>
      <c r="L53" s="12">
        <v>275</v>
      </c>
      <c r="M53" s="12">
        <v>222</v>
      </c>
      <c r="N53" s="12">
        <v>357</v>
      </c>
      <c r="O53" s="12">
        <v>0</v>
      </c>
      <c r="P53" s="12">
        <v>194</v>
      </c>
      <c r="Q53" s="12">
        <v>1069</v>
      </c>
      <c r="R53" s="12">
        <v>480</v>
      </c>
    </row>
    <row r="54" spans="1:18" s="4" customFormat="1" x14ac:dyDescent="0.15">
      <c r="A54" s="3"/>
      <c r="B54" s="3" t="s">
        <v>70</v>
      </c>
      <c r="C54" s="12">
        <v>321</v>
      </c>
      <c r="D54" s="12">
        <v>772</v>
      </c>
      <c r="E54" s="12">
        <v>363</v>
      </c>
      <c r="F54" s="12">
        <v>409</v>
      </c>
      <c r="G54" s="12">
        <v>82</v>
      </c>
      <c r="H54" s="12">
        <v>74</v>
      </c>
      <c r="I54" s="12">
        <v>68</v>
      </c>
      <c r="J54" s="12">
        <v>101</v>
      </c>
      <c r="K54" s="12">
        <v>116</v>
      </c>
      <c r="L54" s="12">
        <v>91</v>
      </c>
      <c r="M54" s="12">
        <v>78</v>
      </c>
      <c r="N54" s="12">
        <v>162</v>
      </c>
      <c r="O54" s="12">
        <v>0</v>
      </c>
      <c r="P54" s="12">
        <v>121</v>
      </c>
      <c r="Q54" s="12">
        <v>456</v>
      </c>
      <c r="R54" s="12">
        <v>195</v>
      </c>
    </row>
    <row r="55" spans="1:18" s="4" customFormat="1" x14ac:dyDescent="0.15">
      <c r="A55" s="3"/>
      <c r="B55" s="3" t="s">
        <v>71</v>
      </c>
      <c r="C55" s="12">
        <v>1052</v>
      </c>
      <c r="D55" s="12">
        <v>2179</v>
      </c>
      <c r="E55" s="12">
        <v>1042</v>
      </c>
      <c r="F55" s="12">
        <v>1137</v>
      </c>
      <c r="G55" s="12">
        <v>155</v>
      </c>
      <c r="H55" s="12">
        <v>224</v>
      </c>
      <c r="I55" s="12">
        <v>250</v>
      </c>
      <c r="J55" s="12">
        <v>233</v>
      </c>
      <c r="K55" s="12">
        <v>340</v>
      </c>
      <c r="L55" s="12">
        <v>359</v>
      </c>
      <c r="M55" s="12">
        <v>262</v>
      </c>
      <c r="N55" s="12">
        <v>356</v>
      </c>
      <c r="O55" s="12">
        <v>0</v>
      </c>
      <c r="P55" s="12">
        <v>272</v>
      </c>
      <c r="Q55" s="12">
        <v>1421</v>
      </c>
      <c r="R55" s="12">
        <v>486</v>
      </c>
    </row>
    <row r="56" spans="1:18" s="4" customFormat="1" x14ac:dyDescent="0.15">
      <c r="A56" s="3"/>
      <c r="B56" s="3" t="s">
        <v>72</v>
      </c>
      <c r="C56" s="12">
        <v>302</v>
      </c>
      <c r="D56" s="12">
        <v>609</v>
      </c>
      <c r="E56" s="12">
        <v>285</v>
      </c>
      <c r="F56" s="12">
        <v>324</v>
      </c>
      <c r="G56" s="12">
        <v>53</v>
      </c>
      <c r="H56" s="12">
        <v>48</v>
      </c>
      <c r="I56" s="12">
        <v>62</v>
      </c>
      <c r="J56" s="12">
        <v>56</v>
      </c>
      <c r="K56" s="12">
        <v>103</v>
      </c>
      <c r="L56" s="12">
        <v>100</v>
      </c>
      <c r="M56" s="12">
        <v>73</v>
      </c>
      <c r="N56" s="12">
        <v>114</v>
      </c>
      <c r="O56" s="12">
        <v>0</v>
      </c>
      <c r="P56" s="12">
        <v>78</v>
      </c>
      <c r="Q56" s="12">
        <v>375</v>
      </c>
      <c r="R56" s="12">
        <v>156</v>
      </c>
    </row>
    <row r="57" spans="1:18" s="4" customFormat="1" x14ac:dyDescent="0.15">
      <c r="A57" s="3"/>
      <c r="B57" s="3" t="s">
        <v>73</v>
      </c>
      <c r="C57" s="12">
        <v>310</v>
      </c>
      <c r="D57" s="12">
        <v>511</v>
      </c>
      <c r="E57" s="12">
        <v>236</v>
      </c>
      <c r="F57" s="12">
        <v>275</v>
      </c>
      <c r="G57" s="12">
        <v>32</v>
      </c>
      <c r="H57" s="12">
        <v>28</v>
      </c>
      <c r="I57" s="12">
        <v>97</v>
      </c>
      <c r="J57" s="12">
        <v>71</v>
      </c>
      <c r="K57" s="12">
        <v>80</v>
      </c>
      <c r="L57" s="12">
        <v>66</v>
      </c>
      <c r="M57" s="12">
        <v>46</v>
      </c>
      <c r="N57" s="12">
        <v>91</v>
      </c>
      <c r="O57" s="12">
        <v>0</v>
      </c>
      <c r="P57" s="12">
        <v>48</v>
      </c>
      <c r="Q57" s="12">
        <v>350</v>
      </c>
      <c r="R57" s="12">
        <v>113</v>
      </c>
    </row>
    <row r="58" spans="1:18" s="4" customFormat="1" x14ac:dyDescent="0.15">
      <c r="A58" s="3"/>
      <c r="B58" s="3" t="s">
        <v>74</v>
      </c>
      <c r="C58" s="12">
        <v>197</v>
      </c>
      <c r="D58" s="12">
        <v>351</v>
      </c>
      <c r="E58" s="12">
        <v>177</v>
      </c>
      <c r="F58" s="12">
        <v>174</v>
      </c>
      <c r="G58" s="12">
        <v>19</v>
      </c>
      <c r="H58" s="12">
        <v>34</v>
      </c>
      <c r="I58" s="12">
        <v>83</v>
      </c>
      <c r="J58" s="12">
        <v>46</v>
      </c>
      <c r="K58" s="12">
        <v>35</v>
      </c>
      <c r="L58" s="12">
        <v>51</v>
      </c>
      <c r="M58" s="12">
        <v>40</v>
      </c>
      <c r="N58" s="12">
        <v>43</v>
      </c>
      <c r="O58" s="12">
        <v>0</v>
      </c>
      <c r="P58" s="12">
        <v>29</v>
      </c>
      <c r="Q58" s="12">
        <v>260</v>
      </c>
      <c r="R58" s="12">
        <v>62</v>
      </c>
    </row>
    <row r="59" spans="1:18" s="4" customFormat="1" x14ac:dyDescent="0.15">
      <c r="A59" s="3"/>
      <c r="B59" s="3" t="s">
        <v>75</v>
      </c>
      <c r="C59" s="12">
        <v>720</v>
      </c>
      <c r="D59" s="12">
        <v>1428</v>
      </c>
      <c r="E59" s="12">
        <v>675</v>
      </c>
      <c r="F59" s="12">
        <v>753</v>
      </c>
      <c r="G59" s="12">
        <v>121</v>
      </c>
      <c r="H59" s="12">
        <v>124</v>
      </c>
      <c r="I59" s="12">
        <v>129</v>
      </c>
      <c r="J59" s="12">
        <v>158</v>
      </c>
      <c r="K59" s="12">
        <v>235</v>
      </c>
      <c r="L59" s="12">
        <v>270</v>
      </c>
      <c r="M59" s="12">
        <v>167</v>
      </c>
      <c r="N59" s="12">
        <v>224</v>
      </c>
      <c r="O59" s="12">
        <v>0</v>
      </c>
      <c r="P59" s="12">
        <v>186</v>
      </c>
      <c r="Q59" s="12">
        <v>942</v>
      </c>
      <c r="R59" s="12">
        <v>300</v>
      </c>
    </row>
    <row r="60" spans="1:18" s="4" customFormat="1" x14ac:dyDescent="0.15">
      <c r="A60" s="3"/>
      <c r="B60" s="3" t="s">
        <v>76</v>
      </c>
      <c r="C60" s="12">
        <v>190</v>
      </c>
      <c r="D60" s="12">
        <v>316</v>
      </c>
      <c r="E60" s="12">
        <v>139</v>
      </c>
      <c r="F60" s="12">
        <v>177</v>
      </c>
      <c r="G60" s="12">
        <v>16</v>
      </c>
      <c r="H60" s="12">
        <v>23</v>
      </c>
      <c r="I60" s="12">
        <v>24</v>
      </c>
      <c r="J60" s="12">
        <v>25</v>
      </c>
      <c r="K60" s="12">
        <v>54</v>
      </c>
      <c r="L60" s="12">
        <v>34</v>
      </c>
      <c r="M60" s="12">
        <v>42</v>
      </c>
      <c r="N60" s="12">
        <v>98</v>
      </c>
      <c r="O60" s="12">
        <v>0</v>
      </c>
      <c r="P60" s="12">
        <v>31</v>
      </c>
      <c r="Q60" s="12">
        <v>167</v>
      </c>
      <c r="R60" s="12">
        <v>118</v>
      </c>
    </row>
    <row r="61" spans="1:18" s="4" customFormat="1" x14ac:dyDescent="0.15">
      <c r="A61" s="3"/>
      <c r="B61" s="3" t="s">
        <v>77</v>
      </c>
      <c r="C61" s="12">
        <v>386</v>
      </c>
      <c r="D61" s="12">
        <v>661</v>
      </c>
      <c r="E61" s="12">
        <v>342</v>
      </c>
      <c r="F61" s="12">
        <v>319</v>
      </c>
      <c r="G61" s="12">
        <v>58</v>
      </c>
      <c r="H61" s="12">
        <v>42</v>
      </c>
      <c r="I61" s="12">
        <v>102</v>
      </c>
      <c r="J61" s="12">
        <v>114</v>
      </c>
      <c r="K61" s="12">
        <v>104</v>
      </c>
      <c r="L61" s="12">
        <v>81</v>
      </c>
      <c r="M61" s="12">
        <v>66</v>
      </c>
      <c r="N61" s="12">
        <v>94</v>
      </c>
      <c r="O61" s="12">
        <v>0</v>
      </c>
      <c r="P61" s="12">
        <v>75</v>
      </c>
      <c r="Q61" s="12">
        <v>466</v>
      </c>
      <c r="R61" s="12">
        <v>120</v>
      </c>
    </row>
    <row r="62" spans="1:18" s="4" customFormat="1" x14ac:dyDescent="0.15">
      <c r="A62" s="3"/>
      <c r="B62" s="3" t="s">
        <v>78</v>
      </c>
      <c r="C62" s="12">
        <v>577</v>
      </c>
      <c r="D62" s="12">
        <v>977</v>
      </c>
      <c r="E62" s="12">
        <v>486</v>
      </c>
      <c r="F62" s="12">
        <v>491</v>
      </c>
      <c r="G62" s="12">
        <v>62</v>
      </c>
      <c r="H62" s="12">
        <v>44</v>
      </c>
      <c r="I62" s="12">
        <v>153</v>
      </c>
      <c r="J62" s="12">
        <v>131</v>
      </c>
      <c r="K62" s="12">
        <v>164</v>
      </c>
      <c r="L62" s="12">
        <v>127</v>
      </c>
      <c r="M62" s="12">
        <v>109</v>
      </c>
      <c r="N62" s="12">
        <v>187</v>
      </c>
      <c r="O62" s="12">
        <v>0</v>
      </c>
      <c r="P62" s="12">
        <v>85</v>
      </c>
      <c r="Q62" s="12">
        <v>658</v>
      </c>
      <c r="R62" s="12">
        <v>234</v>
      </c>
    </row>
    <row r="63" spans="1:18" s="4" customFormat="1" x14ac:dyDescent="0.15">
      <c r="A63" s="3"/>
      <c r="B63" s="3" t="s">
        <v>79</v>
      </c>
      <c r="C63" s="12">
        <v>664</v>
      </c>
      <c r="D63" s="12">
        <v>1440</v>
      </c>
      <c r="E63" s="12">
        <v>670</v>
      </c>
      <c r="F63" s="12">
        <v>770</v>
      </c>
      <c r="G63" s="12">
        <v>181</v>
      </c>
      <c r="H63" s="12">
        <v>132</v>
      </c>
      <c r="I63" s="12">
        <v>148</v>
      </c>
      <c r="J63" s="12">
        <v>175</v>
      </c>
      <c r="K63" s="12">
        <v>266</v>
      </c>
      <c r="L63" s="12">
        <v>215</v>
      </c>
      <c r="M63" s="12">
        <v>123</v>
      </c>
      <c r="N63" s="12">
        <v>200</v>
      </c>
      <c r="O63" s="12">
        <v>0</v>
      </c>
      <c r="P63" s="12">
        <v>256</v>
      </c>
      <c r="Q63" s="12">
        <v>923</v>
      </c>
      <c r="R63" s="12">
        <v>261</v>
      </c>
    </row>
    <row r="64" spans="1:18" s="4" customFormat="1" x14ac:dyDescent="0.15">
      <c r="A64" s="3"/>
      <c r="B64" s="3" t="s">
        <v>80</v>
      </c>
      <c r="C64" s="12">
        <v>386</v>
      </c>
      <c r="D64" s="12">
        <v>744</v>
      </c>
      <c r="E64" s="12">
        <v>358</v>
      </c>
      <c r="F64" s="12">
        <v>386</v>
      </c>
      <c r="G64" s="12">
        <v>58</v>
      </c>
      <c r="H64" s="12">
        <v>62</v>
      </c>
      <c r="I64" s="12">
        <v>67</v>
      </c>
      <c r="J64" s="12">
        <v>92</v>
      </c>
      <c r="K64" s="12">
        <v>122</v>
      </c>
      <c r="L64" s="12">
        <v>103</v>
      </c>
      <c r="M64" s="12">
        <v>82</v>
      </c>
      <c r="N64" s="12">
        <v>158</v>
      </c>
      <c r="O64" s="12">
        <v>0</v>
      </c>
      <c r="P64" s="12">
        <v>88</v>
      </c>
      <c r="Q64" s="12">
        <v>451</v>
      </c>
      <c r="R64" s="12">
        <v>205</v>
      </c>
    </row>
    <row r="65" spans="1:18" s="4" customFormat="1" x14ac:dyDescent="0.15">
      <c r="A65" s="3"/>
      <c r="B65" s="3" t="s">
        <v>81</v>
      </c>
      <c r="C65" s="12">
        <v>868</v>
      </c>
      <c r="D65" s="12">
        <v>1851</v>
      </c>
      <c r="E65" s="12">
        <v>902</v>
      </c>
      <c r="F65" s="12">
        <v>949</v>
      </c>
      <c r="G65" s="12">
        <v>124</v>
      </c>
      <c r="H65" s="12">
        <v>155</v>
      </c>
      <c r="I65" s="12">
        <v>178</v>
      </c>
      <c r="J65" s="12">
        <v>194</v>
      </c>
      <c r="K65" s="12">
        <v>251</v>
      </c>
      <c r="L65" s="12">
        <v>275</v>
      </c>
      <c r="M65" s="12">
        <v>239</v>
      </c>
      <c r="N65" s="12">
        <v>435</v>
      </c>
      <c r="O65" s="12">
        <v>0</v>
      </c>
      <c r="P65" s="12">
        <v>191</v>
      </c>
      <c r="Q65" s="12">
        <v>1100</v>
      </c>
      <c r="R65" s="12">
        <v>560</v>
      </c>
    </row>
    <row r="66" spans="1:18" s="4" customFormat="1" x14ac:dyDescent="0.15">
      <c r="A66" s="3"/>
      <c r="B66" s="3" t="s">
        <v>82</v>
      </c>
      <c r="C66" s="12">
        <v>223</v>
      </c>
      <c r="D66" s="12">
        <v>425</v>
      </c>
      <c r="E66" s="12">
        <v>215</v>
      </c>
      <c r="F66" s="12">
        <v>210</v>
      </c>
      <c r="G66" s="12">
        <v>19</v>
      </c>
      <c r="H66" s="12">
        <v>34</v>
      </c>
      <c r="I66" s="12">
        <v>40</v>
      </c>
      <c r="J66" s="12">
        <v>62</v>
      </c>
      <c r="K66" s="12">
        <v>53</v>
      </c>
      <c r="L66" s="12">
        <v>64</v>
      </c>
      <c r="M66" s="12">
        <v>57</v>
      </c>
      <c r="N66" s="12">
        <v>96</v>
      </c>
      <c r="O66" s="12">
        <v>0</v>
      </c>
      <c r="P66" s="12">
        <v>32</v>
      </c>
      <c r="Q66" s="12">
        <v>266</v>
      </c>
      <c r="R66" s="12">
        <v>127</v>
      </c>
    </row>
    <row r="67" spans="1:18" s="4" customFormat="1" x14ac:dyDescent="0.15">
      <c r="A67" s="3"/>
      <c r="B67" s="3" t="s">
        <v>83</v>
      </c>
      <c r="C67" s="12">
        <v>513</v>
      </c>
      <c r="D67" s="12">
        <v>969</v>
      </c>
      <c r="E67" s="12">
        <v>453</v>
      </c>
      <c r="F67" s="12">
        <v>516</v>
      </c>
      <c r="G67" s="12">
        <v>82</v>
      </c>
      <c r="H67" s="12">
        <v>89</v>
      </c>
      <c r="I67" s="12">
        <v>147</v>
      </c>
      <c r="J67" s="12">
        <v>119</v>
      </c>
      <c r="K67" s="12">
        <v>157</v>
      </c>
      <c r="L67" s="12">
        <v>149</v>
      </c>
      <c r="M67" s="12">
        <v>77</v>
      </c>
      <c r="N67" s="12">
        <v>149</v>
      </c>
      <c r="O67" s="12">
        <v>0</v>
      </c>
      <c r="P67" s="12">
        <v>125</v>
      </c>
      <c r="Q67" s="12">
        <v>659</v>
      </c>
      <c r="R67" s="12">
        <v>185</v>
      </c>
    </row>
    <row r="68" spans="1:18" s="4" customFormat="1" x14ac:dyDescent="0.15">
      <c r="A68" s="3"/>
      <c r="B68" s="3" t="s">
        <v>84</v>
      </c>
      <c r="C68" s="12">
        <v>312</v>
      </c>
      <c r="D68" s="12">
        <v>608</v>
      </c>
      <c r="E68" s="12">
        <v>275</v>
      </c>
      <c r="F68" s="12">
        <v>333</v>
      </c>
      <c r="G68" s="12">
        <v>49</v>
      </c>
      <c r="H68" s="12">
        <v>53</v>
      </c>
      <c r="I68" s="12">
        <v>67</v>
      </c>
      <c r="J68" s="12">
        <v>91</v>
      </c>
      <c r="K68" s="12">
        <v>98</v>
      </c>
      <c r="L68" s="12">
        <v>84</v>
      </c>
      <c r="M68" s="12">
        <v>62</v>
      </c>
      <c r="N68" s="12">
        <v>104</v>
      </c>
      <c r="O68" s="12">
        <v>0</v>
      </c>
      <c r="P68" s="12">
        <v>74</v>
      </c>
      <c r="Q68" s="12">
        <v>406</v>
      </c>
      <c r="R68" s="12">
        <v>128</v>
      </c>
    </row>
    <row r="69" spans="1:18" s="4" customFormat="1" x14ac:dyDescent="0.15">
      <c r="A69" s="3"/>
      <c r="B69" s="3" t="s">
        <v>85</v>
      </c>
      <c r="C69" s="12">
        <v>1077</v>
      </c>
      <c r="D69" s="12">
        <v>2451</v>
      </c>
      <c r="E69" s="12">
        <v>1128</v>
      </c>
      <c r="F69" s="12">
        <v>1323</v>
      </c>
      <c r="G69" s="12">
        <v>215</v>
      </c>
      <c r="H69" s="12">
        <v>305</v>
      </c>
      <c r="I69" s="12">
        <v>216</v>
      </c>
      <c r="J69" s="12">
        <v>262</v>
      </c>
      <c r="K69" s="12">
        <v>434</v>
      </c>
      <c r="L69" s="12">
        <v>380</v>
      </c>
      <c r="M69" s="12">
        <v>215</v>
      </c>
      <c r="N69" s="12">
        <v>424</v>
      </c>
      <c r="O69" s="12">
        <v>0</v>
      </c>
      <c r="P69" s="12">
        <v>375</v>
      </c>
      <c r="Q69" s="12">
        <v>1548</v>
      </c>
      <c r="R69" s="12">
        <v>528</v>
      </c>
    </row>
    <row r="70" spans="1:18" s="4" customFormat="1" x14ac:dyDescent="0.15">
      <c r="A70" s="3"/>
      <c r="B70" s="3" t="s">
        <v>86</v>
      </c>
      <c r="C70" s="12">
        <v>667</v>
      </c>
      <c r="D70" s="12">
        <v>1318</v>
      </c>
      <c r="E70" s="12">
        <v>641</v>
      </c>
      <c r="F70" s="12">
        <v>677</v>
      </c>
      <c r="G70" s="12">
        <v>87</v>
      </c>
      <c r="H70" s="12">
        <v>108</v>
      </c>
      <c r="I70" s="12">
        <v>154</v>
      </c>
      <c r="J70" s="12">
        <v>146</v>
      </c>
      <c r="K70" s="12">
        <v>180</v>
      </c>
      <c r="L70" s="12">
        <v>184</v>
      </c>
      <c r="M70" s="12">
        <v>168</v>
      </c>
      <c r="N70" s="12">
        <v>291</v>
      </c>
      <c r="O70" s="12">
        <v>0</v>
      </c>
      <c r="P70" s="12">
        <v>143</v>
      </c>
      <c r="Q70" s="12">
        <v>796</v>
      </c>
      <c r="R70" s="12">
        <v>379</v>
      </c>
    </row>
    <row r="71" spans="1:18" s="4" customFormat="1" x14ac:dyDescent="0.15">
      <c r="A71" s="3"/>
      <c r="B71" s="3" t="s">
        <v>87</v>
      </c>
      <c r="C71" s="12">
        <v>371</v>
      </c>
      <c r="D71" s="12">
        <v>807</v>
      </c>
      <c r="E71" s="12">
        <v>390</v>
      </c>
      <c r="F71" s="12">
        <v>417</v>
      </c>
      <c r="G71" s="12">
        <v>100</v>
      </c>
      <c r="H71" s="12">
        <v>60</v>
      </c>
      <c r="I71" s="12">
        <v>65</v>
      </c>
      <c r="J71" s="12">
        <v>122</v>
      </c>
      <c r="K71" s="12">
        <v>125</v>
      </c>
      <c r="L71" s="12">
        <v>132</v>
      </c>
      <c r="M71" s="12">
        <v>59</v>
      </c>
      <c r="N71" s="12">
        <v>144</v>
      </c>
      <c r="O71" s="12">
        <v>0</v>
      </c>
      <c r="P71" s="12">
        <v>126</v>
      </c>
      <c r="Q71" s="12">
        <v>513</v>
      </c>
      <c r="R71" s="12">
        <v>168</v>
      </c>
    </row>
    <row r="72" spans="1:18" s="4" customFormat="1" x14ac:dyDescent="0.15">
      <c r="A72" s="3"/>
      <c r="B72" s="3" t="s">
        <v>88</v>
      </c>
      <c r="C72" s="12">
        <v>75</v>
      </c>
      <c r="D72" s="12">
        <v>163</v>
      </c>
      <c r="E72" s="12">
        <v>86</v>
      </c>
      <c r="F72" s="12">
        <v>77</v>
      </c>
      <c r="G72" s="12">
        <v>6</v>
      </c>
      <c r="H72" s="12">
        <v>14</v>
      </c>
      <c r="I72" s="12">
        <v>16</v>
      </c>
      <c r="J72" s="12">
        <v>11</v>
      </c>
      <c r="K72" s="12">
        <v>21</v>
      </c>
      <c r="L72" s="12">
        <v>18</v>
      </c>
      <c r="M72" s="12">
        <v>27</v>
      </c>
      <c r="N72" s="12">
        <v>50</v>
      </c>
      <c r="O72" s="12">
        <v>0</v>
      </c>
      <c r="P72" s="12">
        <v>12</v>
      </c>
      <c r="Q72" s="12">
        <v>84</v>
      </c>
      <c r="R72" s="12">
        <v>67</v>
      </c>
    </row>
    <row r="73" spans="1:18" s="4" customFormat="1" x14ac:dyDescent="0.15">
      <c r="A73" s="3"/>
      <c r="B73" s="3" t="s">
        <v>89</v>
      </c>
      <c r="C73" s="12">
        <v>1493</v>
      </c>
      <c r="D73" s="12">
        <v>3617</v>
      </c>
      <c r="E73" s="12">
        <v>1744</v>
      </c>
      <c r="F73" s="12">
        <v>1873</v>
      </c>
      <c r="G73" s="12">
        <v>489</v>
      </c>
      <c r="H73" s="12">
        <v>403</v>
      </c>
      <c r="I73" s="12">
        <v>302</v>
      </c>
      <c r="J73" s="12">
        <v>474</v>
      </c>
      <c r="K73" s="12">
        <v>686</v>
      </c>
      <c r="L73" s="12">
        <v>548</v>
      </c>
      <c r="M73" s="12">
        <v>310</v>
      </c>
      <c r="N73" s="12">
        <v>405</v>
      </c>
      <c r="O73" s="12">
        <v>0</v>
      </c>
      <c r="P73" s="12">
        <v>725</v>
      </c>
      <c r="Q73" s="12">
        <v>2350</v>
      </c>
      <c r="R73" s="12">
        <v>542</v>
      </c>
    </row>
    <row r="74" spans="1:18" s="4" customFormat="1" x14ac:dyDescent="0.15">
      <c r="A74" s="3"/>
      <c r="B74" s="3" t="s">
        <v>90</v>
      </c>
      <c r="C74" s="12">
        <v>89</v>
      </c>
      <c r="D74" s="12">
        <v>180</v>
      </c>
      <c r="E74" s="12">
        <v>85</v>
      </c>
      <c r="F74" s="12">
        <v>95</v>
      </c>
      <c r="G74" s="12">
        <v>6</v>
      </c>
      <c r="H74" s="12">
        <v>18</v>
      </c>
      <c r="I74" s="12">
        <v>12</v>
      </c>
      <c r="J74" s="12">
        <v>21</v>
      </c>
      <c r="K74" s="12">
        <v>24</v>
      </c>
      <c r="L74" s="12">
        <v>28</v>
      </c>
      <c r="M74" s="12">
        <v>33</v>
      </c>
      <c r="N74" s="12">
        <v>38</v>
      </c>
      <c r="O74" s="12">
        <v>0</v>
      </c>
      <c r="P74" s="12">
        <v>20</v>
      </c>
      <c r="Q74" s="12">
        <v>111</v>
      </c>
      <c r="R74" s="12">
        <v>49</v>
      </c>
    </row>
    <row r="75" spans="1:18" s="4" customFormat="1" x14ac:dyDescent="0.15">
      <c r="A75" s="3"/>
      <c r="B75" s="3" t="s">
        <v>91</v>
      </c>
      <c r="C75" s="12">
        <v>386</v>
      </c>
      <c r="D75" s="12">
        <v>773</v>
      </c>
      <c r="E75" s="12">
        <v>388</v>
      </c>
      <c r="F75" s="12">
        <v>385</v>
      </c>
      <c r="G75" s="12">
        <v>61</v>
      </c>
      <c r="H75" s="12">
        <v>50</v>
      </c>
      <c r="I75" s="12">
        <v>64</v>
      </c>
      <c r="J75" s="12">
        <v>94</v>
      </c>
      <c r="K75" s="12">
        <v>120</v>
      </c>
      <c r="L75" s="12">
        <v>108</v>
      </c>
      <c r="M75" s="12">
        <v>102</v>
      </c>
      <c r="N75" s="12">
        <v>174</v>
      </c>
      <c r="O75" s="12">
        <v>0</v>
      </c>
      <c r="P75" s="12">
        <v>87</v>
      </c>
      <c r="Q75" s="12">
        <v>462</v>
      </c>
      <c r="R75" s="12">
        <v>224</v>
      </c>
    </row>
    <row r="76" spans="1:18" s="4" customFormat="1" x14ac:dyDescent="0.15">
      <c r="A76" s="3"/>
      <c r="B76" s="3" t="s">
        <v>92</v>
      </c>
      <c r="C76" s="12">
        <v>390</v>
      </c>
      <c r="D76" s="12">
        <v>870</v>
      </c>
      <c r="E76" s="12">
        <v>441</v>
      </c>
      <c r="F76" s="12">
        <v>429</v>
      </c>
      <c r="G76" s="12">
        <v>104</v>
      </c>
      <c r="H76" s="12">
        <v>87</v>
      </c>
      <c r="I76" s="12">
        <v>74</v>
      </c>
      <c r="J76" s="12">
        <v>96</v>
      </c>
      <c r="K76" s="12">
        <v>153</v>
      </c>
      <c r="L76" s="12">
        <v>109</v>
      </c>
      <c r="M76" s="12">
        <v>93</v>
      </c>
      <c r="N76" s="12">
        <v>154</v>
      </c>
      <c r="O76" s="12">
        <v>0</v>
      </c>
      <c r="P76" s="12">
        <v>146</v>
      </c>
      <c r="Q76" s="12">
        <v>515</v>
      </c>
      <c r="R76" s="12">
        <v>209</v>
      </c>
    </row>
    <row r="77" spans="1:18" s="4" customFormat="1" x14ac:dyDescent="0.15">
      <c r="A77" s="3"/>
      <c r="B77" s="3" t="s">
        <v>93</v>
      </c>
      <c r="C77" s="12">
        <v>871</v>
      </c>
      <c r="D77" s="12">
        <v>1989</v>
      </c>
      <c r="E77" s="12">
        <v>1006</v>
      </c>
      <c r="F77" s="12">
        <v>983</v>
      </c>
      <c r="G77" s="12">
        <v>231</v>
      </c>
      <c r="H77" s="12">
        <v>189</v>
      </c>
      <c r="I77" s="12">
        <v>173</v>
      </c>
      <c r="J77" s="12">
        <v>250</v>
      </c>
      <c r="K77" s="12">
        <v>334</v>
      </c>
      <c r="L77" s="12">
        <v>268</v>
      </c>
      <c r="M77" s="12">
        <v>193</v>
      </c>
      <c r="N77" s="12">
        <v>351</v>
      </c>
      <c r="O77" s="12">
        <v>0</v>
      </c>
      <c r="P77" s="12">
        <v>335</v>
      </c>
      <c r="Q77" s="12">
        <v>1216</v>
      </c>
      <c r="R77" s="12">
        <v>438</v>
      </c>
    </row>
    <row r="78" spans="1:18" s="4" customFormat="1" x14ac:dyDescent="0.15">
      <c r="A78" s="3"/>
      <c r="B78" s="3" t="s">
        <v>94</v>
      </c>
      <c r="C78" s="12">
        <v>1345</v>
      </c>
      <c r="D78" s="12">
        <v>2570</v>
      </c>
      <c r="E78" s="12">
        <v>1057</v>
      </c>
      <c r="F78" s="12">
        <v>1513</v>
      </c>
      <c r="G78" s="12">
        <v>137</v>
      </c>
      <c r="H78" s="12">
        <v>243</v>
      </c>
      <c r="I78" s="12">
        <v>172</v>
      </c>
      <c r="J78" s="12">
        <v>195</v>
      </c>
      <c r="K78" s="12">
        <v>315</v>
      </c>
      <c r="L78" s="12">
        <v>335</v>
      </c>
      <c r="M78" s="12">
        <v>320</v>
      </c>
      <c r="N78" s="12">
        <v>853</v>
      </c>
      <c r="O78" s="12">
        <v>0</v>
      </c>
      <c r="P78" s="12">
        <v>250</v>
      </c>
      <c r="Q78" s="12">
        <v>1280</v>
      </c>
      <c r="R78" s="12">
        <v>1040</v>
      </c>
    </row>
    <row r="79" spans="1:18" s="4" customFormat="1" x14ac:dyDescent="0.15">
      <c r="A79" s="3"/>
      <c r="B79" s="3" t="s">
        <v>95</v>
      </c>
      <c r="C79" s="12">
        <v>651</v>
      </c>
      <c r="D79" s="12">
        <v>1022</v>
      </c>
      <c r="E79" s="12">
        <v>444</v>
      </c>
      <c r="F79" s="12">
        <v>578</v>
      </c>
      <c r="G79" s="12">
        <v>76</v>
      </c>
      <c r="H79" s="12">
        <v>78</v>
      </c>
      <c r="I79" s="12">
        <v>170</v>
      </c>
      <c r="J79" s="12">
        <v>143</v>
      </c>
      <c r="K79" s="12">
        <v>196</v>
      </c>
      <c r="L79" s="12">
        <v>134</v>
      </c>
      <c r="M79" s="12">
        <v>85</v>
      </c>
      <c r="N79" s="12">
        <v>140</v>
      </c>
      <c r="O79" s="12">
        <v>0</v>
      </c>
      <c r="P79" s="12">
        <v>115</v>
      </c>
      <c r="Q79" s="12">
        <v>726</v>
      </c>
      <c r="R79" s="12">
        <v>181</v>
      </c>
    </row>
    <row r="80" spans="1:18" s="4" customFormat="1" x14ac:dyDescent="0.15">
      <c r="A80" s="3"/>
      <c r="B80" s="3" t="s">
        <v>96</v>
      </c>
      <c r="C80" s="12">
        <v>390</v>
      </c>
      <c r="D80" s="12">
        <v>736</v>
      </c>
      <c r="E80" s="12">
        <v>302</v>
      </c>
      <c r="F80" s="12">
        <v>434</v>
      </c>
      <c r="G80" s="12">
        <v>31</v>
      </c>
      <c r="H80" s="12">
        <v>66</v>
      </c>
      <c r="I80" s="12">
        <v>49</v>
      </c>
      <c r="J80" s="12">
        <v>39</v>
      </c>
      <c r="K80" s="12">
        <v>98</v>
      </c>
      <c r="L80" s="12">
        <v>68</v>
      </c>
      <c r="M80" s="12">
        <v>96</v>
      </c>
      <c r="N80" s="12">
        <v>289</v>
      </c>
      <c r="O80" s="12">
        <v>0</v>
      </c>
      <c r="P80" s="12">
        <v>66</v>
      </c>
      <c r="Q80" s="12">
        <v>331</v>
      </c>
      <c r="R80" s="12">
        <v>339</v>
      </c>
    </row>
    <row r="81" spans="1:18" s="4" customFormat="1" x14ac:dyDescent="0.15">
      <c r="A81" s="3"/>
      <c r="B81" s="3" t="s">
        <v>97</v>
      </c>
      <c r="C81" s="12">
        <v>168</v>
      </c>
      <c r="D81" s="12">
        <v>354</v>
      </c>
      <c r="E81" s="12">
        <v>171</v>
      </c>
      <c r="F81" s="12">
        <v>183</v>
      </c>
      <c r="G81" s="12">
        <v>31</v>
      </c>
      <c r="H81" s="12">
        <v>24</v>
      </c>
      <c r="I81" s="12">
        <v>33</v>
      </c>
      <c r="J81" s="12">
        <v>43</v>
      </c>
      <c r="K81" s="12">
        <v>49</v>
      </c>
      <c r="L81" s="12">
        <v>44</v>
      </c>
      <c r="M81" s="12">
        <v>40</v>
      </c>
      <c r="N81" s="12">
        <v>90</v>
      </c>
      <c r="O81" s="12">
        <v>0</v>
      </c>
      <c r="P81" s="12">
        <v>43</v>
      </c>
      <c r="Q81" s="12">
        <v>201</v>
      </c>
      <c r="R81" s="12">
        <v>110</v>
      </c>
    </row>
    <row r="82" spans="1:18" s="4" customFormat="1" x14ac:dyDescent="0.15">
      <c r="A82" s="3"/>
      <c r="B82" s="3" t="s">
        <v>98</v>
      </c>
      <c r="C82" s="12">
        <v>381</v>
      </c>
      <c r="D82" s="12">
        <v>811</v>
      </c>
      <c r="E82" s="12">
        <v>410</v>
      </c>
      <c r="F82" s="12">
        <v>401</v>
      </c>
      <c r="G82" s="12">
        <v>114</v>
      </c>
      <c r="H82" s="12">
        <v>88</v>
      </c>
      <c r="I82" s="12">
        <v>102</v>
      </c>
      <c r="J82" s="12">
        <v>121</v>
      </c>
      <c r="K82" s="12">
        <v>139</v>
      </c>
      <c r="L82" s="12">
        <v>90</v>
      </c>
      <c r="M82" s="12">
        <v>59</v>
      </c>
      <c r="N82" s="12">
        <v>98</v>
      </c>
      <c r="O82" s="12">
        <v>0</v>
      </c>
      <c r="P82" s="12">
        <v>163</v>
      </c>
      <c r="Q82" s="12">
        <v>517</v>
      </c>
      <c r="R82" s="12">
        <v>131</v>
      </c>
    </row>
    <row r="83" spans="1:18" s="4" customFormat="1" x14ac:dyDescent="0.15">
      <c r="A83" s="3"/>
      <c r="B83" s="3" t="s">
        <v>99</v>
      </c>
      <c r="C83" s="12">
        <v>730</v>
      </c>
      <c r="D83" s="12">
        <v>1343</v>
      </c>
      <c r="E83" s="12">
        <v>661</v>
      </c>
      <c r="F83" s="12">
        <v>682</v>
      </c>
      <c r="G83" s="12">
        <v>74</v>
      </c>
      <c r="H83" s="12">
        <v>102</v>
      </c>
      <c r="I83" s="12">
        <v>162</v>
      </c>
      <c r="J83" s="12">
        <v>148</v>
      </c>
      <c r="K83" s="12">
        <v>182</v>
      </c>
      <c r="L83" s="12">
        <v>202</v>
      </c>
      <c r="M83" s="12">
        <v>166</v>
      </c>
      <c r="N83" s="12">
        <v>307</v>
      </c>
      <c r="O83" s="12">
        <v>0</v>
      </c>
      <c r="P83" s="12">
        <v>127</v>
      </c>
      <c r="Q83" s="12">
        <v>814</v>
      </c>
      <c r="R83" s="12">
        <v>402</v>
      </c>
    </row>
    <row r="84" spans="1:18" s="4" customFormat="1" x14ac:dyDescent="0.15">
      <c r="A84" s="3"/>
      <c r="B84" s="3" t="s">
        <v>100</v>
      </c>
      <c r="C84" s="12">
        <v>545</v>
      </c>
      <c r="D84" s="12">
        <v>1136</v>
      </c>
      <c r="E84" s="12">
        <v>510</v>
      </c>
      <c r="F84" s="12">
        <v>626</v>
      </c>
      <c r="G84" s="12">
        <v>63</v>
      </c>
      <c r="H84" s="12">
        <v>110</v>
      </c>
      <c r="I84" s="12">
        <v>78</v>
      </c>
      <c r="J84" s="12">
        <v>82</v>
      </c>
      <c r="K84" s="12">
        <v>171</v>
      </c>
      <c r="L84" s="12">
        <v>208</v>
      </c>
      <c r="M84" s="12">
        <v>170</v>
      </c>
      <c r="N84" s="12">
        <v>254</v>
      </c>
      <c r="O84" s="12">
        <v>0</v>
      </c>
      <c r="P84" s="12">
        <v>108</v>
      </c>
      <c r="Q84" s="12">
        <v>686</v>
      </c>
      <c r="R84" s="12">
        <v>342</v>
      </c>
    </row>
    <row r="85" spans="1:18" s="4" customFormat="1" x14ac:dyDescent="0.15">
      <c r="A85" s="3"/>
      <c r="B85" s="3" t="s">
        <v>101</v>
      </c>
      <c r="C85" s="12">
        <v>782</v>
      </c>
      <c r="D85" s="12">
        <v>1595</v>
      </c>
      <c r="E85" s="12">
        <v>769</v>
      </c>
      <c r="F85" s="12">
        <v>826</v>
      </c>
      <c r="G85" s="12">
        <v>144</v>
      </c>
      <c r="H85" s="12">
        <v>128</v>
      </c>
      <c r="I85" s="12">
        <v>164</v>
      </c>
      <c r="J85" s="12">
        <v>198</v>
      </c>
      <c r="K85" s="12">
        <v>242</v>
      </c>
      <c r="L85" s="12">
        <v>232</v>
      </c>
      <c r="M85" s="12">
        <v>171</v>
      </c>
      <c r="N85" s="12">
        <v>316</v>
      </c>
      <c r="O85" s="12">
        <v>0</v>
      </c>
      <c r="P85" s="12">
        <v>210</v>
      </c>
      <c r="Q85" s="12">
        <v>975</v>
      </c>
      <c r="R85" s="12">
        <v>410</v>
      </c>
    </row>
    <row r="86" spans="1:18" s="4" customFormat="1" x14ac:dyDescent="0.15">
      <c r="A86" s="3"/>
      <c r="B86" s="3" t="s">
        <v>102</v>
      </c>
      <c r="C86" s="12">
        <v>336</v>
      </c>
      <c r="D86" s="12">
        <v>730</v>
      </c>
      <c r="E86" s="12">
        <v>361</v>
      </c>
      <c r="F86" s="12">
        <v>369</v>
      </c>
      <c r="G86" s="12">
        <v>41</v>
      </c>
      <c r="H86" s="12">
        <v>72</v>
      </c>
      <c r="I86" s="12">
        <v>79</v>
      </c>
      <c r="J86" s="12">
        <v>81</v>
      </c>
      <c r="K86" s="12">
        <v>111</v>
      </c>
      <c r="L86" s="12">
        <v>119</v>
      </c>
      <c r="M86" s="12">
        <v>89</v>
      </c>
      <c r="N86" s="12">
        <v>138</v>
      </c>
      <c r="O86" s="12">
        <v>0</v>
      </c>
      <c r="P86" s="12">
        <v>67</v>
      </c>
      <c r="Q86" s="12">
        <v>480</v>
      </c>
      <c r="R86" s="12">
        <v>183</v>
      </c>
    </row>
    <row r="87" spans="1:18" s="4" customFormat="1" x14ac:dyDescent="0.15">
      <c r="A87" s="3"/>
      <c r="B87" s="3" t="s">
        <v>103</v>
      </c>
      <c r="C87" s="12">
        <v>714</v>
      </c>
      <c r="D87" s="12">
        <v>1294</v>
      </c>
      <c r="E87" s="12">
        <v>593</v>
      </c>
      <c r="F87" s="12">
        <v>701</v>
      </c>
      <c r="G87" s="12">
        <v>80</v>
      </c>
      <c r="H87" s="12">
        <v>102</v>
      </c>
      <c r="I87" s="12">
        <v>112</v>
      </c>
      <c r="J87" s="12">
        <v>125</v>
      </c>
      <c r="K87" s="12">
        <v>188</v>
      </c>
      <c r="L87" s="12">
        <v>191</v>
      </c>
      <c r="M87" s="12">
        <v>158</v>
      </c>
      <c r="N87" s="12">
        <v>338</v>
      </c>
      <c r="O87" s="12">
        <v>0</v>
      </c>
      <c r="P87" s="12">
        <v>138</v>
      </c>
      <c r="Q87" s="12">
        <v>730</v>
      </c>
      <c r="R87" s="12">
        <v>426</v>
      </c>
    </row>
    <row r="88" spans="1:18" s="4" customFormat="1" x14ac:dyDescent="0.15">
      <c r="A88" s="3"/>
      <c r="B88" s="3" t="s">
        <v>104</v>
      </c>
      <c r="C88" s="12">
        <v>440</v>
      </c>
      <c r="D88" s="12">
        <v>767</v>
      </c>
      <c r="E88" s="12">
        <v>373</v>
      </c>
      <c r="F88" s="12">
        <v>394</v>
      </c>
      <c r="G88" s="12">
        <v>56</v>
      </c>
      <c r="H88" s="12">
        <v>64</v>
      </c>
      <c r="I88" s="12">
        <v>166</v>
      </c>
      <c r="J88" s="12">
        <v>116</v>
      </c>
      <c r="K88" s="12">
        <v>112</v>
      </c>
      <c r="L88" s="12">
        <v>99</v>
      </c>
      <c r="M88" s="12">
        <v>61</v>
      </c>
      <c r="N88" s="12">
        <v>93</v>
      </c>
      <c r="O88" s="12">
        <v>0</v>
      </c>
      <c r="P88" s="12">
        <v>86</v>
      </c>
      <c r="Q88" s="12">
        <v>554</v>
      </c>
      <c r="R88" s="12">
        <v>127</v>
      </c>
    </row>
    <row r="89" spans="1:18" s="4" customFormat="1" x14ac:dyDescent="0.15">
      <c r="A89" s="3"/>
      <c r="B89" s="3" t="s">
        <v>105</v>
      </c>
      <c r="C89" s="12">
        <v>232</v>
      </c>
      <c r="D89" s="12">
        <v>495</v>
      </c>
      <c r="E89" s="12">
        <v>247</v>
      </c>
      <c r="F89" s="12">
        <v>248</v>
      </c>
      <c r="G89" s="12">
        <v>45</v>
      </c>
      <c r="H89" s="12">
        <v>50</v>
      </c>
      <c r="I89" s="12">
        <v>39</v>
      </c>
      <c r="J89" s="12">
        <v>68</v>
      </c>
      <c r="K89" s="12">
        <v>70</v>
      </c>
      <c r="L89" s="12">
        <v>70</v>
      </c>
      <c r="M89" s="12">
        <v>52</v>
      </c>
      <c r="N89" s="12">
        <v>101</v>
      </c>
      <c r="O89" s="12">
        <v>0</v>
      </c>
      <c r="P89" s="12">
        <v>68</v>
      </c>
      <c r="Q89" s="12">
        <v>298</v>
      </c>
      <c r="R89" s="12">
        <v>129</v>
      </c>
    </row>
    <row r="90" spans="1:18" s="4" customFormat="1" x14ac:dyDescent="0.15">
      <c r="A90" s="3"/>
      <c r="B90" s="3" t="s">
        <v>106</v>
      </c>
      <c r="C90" s="12">
        <v>1258</v>
      </c>
      <c r="D90" s="12">
        <v>2121</v>
      </c>
      <c r="E90" s="12">
        <v>1086</v>
      </c>
      <c r="F90" s="12">
        <v>1035</v>
      </c>
      <c r="G90" s="12">
        <v>131</v>
      </c>
      <c r="H90" s="12">
        <v>120</v>
      </c>
      <c r="I90" s="12">
        <v>400</v>
      </c>
      <c r="J90" s="12">
        <v>283</v>
      </c>
      <c r="K90" s="12">
        <v>282</v>
      </c>
      <c r="L90" s="12">
        <v>245</v>
      </c>
      <c r="M90" s="12">
        <v>251</v>
      </c>
      <c r="N90" s="12">
        <v>409</v>
      </c>
      <c r="O90" s="12">
        <v>0</v>
      </c>
      <c r="P90" s="12">
        <v>188</v>
      </c>
      <c r="Q90" s="12">
        <v>1412</v>
      </c>
      <c r="R90" s="12">
        <v>521</v>
      </c>
    </row>
    <row r="91" spans="1:18" s="4" customFormat="1" x14ac:dyDescent="0.15">
      <c r="A91" s="3"/>
      <c r="B91" s="3" t="s">
        <v>107</v>
      </c>
      <c r="C91" s="12">
        <v>946</v>
      </c>
      <c r="D91" s="12">
        <v>1773</v>
      </c>
      <c r="E91" s="12">
        <v>882</v>
      </c>
      <c r="F91" s="12">
        <v>891</v>
      </c>
      <c r="G91" s="12">
        <v>145</v>
      </c>
      <c r="H91" s="12">
        <v>126</v>
      </c>
      <c r="I91" s="12">
        <v>172</v>
      </c>
      <c r="J91" s="12">
        <v>276</v>
      </c>
      <c r="K91" s="12">
        <v>313</v>
      </c>
      <c r="L91" s="12">
        <v>284</v>
      </c>
      <c r="M91" s="12">
        <v>146</v>
      </c>
      <c r="N91" s="12">
        <v>311</v>
      </c>
      <c r="O91" s="12">
        <v>0</v>
      </c>
      <c r="P91" s="12">
        <v>214</v>
      </c>
      <c r="Q91" s="12">
        <v>1181</v>
      </c>
      <c r="R91" s="12">
        <v>378</v>
      </c>
    </row>
    <row r="92" spans="1:18" s="4" customFormat="1" x14ac:dyDescent="0.15">
      <c r="A92" s="3"/>
      <c r="B92" s="3" t="s">
        <v>108</v>
      </c>
      <c r="C92" s="12">
        <v>1182</v>
      </c>
      <c r="D92" s="12">
        <v>1911</v>
      </c>
      <c r="E92" s="12">
        <v>949</v>
      </c>
      <c r="F92" s="12">
        <v>962</v>
      </c>
      <c r="G92" s="12">
        <v>120</v>
      </c>
      <c r="H92" s="12">
        <v>96</v>
      </c>
      <c r="I92" s="12">
        <v>325</v>
      </c>
      <c r="J92" s="12">
        <v>258</v>
      </c>
      <c r="K92" s="12">
        <v>298</v>
      </c>
      <c r="L92" s="12">
        <v>240</v>
      </c>
      <c r="M92" s="12">
        <v>198</v>
      </c>
      <c r="N92" s="12">
        <v>376</v>
      </c>
      <c r="O92" s="12">
        <v>0</v>
      </c>
      <c r="P92" s="12">
        <v>178</v>
      </c>
      <c r="Q92" s="12">
        <v>1265</v>
      </c>
      <c r="R92" s="12">
        <v>468</v>
      </c>
    </row>
    <row r="93" spans="1:18" s="4" customFormat="1" x14ac:dyDescent="0.15">
      <c r="A93" s="3"/>
      <c r="B93" s="3" t="s">
        <v>109</v>
      </c>
      <c r="C93" s="12">
        <v>292</v>
      </c>
      <c r="D93" s="12">
        <v>394</v>
      </c>
      <c r="E93" s="12">
        <v>218</v>
      </c>
      <c r="F93" s="12">
        <v>176</v>
      </c>
      <c r="G93" s="12">
        <v>19</v>
      </c>
      <c r="H93" s="12">
        <v>7</v>
      </c>
      <c r="I93" s="12">
        <v>113</v>
      </c>
      <c r="J93" s="12">
        <v>86</v>
      </c>
      <c r="K93" s="12">
        <v>66</v>
      </c>
      <c r="L93" s="12">
        <v>26</v>
      </c>
      <c r="M93" s="12">
        <v>33</v>
      </c>
      <c r="N93" s="12">
        <v>44</v>
      </c>
      <c r="O93" s="12">
        <v>0</v>
      </c>
      <c r="P93" s="12">
        <v>21</v>
      </c>
      <c r="Q93" s="12">
        <v>314</v>
      </c>
      <c r="R93" s="12">
        <v>59</v>
      </c>
    </row>
    <row r="94" spans="1:18" s="4" customFormat="1" x14ac:dyDescent="0.15">
      <c r="A94" s="3"/>
      <c r="B94" s="3" t="s">
        <v>110</v>
      </c>
      <c r="C94" s="12">
        <v>312</v>
      </c>
      <c r="D94" s="12">
        <v>633</v>
      </c>
      <c r="E94" s="12">
        <v>298</v>
      </c>
      <c r="F94" s="12">
        <v>335</v>
      </c>
      <c r="G94" s="12">
        <v>64</v>
      </c>
      <c r="H94" s="12">
        <v>51</v>
      </c>
      <c r="I94" s="12">
        <v>58</v>
      </c>
      <c r="J94" s="12">
        <v>96</v>
      </c>
      <c r="K94" s="12">
        <v>81</v>
      </c>
      <c r="L94" s="12">
        <v>85</v>
      </c>
      <c r="M94" s="12">
        <v>87</v>
      </c>
      <c r="N94" s="12">
        <v>111</v>
      </c>
      <c r="O94" s="12">
        <v>0</v>
      </c>
      <c r="P94" s="12">
        <v>95</v>
      </c>
      <c r="Q94" s="12">
        <v>386</v>
      </c>
      <c r="R94" s="12">
        <v>152</v>
      </c>
    </row>
    <row r="95" spans="1:18" s="4" customFormat="1" x14ac:dyDescent="0.15">
      <c r="A95" s="3"/>
      <c r="B95" s="3" t="s">
        <v>111</v>
      </c>
      <c r="C95" s="12">
        <v>493</v>
      </c>
      <c r="D95" s="12">
        <v>941</v>
      </c>
      <c r="E95" s="12">
        <v>459</v>
      </c>
      <c r="F95" s="12">
        <v>482</v>
      </c>
      <c r="G95" s="12">
        <v>92</v>
      </c>
      <c r="H95" s="12">
        <v>68</v>
      </c>
      <c r="I95" s="12">
        <v>116</v>
      </c>
      <c r="J95" s="12">
        <v>150</v>
      </c>
      <c r="K95" s="12">
        <v>168</v>
      </c>
      <c r="L95" s="12">
        <v>119</v>
      </c>
      <c r="M95" s="12">
        <v>76</v>
      </c>
      <c r="N95" s="12">
        <v>152</v>
      </c>
      <c r="O95" s="12">
        <v>0</v>
      </c>
      <c r="P95" s="12">
        <v>129</v>
      </c>
      <c r="Q95" s="12">
        <v>619</v>
      </c>
      <c r="R95" s="12">
        <v>193</v>
      </c>
    </row>
    <row r="96" spans="1:18" s="4" customFormat="1" x14ac:dyDescent="0.15">
      <c r="A96" s="3"/>
      <c r="B96" s="3" t="s">
        <v>112</v>
      </c>
      <c r="C96" s="12">
        <v>331</v>
      </c>
      <c r="D96" s="12">
        <v>732</v>
      </c>
      <c r="E96" s="12">
        <v>352</v>
      </c>
      <c r="F96" s="12">
        <v>380</v>
      </c>
      <c r="G96" s="12">
        <v>82</v>
      </c>
      <c r="H96" s="12">
        <v>40</v>
      </c>
      <c r="I96" s="12">
        <v>61</v>
      </c>
      <c r="J96" s="12">
        <v>127</v>
      </c>
      <c r="K96" s="12">
        <v>81</v>
      </c>
      <c r="L96" s="12">
        <v>81</v>
      </c>
      <c r="M96" s="12">
        <v>116</v>
      </c>
      <c r="N96" s="12">
        <v>144</v>
      </c>
      <c r="O96" s="12">
        <v>0</v>
      </c>
      <c r="P96" s="12">
        <v>103</v>
      </c>
      <c r="Q96" s="12">
        <v>424</v>
      </c>
      <c r="R96" s="12">
        <v>205</v>
      </c>
    </row>
    <row r="97" spans="1:18" s="4" customFormat="1" x14ac:dyDescent="0.15">
      <c r="A97" s="3"/>
      <c r="B97" s="3" t="s">
        <v>113</v>
      </c>
      <c r="C97" s="12">
        <v>1388</v>
      </c>
      <c r="D97" s="12">
        <v>2633</v>
      </c>
      <c r="E97" s="12">
        <v>1200</v>
      </c>
      <c r="F97" s="12">
        <v>1433</v>
      </c>
      <c r="G97" s="12">
        <v>126</v>
      </c>
      <c r="H97" s="12">
        <v>148</v>
      </c>
      <c r="I97" s="12">
        <v>221</v>
      </c>
      <c r="J97" s="12">
        <v>223</v>
      </c>
      <c r="K97" s="12">
        <v>287</v>
      </c>
      <c r="L97" s="12">
        <v>377</v>
      </c>
      <c r="M97" s="12">
        <v>389</v>
      </c>
      <c r="N97" s="12">
        <v>862</v>
      </c>
      <c r="O97" s="12">
        <v>0</v>
      </c>
      <c r="P97" s="12">
        <v>191</v>
      </c>
      <c r="Q97" s="12">
        <v>1370</v>
      </c>
      <c r="R97" s="12">
        <v>1072</v>
      </c>
    </row>
    <row r="98" spans="1:18" s="4" customFormat="1" x14ac:dyDescent="0.15">
      <c r="A98" s="3"/>
      <c r="B98" s="3" t="s">
        <v>114</v>
      </c>
      <c r="C98" s="12">
        <v>746</v>
      </c>
      <c r="D98" s="12">
        <v>1500</v>
      </c>
      <c r="E98" s="12">
        <v>690</v>
      </c>
      <c r="F98" s="12">
        <v>810</v>
      </c>
      <c r="G98" s="12">
        <v>79</v>
      </c>
      <c r="H98" s="12">
        <v>155</v>
      </c>
      <c r="I98" s="12">
        <v>104</v>
      </c>
      <c r="J98" s="12">
        <v>109</v>
      </c>
      <c r="K98" s="12">
        <v>227</v>
      </c>
      <c r="L98" s="12">
        <v>185</v>
      </c>
      <c r="M98" s="12">
        <v>178</v>
      </c>
      <c r="N98" s="12">
        <v>463</v>
      </c>
      <c r="O98" s="12">
        <v>0</v>
      </c>
      <c r="P98" s="12">
        <v>149</v>
      </c>
      <c r="Q98" s="12">
        <v>792</v>
      </c>
      <c r="R98" s="12">
        <v>559</v>
      </c>
    </row>
    <row r="99" spans="1:18" s="4" customFormat="1" x14ac:dyDescent="0.15">
      <c r="A99" s="3"/>
      <c r="B99" s="3" t="s">
        <v>115</v>
      </c>
      <c r="C99" s="12">
        <v>547</v>
      </c>
      <c r="D99" s="12">
        <v>1130</v>
      </c>
      <c r="E99" s="12">
        <v>513</v>
      </c>
      <c r="F99" s="12">
        <v>617</v>
      </c>
      <c r="G99" s="12">
        <v>70</v>
      </c>
      <c r="H99" s="12">
        <v>70</v>
      </c>
      <c r="I99" s="12">
        <v>62</v>
      </c>
      <c r="J99" s="12">
        <v>94</v>
      </c>
      <c r="K99" s="12">
        <v>175</v>
      </c>
      <c r="L99" s="12">
        <v>115</v>
      </c>
      <c r="M99" s="12">
        <v>161</v>
      </c>
      <c r="N99" s="12">
        <v>383</v>
      </c>
      <c r="O99" s="12">
        <v>0</v>
      </c>
      <c r="P99" s="12">
        <v>111</v>
      </c>
      <c r="Q99" s="12">
        <v>550</v>
      </c>
      <c r="R99" s="12">
        <v>469</v>
      </c>
    </row>
    <row r="100" spans="1:18" s="4" customFormat="1" x14ac:dyDescent="0.15">
      <c r="A100" s="3"/>
      <c r="B100" s="3" t="s">
        <v>116</v>
      </c>
      <c r="C100" s="12">
        <v>393</v>
      </c>
      <c r="D100" s="12">
        <v>957</v>
      </c>
      <c r="E100" s="12">
        <v>475</v>
      </c>
      <c r="F100" s="12">
        <v>482</v>
      </c>
      <c r="G100" s="12">
        <v>88</v>
      </c>
      <c r="H100" s="12">
        <v>132</v>
      </c>
      <c r="I100" s="12">
        <v>66</v>
      </c>
      <c r="J100" s="12">
        <v>88</v>
      </c>
      <c r="K100" s="12">
        <v>175</v>
      </c>
      <c r="L100" s="12">
        <v>134</v>
      </c>
      <c r="M100" s="12">
        <v>84</v>
      </c>
      <c r="N100" s="12">
        <v>190</v>
      </c>
      <c r="O100" s="12">
        <v>0</v>
      </c>
      <c r="P100" s="12">
        <v>167</v>
      </c>
      <c r="Q100" s="12">
        <v>553</v>
      </c>
      <c r="R100" s="12">
        <v>237</v>
      </c>
    </row>
    <row r="101" spans="1:18" s="4" customFormat="1" x14ac:dyDescent="0.15">
      <c r="A101" s="3"/>
      <c r="B101" s="3" t="s">
        <v>117</v>
      </c>
      <c r="C101" s="12">
        <v>286</v>
      </c>
      <c r="D101" s="12">
        <v>571</v>
      </c>
      <c r="E101" s="12">
        <v>277</v>
      </c>
      <c r="F101" s="12">
        <v>294</v>
      </c>
      <c r="G101" s="12">
        <v>52</v>
      </c>
      <c r="H101" s="12">
        <v>57</v>
      </c>
      <c r="I101" s="12">
        <v>50</v>
      </c>
      <c r="J101" s="12">
        <v>56</v>
      </c>
      <c r="K101" s="12">
        <v>75</v>
      </c>
      <c r="L101" s="12">
        <v>109</v>
      </c>
      <c r="M101" s="12">
        <v>66</v>
      </c>
      <c r="N101" s="12">
        <v>106</v>
      </c>
      <c r="O101" s="12">
        <v>0</v>
      </c>
      <c r="P101" s="12">
        <v>79</v>
      </c>
      <c r="Q101" s="12">
        <v>350</v>
      </c>
      <c r="R101" s="12">
        <v>142</v>
      </c>
    </row>
    <row r="102" spans="1:18" s="4" customFormat="1" x14ac:dyDescent="0.15">
      <c r="A102" s="3"/>
      <c r="B102" s="3" t="s">
        <v>118</v>
      </c>
      <c r="C102" s="12">
        <v>196</v>
      </c>
      <c r="D102" s="12">
        <v>370</v>
      </c>
      <c r="E102" s="12">
        <v>186</v>
      </c>
      <c r="F102" s="12">
        <v>184</v>
      </c>
      <c r="G102" s="12">
        <v>17</v>
      </c>
      <c r="H102" s="12">
        <v>39</v>
      </c>
      <c r="I102" s="12">
        <v>33</v>
      </c>
      <c r="J102" s="12">
        <v>33</v>
      </c>
      <c r="K102" s="12">
        <v>67</v>
      </c>
      <c r="L102" s="12">
        <v>49</v>
      </c>
      <c r="M102" s="12">
        <v>38</v>
      </c>
      <c r="N102" s="12">
        <v>94</v>
      </c>
      <c r="O102" s="12">
        <v>0</v>
      </c>
      <c r="P102" s="12">
        <v>40</v>
      </c>
      <c r="Q102" s="12">
        <v>211</v>
      </c>
      <c r="R102" s="12">
        <v>119</v>
      </c>
    </row>
    <row r="103" spans="1:18" s="4" customFormat="1" x14ac:dyDescent="0.15">
      <c r="A103" s="3"/>
      <c r="B103" s="3" t="s">
        <v>119</v>
      </c>
      <c r="C103" s="12">
        <v>656</v>
      </c>
      <c r="D103" s="12">
        <v>1563</v>
      </c>
      <c r="E103" s="12">
        <v>731</v>
      </c>
      <c r="F103" s="12">
        <v>832</v>
      </c>
      <c r="G103" s="12">
        <v>141</v>
      </c>
      <c r="H103" s="12">
        <v>167</v>
      </c>
      <c r="I103" s="12">
        <v>159</v>
      </c>
      <c r="J103" s="12">
        <v>133</v>
      </c>
      <c r="K103" s="12">
        <v>249</v>
      </c>
      <c r="L103" s="12">
        <v>289</v>
      </c>
      <c r="M103" s="12">
        <v>158</v>
      </c>
      <c r="N103" s="12">
        <v>267</v>
      </c>
      <c r="O103" s="12">
        <v>0</v>
      </c>
      <c r="P103" s="12">
        <v>214</v>
      </c>
      <c r="Q103" s="12">
        <v>1004</v>
      </c>
      <c r="R103" s="12">
        <v>345</v>
      </c>
    </row>
    <row r="104" spans="1:18" s="4" customFormat="1" x14ac:dyDescent="0.15">
      <c r="A104" s="3"/>
      <c r="B104" s="3" t="s">
        <v>120</v>
      </c>
      <c r="C104" s="12">
        <v>1136</v>
      </c>
      <c r="D104" s="12">
        <v>2633</v>
      </c>
      <c r="E104" s="12">
        <v>1202</v>
      </c>
      <c r="F104" s="12">
        <v>1431</v>
      </c>
      <c r="G104" s="12">
        <v>292</v>
      </c>
      <c r="H104" s="12">
        <v>275</v>
      </c>
      <c r="I104" s="12">
        <v>139</v>
      </c>
      <c r="J104" s="12">
        <v>255</v>
      </c>
      <c r="K104" s="12">
        <v>422</v>
      </c>
      <c r="L104" s="12">
        <v>345</v>
      </c>
      <c r="M104" s="12">
        <v>273</v>
      </c>
      <c r="N104" s="12">
        <v>632</v>
      </c>
      <c r="O104" s="12">
        <v>0</v>
      </c>
      <c r="P104" s="12">
        <v>453</v>
      </c>
      <c r="Q104" s="12">
        <v>1428</v>
      </c>
      <c r="R104" s="12">
        <v>752</v>
      </c>
    </row>
    <row r="105" spans="1:18" s="4" customFormat="1" x14ac:dyDescent="0.15">
      <c r="A105" s="3"/>
      <c r="B105" s="3" t="s">
        <v>121</v>
      </c>
      <c r="C105" s="12">
        <v>392</v>
      </c>
      <c r="D105" s="12">
        <v>702</v>
      </c>
      <c r="E105" s="12">
        <v>342</v>
      </c>
      <c r="F105" s="12">
        <v>360</v>
      </c>
      <c r="G105" s="12">
        <v>39</v>
      </c>
      <c r="H105" s="12">
        <v>46</v>
      </c>
      <c r="I105" s="12">
        <v>106</v>
      </c>
      <c r="J105" s="12">
        <v>82</v>
      </c>
      <c r="K105" s="12">
        <v>99</v>
      </c>
      <c r="L105" s="12">
        <v>110</v>
      </c>
      <c r="M105" s="12">
        <v>79</v>
      </c>
      <c r="N105" s="12">
        <v>141</v>
      </c>
      <c r="O105" s="12">
        <v>0</v>
      </c>
      <c r="P105" s="12">
        <v>60</v>
      </c>
      <c r="Q105" s="12">
        <v>458</v>
      </c>
      <c r="R105" s="12">
        <v>184</v>
      </c>
    </row>
    <row r="106" spans="1:18" s="4" customFormat="1" x14ac:dyDescent="0.15">
      <c r="A106" s="3"/>
      <c r="B106" s="3" t="s">
        <v>122</v>
      </c>
      <c r="C106" s="12">
        <v>600</v>
      </c>
      <c r="D106" s="12">
        <v>922</v>
      </c>
      <c r="E106" s="12">
        <v>447</v>
      </c>
      <c r="F106" s="12">
        <v>475</v>
      </c>
      <c r="G106" s="12">
        <v>39</v>
      </c>
      <c r="H106" s="12">
        <v>44</v>
      </c>
      <c r="I106" s="12">
        <v>164</v>
      </c>
      <c r="J106" s="12">
        <v>115</v>
      </c>
      <c r="K106" s="12">
        <v>132</v>
      </c>
      <c r="L106" s="12">
        <v>131</v>
      </c>
      <c r="M106" s="12">
        <v>115</v>
      </c>
      <c r="N106" s="12">
        <v>182</v>
      </c>
      <c r="O106" s="12">
        <v>0</v>
      </c>
      <c r="P106" s="12">
        <v>55</v>
      </c>
      <c r="Q106" s="12">
        <v>633</v>
      </c>
      <c r="R106" s="12">
        <v>234</v>
      </c>
    </row>
    <row r="107" spans="1:18" s="4" customFormat="1" x14ac:dyDescent="0.15">
      <c r="A107" s="3"/>
      <c r="B107" s="3" t="s">
        <v>123</v>
      </c>
      <c r="C107" s="12">
        <v>297</v>
      </c>
      <c r="D107" s="12">
        <v>752</v>
      </c>
      <c r="E107" s="12">
        <v>352</v>
      </c>
      <c r="F107" s="12">
        <v>400</v>
      </c>
      <c r="G107" s="12">
        <v>97</v>
      </c>
      <c r="H107" s="12">
        <v>99</v>
      </c>
      <c r="I107" s="12">
        <v>52</v>
      </c>
      <c r="J107" s="12">
        <v>68</v>
      </c>
      <c r="K107" s="12">
        <v>187</v>
      </c>
      <c r="L107" s="12">
        <v>107</v>
      </c>
      <c r="M107" s="12">
        <v>57</v>
      </c>
      <c r="N107" s="12">
        <v>85</v>
      </c>
      <c r="O107" s="12">
        <v>0</v>
      </c>
      <c r="P107" s="12">
        <v>153</v>
      </c>
      <c r="Q107" s="12">
        <v>491</v>
      </c>
      <c r="R107" s="12">
        <v>108</v>
      </c>
    </row>
    <row r="108" spans="1:18" s="4" customFormat="1" x14ac:dyDescent="0.15">
      <c r="A108" s="3"/>
      <c r="B108" s="3" t="s">
        <v>124</v>
      </c>
      <c r="C108" s="12">
        <v>607</v>
      </c>
      <c r="D108" s="12">
        <v>1332</v>
      </c>
      <c r="E108" s="12">
        <v>636</v>
      </c>
      <c r="F108" s="12">
        <v>696</v>
      </c>
      <c r="G108" s="12">
        <v>119</v>
      </c>
      <c r="H108" s="12">
        <v>131</v>
      </c>
      <c r="I108" s="12">
        <v>113</v>
      </c>
      <c r="J108" s="12">
        <v>139</v>
      </c>
      <c r="K108" s="12">
        <v>205</v>
      </c>
      <c r="L108" s="12">
        <v>197</v>
      </c>
      <c r="M108" s="12">
        <v>151</v>
      </c>
      <c r="N108" s="12">
        <v>277</v>
      </c>
      <c r="O108" s="12">
        <v>0</v>
      </c>
      <c r="P108" s="12">
        <v>195</v>
      </c>
      <c r="Q108" s="12">
        <v>772</v>
      </c>
      <c r="R108" s="12">
        <v>365</v>
      </c>
    </row>
    <row r="109" spans="1:18" s="4" customFormat="1" x14ac:dyDescent="0.15">
      <c r="A109" s="3"/>
      <c r="B109" s="3" t="s">
        <v>125</v>
      </c>
      <c r="C109" s="12">
        <v>410</v>
      </c>
      <c r="D109" s="12">
        <v>879</v>
      </c>
      <c r="E109" s="12">
        <v>435</v>
      </c>
      <c r="F109" s="12">
        <v>444</v>
      </c>
      <c r="G109" s="12">
        <v>61</v>
      </c>
      <c r="H109" s="12">
        <v>102</v>
      </c>
      <c r="I109" s="12">
        <v>102</v>
      </c>
      <c r="J109" s="12">
        <v>93</v>
      </c>
      <c r="K109" s="12">
        <v>134</v>
      </c>
      <c r="L109" s="12">
        <v>109</v>
      </c>
      <c r="M109" s="12">
        <v>101</v>
      </c>
      <c r="N109" s="12">
        <v>177</v>
      </c>
      <c r="O109" s="12">
        <v>0</v>
      </c>
      <c r="P109" s="12">
        <v>112</v>
      </c>
      <c r="Q109" s="12">
        <v>543</v>
      </c>
      <c r="R109" s="12">
        <v>224</v>
      </c>
    </row>
    <row r="110" spans="1:18" s="4" customFormat="1" x14ac:dyDescent="0.15">
      <c r="A110" s="3"/>
      <c r="B110" s="3" t="s">
        <v>126</v>
      </c>
      <c r="C110" s="12">
        <v>416</v>
      </c>
      <c r="D110" s="12">
        <v>814</v>
      </c>
      <c r="E110" s="12">
        <v>399</v>
      </c>
      <c r="F110" s="12">
        <v>415</v>
      </c>
      <c r="G110" s="12">
        <v>72</v>
      </c>
      <c r="H110" s="12">
        <v>55</v>
      </c>
      <c r="I110" s="12">
        <v>64</v>
      </c>
      <c r="J110" s="12">
        <v>111</v>
      </c>
      <c r="K110" s="12">
        <v>133</v>
      </c>
      <c r="L110" s="12">
        <v>111</v>
      </c>
      <c r="M110" s="12">
        <v>99</v>
      </c>
      <c r="N110" s="12">
        <v>169</v>
      </c>
      <c r="O110" s="12">
        <v>0</v>
      </c>
      <c r="P110" s="12">
        <v>102</v>
      </c>
      <c r="Q110" s="12">
        <v>495</v>
      </c>
      <c r="R110" s="12">
        <v>217</v>
      </c>
    </row>
    <row r="111" spans="1:18" s="4" customFormat="1" x14ac:dyDescent="0.15">
      <c r="A111" s="3"/>
      <c r="B111" s="3" t="s">
        <v>127</v>
      </c>
      <c r="C111" s="12">
        <v>215</v>
      </c>
      <c r="D111" s="12">
        <v>386</v>
      </c>
      <c r="E111" s="12">
        <v>205</v>
      </c>
      <c r="F111" s="12">
        <v>181</v>
      </c>
      <c r="G111" s="12">
        <v>48</v>
      </c>
      <c r="H111" s="12">
        <v>15</v>
      </c>
      <c r="I111" s="12">
        <v>49</v>
      </c>
      <c r="J111" s="12">
        <v>69</v>
      </c>
      <c r="K111" s="12">
        <v>60</v>
      </c>
      <c r="L111" s="12">
        <v>43</v>
      </c>
      <c r="M111" s="12">
        <v>32</v>
      </c>
      <c r="N111" s="12">
        <v>70</v>
      </c>
      <c r="O111" s="12">
        <v>0</v>
      </c>
      <c r="P111" s="12">
        <v>56</v>
      </c>
      <c r="Q111" s="12">
        <v>247</v>
      </c>
      <c r="R111" s="12">
        <v>83</v>
      </c>
    </row>
    <row r="112" spans="1:18" s="4" customFormat="1" x14ac:dyDescent="0.15">
      <c r="A112" s="3"/>
      <c r="B112" s="3" t="s">
        <v>128</v>
      </c>
      <c r="C112" s="12">
        <v>765</v>
      </c>
      <c r="D112" s="12">
        <v>1519</v>
      </c>
      <c r="E112" s="12">
        <v>734</v>
      </c>
      <c r="F112" s="12">
        <v>785</v>
      </c>
      <c r="G112" s="12">
        <v>134</v>
      </c>
      <c r="H112" s="12">
        <v>126</v>
      </c>
      <c r="I112" s="12">
        <v>146</v>
      </c>
      <c r="J112" s="12">
        <v>200</v>
      </c>
      <c r="K112" s="12">
        <v>242</v>
      </c>
      <c r="L112" s="12">
        <v>236</v>
      </c>
      <c r="M112" s="12">
        <v>172</v>
      </c>
      <c r="N112" s="12">
        <v>263</v>
      </c>
      <c r="O112" s="12">
        <v>0</v>
      </c>
      <c r="P112" s="12">
        <v>201</v>
      </c>
      <c r="Q112" s="12">
        <v>980</v>
      </c>
      <c r="R112" s="12">
        <v>338</v>
      </c>
    </row>
    <row r="113" spans="1:18" s="4" customFormat="1" x14ac:dyDescent="0.15">
      <c r="A113" s="3"/>
      <c r="B113" s="3" t="s">
        <v>129</v>
      </c>
      <c r="C113" s="12">
        <v>37</v>
      </c>
      <c r="D113" s="12">
        <v>74</v>
      </c>
      <c r="E113" s="12">
        <v>33</v>
      </c>
      <c r="F113" s="12">
        <v>41</v>
      </c>
      <c r="G113" s="12">
        <v>2</v>
      </c>
      <c r="H113" s="12">
        <v>9</v>
      </c>
      <c r="I113" s="12">
        <v>11</v>
      </c>
      <c r="J113" s="12">
        <v>6</v>
      </c>
      <c r="K113" s="12">
        <v>10</v>
      </c>
      <c r="L113" s="12">
        <v>17</v>
      </c>
      <c r="M113" s="12">
        <v>5</v>
      </c>
      <c r="N113" s="12">
        <v>14</v>
      </c>
      <c r="O113" s="12">
        <v>0</v>
      </c>
      <c r="P113" s="12">
        <v>8</v>
      </c>
      <c r="Q113" s="12">
        <v>50</v>
      </c>
      <c r="R113" s="12">
        <v>16</v>
      </c>
    </row>
    <row r="114" spans="1:18" s="4" customFormat="1" x14ac:dyDescent="0.15">
      <c r="A114" s="3"/>
      <c r="B114" s="3" t="s">
        <v>130</v>
      </c>
      <c r="C114" s="12">
        <v>406</v>
      </c>
      <c r="D114" s="12">
        <v>773</v>
      </c>
      <c r="E114" s="12">
        <v>358</v>
      </c>
      <c r="F114" s="12">
        <v>415</v>
      </c>
      <c r="G114" s="12">
        <v>59</v>
      </c>
      <c r="H114" s="12">
        <v>62</v>
      </c>
      <c r="I114" s="12">
        <v>105</v>
      </c>
      <c r="J114" s="12">
        <v>119</v>
      </c>
      <c r="K114" s="12">
        <v>99</v>
      </c>
      <c r="L114" s="12">
        <v>104</v>
      </c>
      <c r="M114" s="12">
        <v>80</v>
      </c>
      <c r="N114" s="12">
        <v>145</v>
      </c>
      <c r="O114" s="12">
        <v>0</v>
      </c>
      <c r="P114" s="12">
        <v>90</v>
      </c>
      <c r="Q114" s="12">
        <v>499</v>
      </c>
      <c r="R114" s="12">
        <v>184</v>
      </c>
    </row>
    <row r="115" spans="1:18" s="4" customFormat="1" x14ac:dyDescent="0.15">
      <c r="A115" s="3"/>
      <c r="B115" s="3" t="s">
        <v>131</v>
      </c>
      <c r="C115" s="12">
        <v>2</v>
      </c>
      <c r="D115" s="12">
        <v>2</v>
      </c>
      <c r="E115" s="12">
        <v>2</v>
      </c>
      <c r="F115" s="12">
        <v>0</v>
      </c>
      <c r="G115" s="12" t="s">
        <v>132</v>
      </c>
      <c r="H115" s="12" t="s">
        <v>132</v>
      </c>
      <c r="I115" s="12" t="s">
        <v>132</v>
      </c>
      <c r="J115" s="12" t="s">
        <v>132</v>
      </c>
      <c r="K115" s="12" t="s">
        <v>132</v>
      </c>
      <c r="L115" s="12" t="s">
        <v>132</v>
      </c>
      <c r="M115" s="12" t="s">
        <v>132</v>
      </c>
      <c r="N115" s="12" t="s">
        <v>132</v>
      </c>
      <c r="O115" s="12" t="s">
        <v>132</v>
      </c>
      <c r="P115" s="12" t="s">
        <v>132</v>
      </c>
      <c r="Q115" s="12" t="s">
        <v>132</v>
      </c>
      <c r="R115" s="12" t="s">
        <v>132</v>
      </c>
    </row>
    <row r="116" spans="1:18" s="4" customFormat="1" x14ac:dyDescent="0.15">
      <c r="A116" s="3"/>
      <c r="B116" s="3" t="s">
        <v>133</v>
      </c>
      <c r="C116" s="12">
        <v>652</v>
      </c>
      <c r="D116" s="12">
        <v>1245</v>
      </c>
      <c r="E116" s="12">
        <v>610</v>
      </c>
      <c r="F116" s="12">
        <v>635</v>
      </c>
      <c r="G116" s="12">
        <v>114</v>
      </c>
      <c r="H116" s="12">
        <v>87</v>
      </c>
      <c r="I116" s="12">
        <v>157</v>
      </c>
      <c r="J116" s="12">
        <v>223</v>
      </c>
      <c r="K116" s="12">
        <v>157</v>
      </c>
      <c r="L116" s="12">
        <v>164</v>
      </c>
      <c r="M116" s="12">
        <v>132</v>
      </c>
      <c r="N116" s="12">
        <v>211</v>
      </c>
      <c r="O116" s="12">
        <v>0</v>
      </c>
      <c r="P116" s="12">
        <v>156</v>
      </c>
      <c r="Q116" s="12">
        <v>815</v>
      </c>
      <c r="R116" s="12">
        <v>274</v>
      </c>
    </row>
    <row r="117" spans="1:18" s="4" customFormat="1" x14ac:dyDescent="0.15">
      <c r="A117" s="3"/>
      <c r="B117" s="3" t="s">
        <v>134</v>
      </c>
      <c r="C117" s="12">
        <v>1426</v>
      </c>
      <c r="D117" s="12">
        <v>2396</v>
      </c>
      <c r="E117" s="12">
        <v>1162</v>
      </c>
      <c r="F117" s="12">
        <v>1234</v>
      </c>
      <c r="G117" s="12">
        <v>150</v>
      </c>
      <c r="H117" s="12">
        <v>157</v>
      </c>
      <c r="I117" s="12">
        <v>358</v>
      </c>
      <c r="J117" s="12">
        <v>379</v>
      </c>
      <c r="K117" s="12">
        <v>376</v>
      </c>
      <c r="L117" s="12">
        <v>346</v>
      </c>
      <c r="M117" s="12">
        <v>235</v>
      </c>
      <c r="N117" s="12">
        <v>395</v>
      </c>
      <c r="O117" s="12">
        <v>0</v>
      </c>
      <c r="P117" s="12">
        <v>249</v>
      </c>
      <c r="Q117" s="12">
        <v>1655</v>
      </c>
      <c r="R117" s="12">
        <v>492</v>
      </c>
    </row>
    <row r="118" spans="1:18" s="4" customFormat="1" x14ac:dyDescent="0.15">
      <c r="A118" s="3"/>
      <c r="B118" s="3" t="s">
        <v>135</v>
      </c>
      <c r="C118" s="12">
        <v>691</v>
      </c>
      <c r="D118" s="12">
        <v>1391</v>
      </c>
      <c r="E118" s="12">
        <v>669</v>
      </c>
      <c r="F118" s="12">
        <v>722</v>
      </c>
      <c r="G118" s="12">
        <v>118</v>
      </c>
      <c r="H118" s="12">
        <v>108</v>
      </c>
      <c r="I118" s="12">
        <v>153</v>
      </c>
      <c r="J118" s="12">
        <v>159</v>
      </c>
      <c r="K118" s="12">
        <v>239</v>
      </c>
      <c r="L118" s="12">
        <v>197</v>
      </c>
      <c r="M118" s="12">
        <v>145</v>
      </c>
      <c r="N118" s="12">
        <v>272</v>
      </c>
      <c r="O118" s="12">
        <v>0</v>
      </c>
      <c r="P118" s="12">
        <v>175</v>
      </c>
      <c r="Q118" s="12">
        <v>870</v>
      </c>
      <c r="R118" s="12">
        <v>346</v>
      </c>
    </row>
    <row r="119" spans="1:18" s="4" customFormat="1" x14ac:dyDescent="0.15">
      <c r="A119" s="3"/>
      <c r="B119" s="3" t="s">
        <v>136</v>
      </c>
      <c r="C119" s="12">
        <v>935</v>
      </c>
      <c r="D119" s="12">
        <v>1845</v>
      </c>
      <c r="E119" s="12">
        <v>882</v>
      </c>
      <c r="F119" s="12">
        <v>963</v>
      </c>
      <c r="G119" s="12">
        <v>152</v>
      </c>
      <c r="H119" s="12">
        <v>127</v>
      </c>
      <c r="I119" s="12">
        <v>212</v>
      </c>
      <c r="J119" s="12">
        <v>250</v>
      </c>
      <c r="K119" s="12">
        <v>255</v>
      </c>
      <c r="L119" s="12">
        <v>222</v>
      </c>
      <c r="M119" s="12">
        <v>201</v>
      </c>
      <c r="N119" s="12">
        <v>426</v>
      </c>
      <c r="O119" s="12">
        <v>0</v>
      </c>
      <c r="P119" s="12">
        <v>211</v>
      </c>
      <c r="Q119" s="12">
        <v>1108</v>
      </c>
      <c r="R119" s="12">
        <v>526</v>
      </c>
    </row>
    <row r="120" spans="1:18" s="4" customFormat="1" x14ac:dyDescent="0.15">
      <c r="A120" s="3"/>
      <c r="B120" s="3" t="s">
        <v>137</v>
      </c>
      <c r="C120" s="12">
        <v>779</v>
      </c>
      <c r="D120" s="12">
        <v>1634</v>
      </c>
      <c r="E120" s="12">
        <v>774</v>
      </c>
      <c r="F120" s="12">
        <v>860</v>
      </c>
      <c r="G120" s="12">
        <v>118</v>
      </c>
      <c r="H120" s="12">
        <v>143</v>
      </c>
      <c r="I120" s="12">
        <v>129</v>
      </c>
      <c r="J120" s="12">
        <v>196</v>
      </c>
      <c r="K120" s="12">
        <v>241</v>
      </c>
      <c r="L120" s="12">
        <v>227</v>
      </c>
      <c r="M120" s="12">
        <v>222</v>
      </c>
      <c r="N120" s="12">
        <v>358</v>
      </c>
      <c r="O120" s="12">
        <v>0</v>
      </c>
      <c r="P120" s="12">
        <v>185</v>
      </c>
      <c r="Q120" s="12">
        <v>977</v>
      </c>
      <c r="R120" s="12">
        <v>472</v>
      </c>
    </row>
    <row r="121" spans="1:18" s="4" customFormat="1" x14ac:dyDescent="0.15">
      <c r="A121" s="3"/>
      <c r="B121" s="3" t="s">
        <v>138</v>
      </c>
      <c r="C121" s="12">
        <v>499</v>
      </c>
      <c r="D121" s="12">
        <v>1277</v>
      </c>
      <c r="E121" s="12">
        <v>600</v>
      </c>
      <c r="F121" s="12">
        <v>677</v>
      </c>
      <c r="G121" s="12">
        <v>116</v>
      </c>
      <c r="H121" s="12">
        <v>161</v>
      </c>
      <c r="I121" s="12">
        <v>89</v>
      </c>
      <c r="J121" s="12">
        <v>114</v>
      </c>
      <c r="K121" s="12">
        <v>211</v>
      </c>
      <c r="L121" s="12">
        <v>190</v>
      </c>
      <c r="M121" s="12">
        <v>139</v>
      </c>
      <c r="N121" s="12">
        <v>257</v>
      </c>
      <c r="O121" s="12">
        <v>0</v>
      </c>
      <c r="P121" s="12">
        <v>209</v>
      </c>
      <c r="Q121" s="12">
        <v>747</v>
      </c>
      <c r="R121" s="12">
        <v>321</v>
      </c>
    </row>
    <row r="122" spans="1:18" s="4" customFormat="1" x14ac:dyDescent="0.15">
      <c r="A122" s="3"/>
      <c r="B122" s="3" t="s">
        <v>139</v>
      </c>
      <c r="C122" s="12">
        <v>253</v>
      </c>
      <c r="D122" s="12">
        <v>547</v>
      </c>
      <c r="E122" s="12">
        <v>265</v>
      </c>
      <c r="F122" s="12">
        <v>282</v>
      </c>
      <c r="G122" s="12">
        <v>48</v>
      </c>
      <c r="H122" s="12">
        <v>47</v>
      </c>
      <c r="I122" s="12">
        <v>34</v>
      </c>
      <c r="J122" s="12">
        <v>67</v>
      </c>
      <c r="K122" s="12">
        <v>75</v>
      </c>
      <c r="L122" s="12">
        <v>63</v>
      </c>
      <c r="M122" s="12">
        <v>51</v>
      </c>
      <c r="N122" s="12">
        <v>162</v>
      </c>
      <c r="O122" s="12">
        <v>0</v>
      </c>
      <c r="P122" s="12">
        <v>73</v>
      </c>
      <c r="Q122" s="12">
        <v>283</v>
      </c>
      <c r="R122" s="12">
        <v>191</v>
      </c>
    </row>
    <row r="123" spans="1:18" s="4" customFormat="1" x14ac:dyDescent="0.15">
      <c r="A123" s="3"/>
      <c r="B123" s="3" t="s">
        <v>140</v>
      </c>
      <c r="C123" s="12">
        <v>719</v>
      </c>
      <c r="D123" s="12">
        <v>951</v>
      </c>
      <c r="E123" s="12">
        <v>424</v>
      </c>
      <c r="F123" s="12">
        <v>527</v>
      </c>
      <c r="G123" s="12">
        <v>37</v>
      </c>
      <c r="H123" s="12">
        <v>34</v>
      </c>
      <c r="I123" s="12">
        <v>253</v>
      </c>
      <c r="J123" s="12">
        <v>168</v>
      </c>
      <c r="K123" s="12">
        <v>142</v>
      </c>
      <c r="L123" s="12">
        <v>96</v>
      </c>
      <c r="M123" s="12">
        <v>76</v>
      </c>
      <c r="N123" s="12">
        <v>145</v>
      </c>
      <c r="O123" s="12">
        <v>0</v>
      </c>
      <c r="P123" s="12">
        <v>54</v>
      </c>
      <c r="Q123" s="12">
        <v>717</v>
      </c>
      <c r="R123" s="12">
        <v>180</v>
      </c>
    </row>
    <row r="124" spans="1:18" s="4" customFormat="1" x14ac:dyDescent="0.15">
      <c r="A124" s="3"/>
      <c r="B124" s="3" t="s">
        <v>141</v>
      </c>
      <c r="C124" s="12">
        <v>1057</v>
      </c>
      <c r="D124" s="12">
        <v>2260</v>
      </c>
      <c r="E124" s="12">
        <v>1078</v>
      </c>
      <c r="F124" s="12">
        <v>1182</v>
      </c>
      <c r="G124" s="12">
        <v>243</v>
      </c>
      <c r="H124" s="12">
        <v>190</v>
      </c>
      <c r="I124" s="12">
        <v>198</v>
      </c>
      <c r="J124" s="12">
        <v>244</v>
      </c>
      <c r="K124" s="12">
        <v>384</v>
      </c>
      <c r="L124" s="12">
        <v>359</v>
      </c>
      <c r="M124" s="12">
        <v>249</v>
      </c>
      <c r="N124" s="12">
        <v>393</v>
      </c>
      <c r="O124" s="12">
        <v>0</v>
      </c>
      <c r="P124" s="12">
        <v>355</v>
      </c>
      <c r="Q124" s="12">
        <v>1383</v>
      </c>
      <c r="R124" s="12">
        <v>522</v>
      </c>
    </row>
    <row r="125" spans="1:18" s="4" customFormat="1" x14ac:dyDescent="0.15">
      <c r="A125" s="3"/>
      <c r="B125" s="3" t="s">
        <v>142</v>
      </c>
      <c r="C125" s="12">
        <v>304</v>
      </c>
      <c r="D125" s="12">
        <v>678</v>
      </c>
      <c r="E125" s="12">
        <v>332</v>
      </c>
      <c r="F125" s="12">
        <v>346</v>
      </c>
      <c r="G125" s="12">
        <v>60</v>
      </c>
      <c r="H125" s="12">
        <v>83</v>
      </c>
      <c r="I125" s="12">
        <v>44</v>
      </c>
      <c r="J125" s="12">
        <v>63</v>
      </c>
      <c r="K125" s="12">
        <v>116</v>
      </c>
      <c r="L125" s="12">
        <v>92</v>
      </c>
      <c r="M125" s="12">
        <v>65</v>
      </c>
      <c r="N125" s="12">
        <v>155</v>
      </c>
      <c r="O125" s="12">
        <v>0</v>
      </c>
      <c r="P125" s="12">
        <v>108</v>
      </c>
      <c r="Q125" s="12">
        <v>383</v>
      </c>
      <c r="R125" s="12">
        <v>187</v>
      </c>
    </row>
    <row r="126" spans="1:18" s="4" customFormat="1" x14ac:dyDescent="0.15">
      <c r="A126" s="3"/>
      <c r="B126" s="3" t="s">
        <v>143</v>
      </c>
      <c r="C126" s="12">
        <v>244</v>
      </c>
      <c r="D126" s="12">
        <v>399</v>
      </c>
      <c r="E126" s="12">
        <v>194</v>
      </c>
      <c r="F126" s="12">
        <v>205</v>
      </c>
      <c r="G126" s="12">
        <v>38</v>
      </c>
      <c r="H126" s="12">
        <v>13</v>
      </c>
      <c r="I126" s="12">
        <v>79</v>
      </c>
      <c r="J126" s="12">
        <v>89</v>
      </c>
      <c r="K126" s="12">
        <v>54</v>
      </c>
      <c r="L126" s="12">
        <v>51</v>
      </c>
      <c r="M126" s="12">
        <v>42</v>
      </c>
      <c r="N126" s="12">
        <v>33</v>
      </c>
      <c r="O126" s="12">
        <v>0</v>
      </c>
      <c r="P126" s="12">
        <v>45</v>
      </c>
      <c r="Q126" s="12">
        <v>302</v>
      </c>
      <c r="R126" s="12">
        <v>52</v>
      </c>
    </row>
    <row r="127" spans="1:18" s="4" customFormat="1" x14ac:dyDescent="0.15">
      <c r="A127" s="3"/>
      <c r="B127" s="3" t="s">
        <v>144</v>
      </c>
      <c r="C127" s="12">
        <v>504</v>
      </c>
      <c r="D127" s="12">
        <v>1121</v>
      </c>
      <c r="E127" s="12">
        <v>523</v>
      </c>
      <c r="F127" s="12">
        <v>598</v>
      </c>
      <c r="G127" s="12">
        <v>117</v>
      </c>
      <c r="H127" s="12">
        <v>105</v>
      </c>
      <c r="I127" s="12">
        <v>107</v>
      </c>
      <c r="J127" s="12">
        <v>121</v>
      </c>
      <c r="K127" s="12">
        <v>185</v>
      </c>
      <c r="L127" s="12">
        <v>168</v>
      </c>
      <c r="M127" s="12">
        <v>118</v>
      </c>
      <c r="N127" s="12">
        <v>200</v>
      </c>
      <c r="O127" s="12">
        <v>0</v>
      </c>
      <c r="P127" s="12">
        <v>175</v>
      </c>
      <c r="Q127" s="12">
        <v>695</v>
      </c>
      <c r="R127" s="12">
        <v>251</v>
      </c>
    </row>
    <row r="128" spans="1:18" s="4" customFormat="1" x14ac:dyDescent="0.15">
      <c r="A128" s="3"/>
      <c r="B128" s="3" t="s">
        <v>145</v>
      </c>
      <c r="C128" s="12">
        <v>331</v>
      </c>
      <c r="D128" s="12">
        <v>552</v>
      </c>
      <c r="E128" s="12">
        <v>290</v>
      </c>
      <c r="F128" s="12">
        <v>262</v>
      </c>
      <c r="G128" s="12">
        <v>41</v>
      </c>
      <c r="H128" s="12">
        <v>29</v>
      </c>
      <c r="I128" s="12">
        <v>93</v>
      </c>
      <c r="J128" s="12">
        <v>118</v>
      </c>
      <c r="K128" s="12">
        <v>70</v>
      </c>
      <c r="L128" s="12">
        <v>85</v>
      </c>
      <c r="M128" s="12">
        <v>44</v>
      </c>
      <c r="N128" s="12">
        <v>72</v>
      </c>
      <c r="O128" s="12">
        <v>0</v>
      </c>
      <c r="P128" s="12">
        <v>55</v>
      </c>
      <c r="Q128" s="12">
        <v>404</v>
      </c>
      <c r="R128" s="12">
        <v>93</v>
      </c>
    </row>
    <row r="129" spans="1:18" s="4" customFormat="1" x14ac:dyDescent="0.15">
      <c r="A129" s="3"/>
      <c r="B129" s="3" t="s">
        <v>146</v>
      </c>
      <c r="C129" s="12">
        <v>240</v>
      </c>
      <c r="D129" s="12">
        <v>412</v>
      </c>
      <c r="E129" s="12">
        <v>208</v>
      </c>
      <c r="F129" s="12">
        <v>204</v>
      </c>
      <c r="G129" s="12">
        <v>55</v>
      </c>
      <c r="H129" s="12">
        <v>15</v>
      </c>
      <c r="I129" s="12">
        <v>71</v>
      </c>
      <c r="J129" s="12">
        <v>90</v>
      </c>
      <c r="K129" s="12">
        <v>52</v>
      </c>
      <c r="L129" s="12">
        <v>41</v>
      </c>
      <c r="M129" s="12">
        <v>34</v>
      </c>
      <c r="N129" s="12">
        <v>54</v>
      </c>
      <c r="O129" s="12">
        <v>0</v>
      </c>
      <c r="P129" s="12">
        <v>62</v>
      </c>
      <c r="Q129" s="12">
        <v>279</v>
      </c>
      <c r="R129" s="12">
        <v>71</v>
      </c>
    </row>
    <row r="130" spans="1:18" s="4" customFormat="1" x14ac:dyDescent="0.15">
      <c r="A130" s="3"/>
      <c r="B130" s="3" t="s">
        <v>147</v>
      </c>
      <c r="C130" s="12">
        <v>1115</v>
      </c>
      <c r="D130" s="12">
        <v>2960</v>
      </c>
      <c r="E130" s="12">
        <v>1415</v>
      </c>
      <c r="F130" s="12">
        <v>1545</v>
      </c>
      <c r="G130" s="12">
        <v>279</v>
      </c>
      <c r="H130" s="12">
        <v>401</v>
      </c>
      <c r="I130" s="12">
        <v>272</v>
      </c>
      <c r="J130" s="12">
        <v>227</v>
      </c>
      <c r="K130" s="12">
        <v>513</v>
      </c>
      <c r="L130" s="12">
        <v>506</v>
      </c>
      <c r="M130" s="12">
        <v>358</v>
      </c>
      <c r="N130" s="12">
        <v>404</v>
      </c>
      <c r="O130" s="12">
        <v>0</v>
      </c>
      <c r="P130" s="12">
        <v>486</v>
      </c>
      <c r="Q130" s="12">
        <v>1930</v>
      </c>
      <c r="R130" s="12">
        <v>544</v>
      </c>
    </row>
    <row r="131" spans="1:18" s="4" customFormat="1" x14ac:dyDescent="0.15">
      <c r="A131" s="3"/>
      <c r="B131" s="3" t="s">
        <v>148</v>
      </c>
      <c r="C131" s="12">
        <v>16</v>
      </c>
      <c r="D131" s="12">
        <v>17</v>
      </c>
      <c r="E131" s="12">
        <v>9</v>
      </c>
      <c r="F131" s="12">
        <v>8</v>
      </c>
      <c r="G131" s="12">
        <v>0</v>
      </c>
      <c r="H131" s="12">
        <v>1</v>
      </c>
      <c r="I131" s="12">
        <v>4</v>
      </c>
      <c r="J131" s="12">
        <v>11</v>
      </c>
      <c r="K131" s="12">
        <v>1</v>
      </c>
      <c r="L131" s="12">
        <v>0</v>
      </c>
      <c r="M131" s="12">
        <v>0</v>
      </c>
      <c r="N131" s="12">
        <v>0</v>
      </c>
      <c r="O131" s="12">
        <v>0</v>
      </c>
      <c r="P131" s="12">
        <v>1</v>
      </c>
      <c r="Q131" s="12">
        <v>16</v>
      </c>
      <c r="R131" s="12">
        <v>0</v>
      </c>
    </row>
    <row r="132" spans="1:18" s="4" customFormat="1" x14ac:dyDescent="0.15">
      <c r="A132" s="3"/>
      <c r="B132" s="3" t="s">
        <v>149</v>
      </c>
      <c r="C132" s="12">
        <v>6</v>
      </c>
      <c r="D132" s="12">
        <v>14</v>
      </c>
      <c r="E132" s="12">
        <v>7</v>
      </c>
      <c r="F132" s="12">
        <v>7</v>
      </c>
      <c r="G132" s="12" t="s">
        <v>132</v>
      </c>
      <c r="H132" s="12" t="s">
        <v>132</v>
      </c>
      <c r="I132" s="12" t="s">
        <v>132</v>
      </c>
      <c r="J132" s="12" t="s">
        <v>132</v>
      </c>
      <c r="K132" s="12" t="s">
        <v>132</v>
      </c>
      <c r="L132" s="12" t="s">
        <v>132</v>
      </c>
      <c r="M132" s="12" t="s">
        <v>132</v>
      </c>
      <c r="N132" s="12" t="s">
        <v>132</v>
      </c>
      <c r="O132" s="12" t="s">
        <v>132</v>
      </c>
      <c r="P132" s="12" t="s">
        <v>132</v>
      </c>
      <c r="Q132" s="12" t="s">
        <v>132</v>
      </c>
      <c r="R132" s="12" t="s">
        <v>132</v>
      </c>
    </row>
    <row r="133" spans="1:18" s="4" customFormat="1" x14ac:dyDescent="0.15">
      <c r="A133" s="3"/>
      <c r="B133" s="3" t="s">
        <v>150</v>
      </c>
      <c r="C133" s="12">
        <v>321</v>
      </c>
      <c r="D133" s="12">
        <v>695</v>
      </c>
      <c r="E133" s="12">
        <v>310</v>
      </c>
      <c r="F133" s="12">
        <v>385</v>
      </c>
      <c r="G133" s="12">
        <v>66</v>
      </c>
      <c r="H133" s="12">
        <v>80</v>
      </c>
      <c r="I133" s="12">
        <v>36</v>
      </c>
      <c r="J133" s="12">
        <v>56</v>
      </c>
      <c r="K133" s="12">
        <v>121</v>
      </c>
      <c r="L133" s="12">
        <v>104</v>
      </c>
      <c r="M133" s="12">
        <v>97</v>
      </c>
      <c r="N133" s="12">
        <v>135</v>
      </c>
      <c r="O133" s="12">
        <v>0</v>
      </c>
      <c r="P133" s="12">
        <v>109</v>
      </c>
      <c r="Q133" s="12">
        <v>406</v>
      </c>
      <c r="R133" s="12">
        <v>180</v>
      </c>
    </row>
    <row r="134" spans="1:18" s="4" customFormat="1" x14ac:dyDescent="0.15">
      <c r="A134" s="3"/>
      <c r="B134" s="3" t="s">
        <v>151</v>
      </c>
      <c r="C134" s="12">
        <v>890</v>
      </c>
      <c r="D134" s="12">
        <v>1679</v>
      </c>
      <c r="E134" s="12">
        <v>805</v>
      </c>
      <c r="F134" s="12">
        <v>874</v>
      </c>
      <c r="G134" s="12">
        <v>125</v>
      </c>
      <c r="H134" s="12">
        <v>106</v>
      </c>
      <c r="I134" s="12">
        <v>183</v>
      </c>
      <c r="J134" s="12">
        <v>207</v>
      </c>
      <c r="K134" s="12">
        <v>252</v>
      </c>
      <c r="L134" s="12">
        <v>259</v>
      </c>
      <c r="M134" s="12">
        <v>178</v>
      </c>
      <c r="N134" s="12">
        <v>369</v>
      </c>
      <c r="O134" s="12">
        <v>0</v>
      </c>
      <c r="P134" s="12">
        <v>166</v>
      </c>
      <c r="Q134" s="12">
        <v>1061</v>
      </c>
      <c r="R134" s="12">
        <v>452</v>
      </c>
    </row>
    <row r="135" spans="1:18" s="4" customFormat="1" x14ac:dyDescent="0.15">
      <c r="A135" s="3"/>
      <c r="B135" s="3" t="s">
        <v>152</v>
      </c>
      <c r="C135" s="12">
        <v>1181</v>
      </c>
      <c r="D135" s="12">
        <v>2334</v>
      </c>
      <c r="E135" s="12">
        <v>1050</v>
      </c>
      <c r="F135" s="12">
        <v>1284</v>
      </c>
      <c r="G135" s="12">
        <v>237</v>
      </c>
      <c r="H135" s="12">
        <v>200</v>
      </c>
      <c r="I135" s="12">
        <v>165</v>
      </c>
      <c r="J135" s="12">
        <v>233</v>
      </c>
      <c r="K135" s="12">
        <v>417</v>
      </c>
      <c r="L135" s="12">
        <v>324</v>
      </c>
      <c r="M135" s="12">
        <v>255</v>
      </c>
      <c r="N135" s="12">
        <v>503</v>
      </c>
      <c r="O135" s="12">
        <v>0</v>
      </c>
      <c r="P135" s="12">
        <v>348</v>
      </c>
      <c r="Q135" s="12">
        <v>1353</v>
      </c>
      <c r="R135" s="12">
        <v>633</v>
      </c>
    </row>
    <row r="136" spans="1:18" s="4" customFormat="1" x14ac:dyDescent="0.15">
      <c r="A136" s="3"/>
      <c r="B136" s="3" t="s">
        <v>153</v>
      </c>
      <c r="C136" s="12">
        <v>597</v>
      </c>
      <c r="D136" s="12">
        <v>1080</v>
      </c>
      <c r="E136" s="12">
        <v>486</v>
      </c>
      <c r="F136" s="12">
        <v>594</v>
      </c>
      <c r="G136" s="12">
        <v>63</v>
      </c>
      <c r="H136" s="12">
        <v>79</v>
      </c>
      <c r="I136" s="12">
        <v>119</v>
      </c>
      <c r="J136" s="12">
        <v>85</v>
      </c>
      <c r="K136" s="12">
        <v>163</v>
      </c>
      <c r="L136" s="12">
        <v>195</v>
      </c>
      <c r="M136" s="12">
        <v>115</v>
      </c>
      <c r="N136" s="12">
        <v>261</v>
      </c>
      <c r="O136" s="12">
        <v>0</v>
      </c>
      <c r="P136" s="12">
        <v>104</v>
      </c>
      <c r="Q136" s="12">
        <v>656</v>
      </c>
      <c r="R136" s="12">
        <v>320</v>
      </c>
    </row>
    <row r="137" spans="1:18" s="4" customFormat="1" x14ac:dyDescent="0.15">
      <c r="A137" s="3"/>
      <c r="B137" s="3" t="s">
        <v>154</v>
      </c>
      <c r="C137" s="12">
        <v>521</v>
      </c>
      <c r="D137" s="12">
        <v>1087</v>
      </c>
      <c r="E137" s="12">
        <v>497</v>
      </c>
      <c r="F137" s="12">
        <v>590</v>
      </c>
      <c r="G137" s="12">
        <v>88</v>
      </c>
      <c r="H137" s="12">
        <v>93</v>
      </c>
      <c r="I137" s="12">
        <v>118</v>
      </c>
      <c r="J137" s="12">
        <v>133</v>
      </c>
      <c r="K137" s="12">
        <v>183</v>
      </c>
      <c r="L137" s="12">
        <v>146</v>
      </c>
      <c r="M137" s="12">
        <v>120</v>
      </c>
      <c r="N137" s="12">
        <v>206</v>
      </c>
      <c r="O137" s="12">
        <v>0</v>
      </c>
      <c r="P137" s="12">
        <v>139</v>
      </c>
      <c r="Q137" s="12">
        <v>682</v>
      </c>
      <c r="R137" s="12">
        <v>266</v>
      </c>
    </row>
    <row r="138" spans="1:18" s="4" customFormat="1" x14ac:dyDescent="0.15">
      <c r="A138" s="3"/>
      <c r="B138" s="3" t="s">
        <v>155</v>
      </c>
      <c r="C138" s="12">
        <v>368</v>
      </c>
      <c r="D138" s="12">
        <v>668</v>
      </c>
      <c r="E138" s="12">
        <v>305</v>
      </c>
      <c r="F138" s="12">
        <v>363</v>
      </c>
      <c r="G138" s="12">
        <v>40</v>
      </c>
      <c r="H138" s="12">
        <v>54</v>
      </c>
      <c r="I138" s="12">
        <v>82</v>
      </c>
      <c r="J138" s="12">
        <v>76</v>
      </c>
      <c r="K138" s="12">
        <v>121</v>
      </c>
      <c r="L138" s="12">
        <v>94</v>
      </c>
      <c r="M138" s="12">
        <v>79</v>
      </c>
      <c r="N138" s="12">
        <v>122</v>
      </c>
      <c r="O138" s="12">
        <v>0</v>
      </c>
      <c r="P138" s="12">
        <v>69</v>
      </c>
      <c r="Q138" s="12">
        <v>444</v>
      </c>
      <c r="R138" s="12">
        <v>155</v>
      </c>
    </row>
    <row r="139" spans="1:18" s="4" customFormat="1" x14ac:dyDescent="0.15">
      <c r="A139" s="3"/>
      <c r="B139" s="3" t="s">
        <v>156</v>
      </c>
      <c r="C139" s="12">
        <v>666</v>
      </c>
      <c r="D139" s="12">
        <v>1456</v>
      </c>
      <c r="E139" s="12">
        <v>662</v>
      </c>
      <c r="F139" s="12">
        <v>794</v>
      </c>
      <c r="G139" s="12">
        <v>137</v>
      </c>
      <c r="H139" s="12">
        <v>137</v>
      </c>
      <c r="I139" s="12">
        <v>115</v>
      </c>
      <c r="J139" s="12">
        <v>124</v>
      </c>
      <c r="K139" s="12">
        <v>246</v>
      </c>
      <c r="L139" s="12">
        <v>250</v>
      </c>
      <c r="M139" s="12">
        <v>130</v>
      </c>
      <c r="N139" s="12">
        <v>317</v>
      </c>
      <c r="O139" s="12">
        <v>0</v>
      </c>
      <c r="P139" s="12">
        <v>218</v>
      </c>
      <c r="Q139" s="12">
        <v>862</v>
      </c>
      <c r="R139" s="12">
        <v>376</v>
      </c>
    </row>
    <row r="140" spans="1:18" s="4" customFormat="1" x14ac:dyDescent="0.15">
      <c r="A140" s="3"/>
      <c r="B140" s="3" t="s">
        <v>157</v>
      </c>
      <c r="C140" s="12">
        <v>783</v>
      </c>
      <c r="D140" s="12">
        <v>1609</v>
      </c>
      <c r="E140" s="12">
        <v>772</v>
      </c>
      <c r="F140" s="12">
        <v>837</v>
      </c>
      <c r="G140" s="12">
        <v>143</v>
      </c>
      <c r="H140" s="12">
        <v>122</v>
      </c>
      <c r="I140" s="12">
        <v>158</v>
      </c>
      <c r="J140" s="12">
        <v>219</v>
      </c>
      <c r="K140" s="12">
        <v>240</v>
      </c>
      <c r="L140" s="12">
        <v>231</v>
      </c>
      <c r="M140" s="12">
        <v>172</v>
      </c>
      <c r="N140" s="12">
        <v>324</v>
      </c>
      <c r="O140" s="12">
        <v>0</v>
      </c>
      <c r="P140" s="12">
        <v>214</v>
      </c>
      <c r="Q140" s="12">
        <v>995</v>
      </c>
      <c r="R140" s="12">
        <v>400</v>
      </c>
    </row>
    <row r="141" spans="1:18" s="4" customFormat="1" x14ac:dyDescent="0.15">
      <c r="A141" s="3"/>
      <c r="B141" s="3" t="s">
        <v>158</v>
      </c>
      <c r="C141" s="12">
        <v>514</v>
      </c>
      <c r="D141" s="12">
        <v>1219</v>
      </c>
      <c r="E141" s="12">
        <v>586</v>
      </c>
      <c r="F141" s="12">
        <v>633</v>
      </c>
      <c r="G141" s="12">
        <v>92</v>
      </c>
      <c r="H141" s="12">
        <v>123</v>
      </c>
      <c r="I141" s="12">
        <v>120</v>
      </c>
      <c r="J141" s="12">
        <v>106</v>
      </c>
      <c r="K141" s="12">
        <v>158</v>
      </c>
      <c r="L141" s="12">
        <v>218</v>
      </c>
      <c r="M141" s="12">
        <v>182</v>
      </c>
      <c r="N141" s="12">
        <v>220</v>
      </c>
      <c r="O141" s="12">
        <v>0</v>
      </c>
      <c r="P141" s="12">
        <v>153</v>
      </c>
      <c r="Q141" s="12">
        <v>768</v>
      </c>
      <c r="R141" s="12">
        <v>298</v>
      </c>
    </row>
    <row r="142" spans="1:18" s="4" customFormat="1" x14ac:dyDescent="0.15">
      <c r="A142" s="3"/>
      <c r="B142" s="3" t="s">
        <v>159</v>
      </c>
      <c r="C142" s="12">
        <v>448</v>
      </c>
      <c r="D142" s="12">
        <v>1050</v>
      </c>
      <c r="E142" s="12">
        <v>509</v>
      </c>
      <c r="F142" s="12">
        <v>541</v>
      </c>
      <c r="G142" s="12">
        <v>114</v>
      </c>
      <c r="H142" s="12">
        <v>116</v>
      </c>
      <c r="I142" s="12">
        <v>122</v>
      </c>
      <c r="J142" s="12">
        <v>103</v>
      </c>
      <c r="K142" s="12">
        <v>153</v>
      </c>
      <c r="L142" s="12">
        <v>200</v>
      </c>
      <c r="M142" s="12">
        <v>108</v>
      </c>
      <c r="N142" s="12">
        <v>134</v>
      </c>
      <c r="O142" s="12">
        <v>0</v>
      </c>
      <c r="P142" s="12">
        <v>169</v>
      </c>
      <c r="Q142" s="12">
        <v>709</v>
      </c>
      <c r="R142" s="12">
        <v>172</v>
      </c>
    </row>
    <row r="143" spans="1:18" s="4" customFormat="1" x14ac:dyDescent="0.15">
      <c r="A143" s="3"/>
      <c r="B143" s="3" t="s">
        <v>160</v>
      </c>
      <c r="C143" s="12">
        <v>455</v>
      </c>
      <c r="D143" s="12">
        <v>1008</v>
      </c>
      <c r="E143" s="12">
        <v>463</v>
      </c>
      <c r="F143" s="12">
        <v>545</v>
      </c>
      <c r="G143" s="12">
        <v>120</v>
      </c>
      <c r="H143" s="12">
        <v>90</v>
      </c>
      <c r="I143" s="12">
        <v>63</v>
      </c>
      <c r="J143" s="12">
        <v>129</v>
      </c>
      <c r="K143" s="12">
        <v>141</v>
      </c>
      <c r="L143" s="12">
        <v>114</v>
      </c>
      <c r="M143" s="12">
        <v>118</v>
      </c>
      <c r="N143" s="12">
        <v>233</v>
      </c>
      <c r="O143" s="12">
        <v>0</v>
      </c>
      <c r="P143" s="12">
        <v>176</v>
      </c>
      <c r="Q143" s="12">
        <v>525</v>
      </c>
      <c r="R143" s="12">
        <v>307</v>
      </c>
    </row>
    <row r="144" spans="1:18" s="4" customFormat="1" x14ac:dyDescent="0.15">
      <c r="A144" s="3"/>
      <c r="B144" s="3" t="s">
        <v>161</v>
      </c>
      <c r="C144" s="12">
        <v>603</v>
      </c>
      <c r="D144" s="12">
        <v>1274</v>
      </c>
      <c r="E144" s="12">
        <v>618</v>
      </c>
      <c r="F144" s="12">
        <v>656</v>
      </c>
      <c r="G144" s="12">
        <v>92</v>
      </c>
      <c r="H144" s="12">
        <v>95</v>
      </c>
      <c r="I144" s="12">
        <v>123</v>
      </c>
      <c r="J144" s="12">
        <v>146</v>
      </c>
      <c r="K144" s="12">
        <v>195</v>
      </c>
      <c r="L144" s="12">
        <v>171</v>
      </c>
      <c r="M144" s="12">
        <v>172</v>
      </c>
      <c r="N144" s="12">
        <v>280</v>
      </c>
      <c r="O144" s="12">
        <v>0</v>
      </c>
      <c r="P144" s="12">
        <v>141</v>
      </c>
      <c r="Q144" s="12">
        <v>759</v>
      </c>
      <c r="R144" s="12">
        <v>374</v>
      </c>
    </row>
    <row r="145" spans="1:18" s="4" customFormat="1" x14ac:dyDescent="0.15">
      <c r="A145" s="3"/>
      <c r="B145" s="3" t="s">
        <v>162</v>
      </c>
      <c r="C145" s="12">
        <v>279</v>
      </c>
      <c r="D145" s="12">
        <v>628</v>
      </c>
      <c r="E145" s="12">
        <v>302</v>
      </c>
      <c r="F145" s="12">
        <v>326</v>
      </c>
      <c r="G145" s="12">
        <v>47</v>
      </c>
      <c r="H145" s="12">
        <v>57</v>
      </c>
      <c r="I145" s="12">
        <v>57</v>
      </c>
      <c r="J145" s="12">
        <v>66</v>
      </c>
      <c r="K145" s="12">
        <v>81</v>
      </c>
      <c r="L145" s="12">
        <v>92</v>
      </c>
      <c r="M145" s="12">
        <v>89</v>
      </c>
      <c r="N145" s="12">
        <v>139</v>
      </c>
      <c r="O145" s="12">
        <v>0</v>
      </c>
      <c r="P145" s="12">
        <v>83</v>
      </c>
      <c r="Q145" s="12">
        <v>361</v>
      </c>
      <c r="R145" s="12">
        <v>184</v>
      </c>
    </row>
    <row r="146" spans="1:18" s="4" customFormat="1" x14ac:dyDescent="0.15">
      <c r="A146" s="3"/>
      <c r="B146" s="3" t="s">
        <v>163</v>
      </c>
      <c r="C146" s="12">
        <v>311</v>
      </c>
      <c r="D146" s="12">
        <v>548</v>
      </c>
      <c r="E146" s="12">
        <v>259</v>
      </c>
      <c r="F146" s="12">
        <v>289</v>
      </c>
      <c r="G146" s="12">
        <v>48</v>
      </c>
      <c r="H146" s="12">
        <v>31</v>
      </c>
      <c r="I146" s="12">
        <v>44</v>
      </c>
      <c r="J146" s="12">
        <v>55</v>
      </c>
      <c r="K146" s="12">
        <v>67</v>
      </c>
      <c r="L146" s="12">
        <v>47</v>
      </c>
      <c r="M146" s="12">
        <v>68</v>
      </c>
      <c r="N146" s="12">
        <v>188</v>
      </c>
      <c r="O146" s="12">
        <v>0</v>
      </c>
      <c r="P146" s="12">
        <v>64</v>
      </c>
      <c r="Q146" s="12">
        <v>256</v>
      </c>
      <c r="R146" s="12">
        <v>228</v>
      </c>
    </row>
    <row r="147" spans="1:18" s="4" customFormat="1" x14ac:dyDescent="0.15">
      <c r="A147" s="3"/>
      <c r="B147" s="3" t="s">
        <v>164</v>
      </c>
      <c r="C147" s="12">
        <v>567</v>
      </c>
      <c r="D147" s="12">
        <v>1019</v>
      </c>
      <c r="E147" s="12">
        <v>502</v>
      </c>
      <c r="F147" s="12">
        <v>517</v>
      </c>
      <c r="G147" s="12">
        <v>60</v>
      </c>
      <c r="H147" s="12">
        <v>83</v>
      </c>
      <c r="I147" s="12">
        <v>163</v>
      </c>
      <c r="J147" s="12">
        <v>155</v>
      </c>
      <c r="K147" s="12">
        <v>155</v>
      </c>
      <c r="L147" s="12">
        <v>134</v>
      </c>
      <c r="M147" s="12">
        <v>92</v>
      </c>
      <c r="N147" s="12">
        <v>177</v>
      </c>
      <c r="O147" s="12">
        <v>0</v>
      </c>
      <c r="P147" s="12">
        <v>97</v>
      </c>
      <c r="Q147" s="12">
        <v>705</v>
      </c>
      <c r="R147" s="12">
        <v>217</v>
      </c>
    </row>
    <row r="148" spans="1:18" s="4" customFormat="1" x14ac:dyDescent="0.15">
      <c r="A148" s="3"/>
      <c r="B148" s="3" t="s">
        <v>165</v>
      </c>
      <c r="C148" s="12">
        <v>315</v>
      </c>
      <c r="D148" s="12">
        <v>741</v>
      </c>
      <c r="E148" s="12">
        <v>343</v>
      </c>
      <c r="F148" s="12">
        <v>398</v>
      </c>
      <c r="G148" s="12">
        <v>98</v>
      </c>
      <c r="H148" s="12">
        <v>84</v>
      </c>
      <c r="I148" s="12">
        <v>53</v>
      </c>
      <c r="J148" s="12">
        <v>85</v>
      </c>
      <c r="K148" s="12">
        <v>118</v>
      </c>
      <c r="L148" s="12">
        <v>107</v>
      </c>
      <c r="M148" s="12">
        <v>74</v>
      </c>
      <c r="N148" s="12">
        <v>122</v>
      </c>
      <c r="O148" s="12">
        <v>0</v>
      </c>
      <c r="P148" s="12">
        <v>140</v>
      </c>
      <c r="Q148" s="12">
        <v>440</v>
      </c>
      <c r="R148" s="12">
        <v>161</v>
      </c>
    </row>
    <row r="149" spans="1:18" s="4" customFormat="1" x14ac:dyDescent="0.15">
      <c r="A149" s="3"/>
      <c r="B149" s="3" t="s">
        <v>166</v>
      </c>
      <c r="C149" s="12">
        <v>223</v>
      </c>
      <c r="D149" s="12">
        <v>461</v>
      </c>
      <c r="E149" s="12">
        <v>204</v>
      </c>
      <c r="F149" s="12">
        <v>257</v>
      </c>
      <c r="G149" s="12">
        <v>29</v>
      </c>
      <c r="H149" s="12">
        <v>57</v>
      </c>
      <c r="I149" s="12">
        <v>62</v>
      </c>
      <c r="J149" s="12">
        <v>34</v>
      </c>
      <c r="K149" s="12">
        <v>79</v>
      </c>
      <c r="L149" s="12">
        <v>97</v>
      </c>
      <c r="M149" s="12">
        <v>44</v>
      </c>
      <c r="N149" s="12">
        <v>59</v>
      </c>
      <c r="O149" s="12">
        <v>0</v>
      </c>
      <c r="P149" s="12">
        <v>52</v>
      </c>
      <c r="Q149" s="12">
        <v>333</v>
      </c>
      <c r="R149" s="12">
        <v>76</v>
      </c>
    </row>
    <row r="150" spans="1:18" s="4" customFormat="1" x14ac:dyDescent="0.15">
      <c r="A150" s="3"/>
      <c r="B150" s="3" t="s">
        <v>167</v>
      </c>
      <c r="C150" s="12">
        <v>937</v>
      </c>
      <c r="D150" s="12">
        <v>1800</v>
      </c>
      <c r="E150" s="12">
        <v>813</v>
      </c>
      <c r="F150" s="12">
        <v>987</v>
      </c>
      <c r="G150" s="12">
        <v>109</v>
      </c>
      <c r="H150" s="12">
        <v>128</v>
      </c>
      <c r="I150" s="12">
        <v>120</v>
      </c>
      <c r="J150" s="12">
        <v>180</v>
      </c>
      <c r="K150" s="12">
        <v>259</v>
      </c>
      <c r="L150" s="12">
        <v>215</v>
      </c>
      <c r="M150" s="12">
        <v>204</v>
      </c>
      <c r="N150" s="12">
        <v>585</v>
      </c>
      <c r="O150" s="12">
        <v>0</v>
      </c>
      <c r="P150" s="12">
        <v>177</v>
      </c>
      <c r="Q150" s="12">
        <v>910</v>
      </c>
      <c r="R150" s="12">
        <v>713</v>
      </c>
    </row>
    <row r="151" spans="1:18" s="4" customFormat="1" x14ac:dyDescent="0.15">
      <c r="A151" s="3"/>
      <c r="B151" s="3" t="s">
        <v>168</v>
      </c>
      <c r="C151" s="12">
        <v>492</v>
      </c>
      <c r="D151" s="12">
        <v>967</v>
      </c>
      <c r="E151" s="12">
        <v>467</v>
      </c>
      <c r="F151" s="12">
        <v>500</v>
      </c>
      <c r="G151" s="12">
        <v>58</v>
      </c>
      <c r="H151" s="12">
        <v>79</v>
      </c>
      <c r="I151" s="12">
        <v>94</v>
      </c>
      <c r="J151" s="12">
        <v>108</v>
      </c>
      <c r="K151" s="12">
        <v>149</v>
      </c>
      <c r="L151" s="12">
        <v>116</v>
      </c>
      <c r="M151" s="12">
        <v>109</v>
      </c>
      <c r="N151" s="12">
        <v>254</v>
      </c>
      <c r="O151" s="12">
        <v>0</v>
      </c>
      <c r="P151" s="12">
        <v>98</v>
      </c>
      <c r="Q151" s="12">
        <v>553</v>
      </c>
      <c r="R151" s="12">
        <v>316</v>
      </c>
    </row>
    <row r="152" spans="1:18" s="4" customFormat="1" x14ac:dyDescent="0.15">
      <c r="A152" s="3"/>
      <c r="B152" s="3"/>
      <c r="C152" s="12"/>
      <c r="D152" s="12"/>
      <c r="E152" s="12"/>
      <c r="F152" s="12"/>
      <c r="G152" s="12"/>
      <c r="H152" s="12"/>
      <c r="I152" s="12"/>
      <c r="J152" s="12"/>
      <c r="K152" s="12"/>
      <c r="L152" s="12"/>
      <c r="M152" s="12"/>
      <c r="N152" s="12"/>
      <c r="O152" s="12"/>
      <c r="P152" s="12"/>
      <c r="Q152" s="12"/>
      <c r="R152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82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169</v>
      </c>
      <c r="B6" s="3"/>
      <c r="C6" s="12">
        <v>43829</v>
      </c>
      <c r="D6" s="12">
        <v>81131</v>
      </c>
      <c r="E6" s="12">
        <v>38700</v>
      </c>
      <c r="F6" s="12">
        <v>42431</v>
      </c>
      <c r="G6" s="12">
        <v>6871</v>
      </c>
      <c r="H6" s="12">
        <v>5587</v>
      </c>
      <c r="I6" s="12">
        <v>9865</v>
      </c>
      <c r="J6" s="12">
        <v>12053</v>
      </c>
      <c r="K6" s="12">
        <v>13163</v>
      </c>
      <c r="L6" s="12">
        <v>11050</v>
      </c>
      <c r="M6" s="12">
        <v>8330</v>
      </c>
      <c r="N6" s="12">
        <v>14212</v>
      </c>
      <c r="O6" s="12">
        <v>0</v>
      </c>
      <c r="P6" s="12">
        <v>9889</v>
      </c>
      <c r="Q6" s="12">
        <v>52953</v>
      </c>
      <c r="R6" s="12">
        <v>18289</v>
      </c>
    </row>
    <row r="7" spans="1:18" s="4" customFormat="1" x14ac:dyDescent="0.15">
      <c r="A7" s="3"/>
      <c r="B7" s="3" t="s">
        <v>170</v>
      </c>
      <c r="C7" s="12">
        <v>322</v>
      </c>
      <c r="D7" s="12">
        <v>548</v>
      </c>
      <c r="E7" s="12">
        <v>266</v>
      </c>
      <c r="F7" s="12">
        <v>282</v>
      </c>
      <c r="G7" s="12">
        <v>65</v>
      </c>
      <c r="H7" s="12">
        <v>14</v>
      </c>
      <c r="I7" s="12">
        <v>84</v>
      </c>
      <c r="J7" s="12">
        <v>139</v>
      </c>
      <c r="K7" s="12">
        <v>89</v>
      </c>
      <c r="L7" s="12">
        <v>50</v>
      </c>
      <c r="M7" s="12">
        <v>41</v>
      </c>
      <c r="N7" s="12">
        <v>66</v>
      </c>
      <c r="O7" s="12">
        <v>0</v>
      </c>
      <c r="P7" s="12">
        <v>74</v>
      </c>
      <c r="Q7" s="12">
        <v>392</v>
      </c>
      <c r="R7" s="12">
        <v>82</v>
      </c>
    </row>
    <row r="8" spans="1:18" s="4" customFormat="1" x14ac:dyDescent="0.15">
      <c r="A8" s="3"/>
      <c r="B8" s="3" t="s">
        <v>171</v>
      </c>
      <c r="C8" s="12">
        <v>1180</v>
      </c>
      <c r="D8" s="12">
        <v>1709</v>
      </c>
      <c r="E8" s="12">
        <v>787</v>
      </c>
      <c r="F8" s="12">
        <v>922</v>
      </c>
      <c r="G8" s="12">
        <v>107</v>
      </c>
      <c r="H8" s="12">
        <v>67</v>
      </c>
      <c r="I8" s="12">
        <v>310</v>
      </c>
      <c r="J8" s="12">
        <v>312</v>
      </c>
      <c r="K8" s="12">
        <v>314</v>
      </c>
      <c r="L8" s="12">
        <v>231</v>
      </c>
      <c r="M8" s="12">
        <v>155</v>
      </c>
      <c r="N8" s="12">
        <v>213</v>
      </c>
      <c r="O8" s="12">
        <v>0</v>
      </c>
      <c r="P8" s="12">
        <v>139</v>
      </c>
      <c r="Q8" s="12">
        <v>1287</v>
      </c>
      <c r="R8" s="12">
        <v>283</v>
      </c>
    </row>
    <row r="9" spans="1:18" s="4" customFormat="1" x14ac:dyDescent="0.15">
      <c r="A9" s="3"/>
      <c r="B9" s="3" t="s">
        <v>172</v>
      </c>
      <c r="C9" s="12">
        <v>911</v>
      </c>
      <c r="D9" s="12">
        <v>1557</v>
      </c>
      <c r="E9" s="12">
        <v>742</v>
      </c>
      <c r="F9" s="12">
        <v>815</v>
      </c>
      <c r="G9" s="12">
        <v>119</v>
      </c>
      <c r="H9" s="12">
        <v>76</v>
      </c>
      <c r="I9" s="12">
        <v>228</v>
      </c>
      <c r="J9" s="12">
        <v>291</v>
      </c>
      <c r="K9" s="12">
        <v>259</v>
      </c>
      <c r="L9" s="12">
        <v>191</v>
      </c>
      <c r="M9" s="12">
        <v>155</v>
      </c>
      <c r="N9" s="12">
        <v>238</v>
      </c>
      <c r="O9" s="12">
        <v>0</v>
      </c>
      <c r="P9" s="12">
        <v>155</v>
      </c>
      <c r="Q9" s="12">
        <v>1086</v>
      </c>
      <c r="R9" s="12">
        <v>316</v>
      </c>
    </row>
    <row r="10" spans="1:18" s="4" customFormat="1" x14ac:dyDescent="0.15">
      <c r="A10" s="3"/>
      <c r="B10" s="3" t="s">
        <v>173</v>
      </c>
      <c r="C10" s="12">
        <v>1075</v>
      </c>
      <c r="D10" s="12">
        <v>1663</v>
      </c>
      <c r="E10" s="12">
        <v>754</v>
      </c>
      <c r="F10" s="12">
        <v>909</v>
      </c>
      <c r="G10" s="12">
        <v>102</v>
      </c>
      <c r="H10" s="12">
        <v>65</v>
      </c>
      <c r="I10" s="12">
        <v>296</v>
      </c>
      <c r="J10" s="12">
        <v>296</v>
      </c>
      <c r="K10" s="12">
        <v>230</v>
      </c>
      <c r="L10" s="12">
        <v>201</v>
      </c>
      <c r="M10" s="12">
        <v>148</v>
      </c>
      <c r="N10" s="12">
        <v>325</v>
      </c>
      <c r="O10" s="12">
        <v>0</v>
      </c>
      <c r="P10" s="12">
        <v>133</v>
      </c>
      <c r="Q10" s="12">
        <v>1143</v>
      </c>
      <c r="R10" s="12">
        <v>387</v>
      </c>
    </row>
    <row r="11" spans="1:18" s="4" customFormat="1" x14ac:dyDescent="0.15">
      <c r="A11" s="3"/>
      <c r="B11" s="3" t="s">
        <v>174</v>
      </c>
      <c r="C11" s="12">
        <v>152</v>
      </c>
      <c r="D11" s="12">
        <v>283</v>
      </c>
      <c r="E11" s="12">
        <v>148</v>
      </c>
      <c r="F11" s="12">
        <v>135</v>
      </c>
      <c r="G11" s="12">
        <v>22</v>
      </c>
      <c r="H11" s="12">
        <v>17</v>
      </c>
      <c r="I11" s="12">
        <v>40</v>
      </c>
      <c r="J11" s="12">
        <v>47</v>
      </c>
      <c r="K11" s="12">
        <v>35</v>
      </c>
      <c r="L11" s="12">
        <v>34</v>
      </c>
      <c r="M11" s="12">
        <v>32</v>
      </c>
      <c r="N11" s="12">
        <v>56</v>
      </c>
      <c r="O11" s="12">
        <v>0</v>
      </c>
      <c r="P11" s="12">
        <v>30</v>
      </c>
      <c r="Q11" s="12">
        <v>178</v>
      </c>
      <c r="R11" s="12">
        <v>75</v>
      </c>
    </row>
    <row r="12" spans="1:18" s="4" customFormat="1" x14ac:dyDescent="0.15">
      <c r="A12" s="3"/>
      <c r="B12" s="3" t="s">
        <v>175</v>
      </c>
      <c r="C12" s="12">
        <v>98</v>
      </c>
      <c r="D12" s="12">
        <v>191</v>
      </c>
      <c r="E12" s="12">
        <v>90</v>
      </c>
      <c r="F12" s="12">
        <v>101</v>
      </c>
      <c r="G12" s="12">
        <v>10</v>
      </c>
      <c r="H12" s="12">
        <v>13</v>
      </c>
      <c r="I12" s="12">
        <v>23</v>
      </c>
      <c r="J12" s="12">
        <v>27</v>
      </c>
      <c r="K12" s="12">
        <v>25</v>
      </c>
      <c r="L12" s="12">
        <v>31</v>
      </c>
      <c r="M12" s="12">
        <v>20</v>
      </c>
      <c r="N12" s="12">
        <v>42</v>
      </c>
      <c r="O12" s="12">
        <v>0</v>
      </c>
      <c r="P12" s="12">
        <v>14</v>
      </c>
      <c r="Q12" s="12">
        <v>124</v>
      </c>
      <c r="R12" s="12">
        <v>53</v>
      </c>
    </row>
    <row r="13" spans="1:18" s="4" customFormat="1" x14ac:dyDescent="0.15">
      <c r="A13" s="3"/>
      <c r="B13" s="3" t="s">
        <v>176</v>
      </c>
      <c r="C13" s="12">
        <v>3905</v>
      </c>
      <c r="D13" s="12">
        <v>6494</v>
      </c>
      <c r="E13" s="12">
        <v>2935</v>
      </c>
      <c r="F13" s="12">
        <v>3559</v>
      </c>
      <c r="G13" s="12">
        <v>498</v>
      </c>
      <c r="H13" s="12">
        <v>404</v>
      </c>
      <c r="I13" s="12">
        <v>943</v>
      </c>
      <c r="J13" s="12">
        <v>1095</v>
      </c>
      <c r="K13" s="12">
        <v>1227</v>
      </c>
      <c r="L13" s="12">
        <v>1002</v>
      </c>
      <c r="M13" s="12">
        <v>594</v>
      </c>
      <c r="N13" s="12">
        <v>731</v>
      </c>
      <c r="O13" s="12">
        <v>0</v>
      </c>
      <c r="P13" s="12">
        <v>728</v>
      </c>
      <c r="Q13" s="12">
        <v>4796</v>
      </c>
      <c r="R13" s="12">
        <v>970</v>
      </c>
    </row>
    <row r="14" spans="1:18" s="4" customFormat="1" x14ac:dyDescent="0.15">
      <c r="A14" s="3"/>
      <c r="B14" s="3" t="s">
        <v>177</v>
      </c>
      <c r="C14" s="12">
        <v>1697</v>
      </c>
      <c r="D14" s="12">
        <v>2650</v>
      </c>
      <c r="E14" s="12">
        <v>1244</v>
      </c>
      <c r="F14" s="12">
        <v>1406</v>
      </c>
      <c r="G14" s="12">
        <v>195</v>
      </c>
      <c r="H14" s="12">
        <v>125</v>
      </c>
      <c r="I14" s="12">
        <v>449</v>
      </c>
      <c r="J14" s="12">
        <v>481</v>
      </c>
      <c r="K14" s="12">
        <v>489</v>
      </c>
      <c r="L14" s="12">
        <v>326</v>
      </c>
      <c r="M14" s="12">
        <v>209</v>
      </c>
      <c r="N14" s="12">
        <v>376</v>
      </c>
      <c r="O14" s="12">
        <v>0</v>
      </c>
      <c r="P14" s="12">
        <v>265</v>
      </c>
      <c r="Q14" s="12">
        <v>1899</v>
      </c>
      <c r="R14" s="12">
        <v>486</v>
      </c>
    </row>
    <row r="15" spans="1:18" s="4" customFormat="1" x14ac:dyDescent="0.15">
      <c r="A15" s="3"/>
      <c r="B15" s="3" t="s">
        <v>178</v>
      </c>
      <c r="C15" s="12">
        <v>1577</v>
      </c>
      <c r="D15" s="12">
        <v>2539</v>
      </c>
      <c r="E15" s="12">
        <v>1197</v>
      </c>
      <c r="F15" s="12">
        <v>1342</v>
      </c>
      <c r="G15" s="12">
        <v>180</v>
      </c>
      <c r="H15" s="12">
        <v>120</v>
      </c>
      <c r="I15" s="12">
        <v>441</v>
      </c>
      <c r="J15" s="12">
        <v>485</v>
      </c>
      <c r="K15" s="12">
        <v>399</v>
      </c>
      <c r="L15" s="12">
        <v>349</v>
      </c>
      <c r="M15" s="12">
        <v>213</v>
      </c>
      <c r="N15" s="12">
        <v>352</v>
      </c>
      <c r="O15" s="12">
        <v>0</v>
      </c>
      <c r="P15" s="12">
        <v>239</v>
      </c>
      <c r="Q15" s="12">
        <v>1853</v>
      </c>
      <c r="R15" s="12">
        <v>447</v>
      </c>
    </row>
    <row r="16" spans="1:18" s="4" customFormat="1" x14ac:dyDescent="0.15">
      <c r="A16" s="3"/>
      <c r="B16" s="3" t="s">
        <v>179</v>
      </c>
      <c r="C16" s="12">
        <v>28</v>
      </c>
      <c r="D16" s="12">
        <v>48</v>
      </c>
      <c r="E16" s="12">
        <v>21</v>
      </c>
      <c r="F16" s="12">
        <v>27</v>
      </c>
      <c r="G16" s="12">
        <v>1</v>
      </c>
      <c r="H16" s="12">
        <v>1</v>
      </c>
      <c r="I16" s="12">
        <v>9</v>
      </c>
      <c r="J16" s="12">
        <v>8</v>
      </c>
      <c r="K16" s="12">
        <v>4</v>
      </c>
      <c r="L16" s="12">
        <v>3</v>
      </c>
      <c r="M16" s="12">
        <v>10</v>
      </c>
      <c r="N16" s="12">
        <v>12</v>
      </c>
      <c r="O16" s="12">
        <v>0</v>
      </c>
      <c r="P16" s="12">
        <v>1</v>
      </c>
      <c r="Q16" s="12">
        <v>28</v>
      </c>
      <c r="R16" s="12">
        <v>19</v>
      </c>
    </row>
    <row r="17" spans="1:18" s="4" customFormat="1" x14ac:dyDescent="0.15">
      <c r="A17" s="3"/>
      <c r="B17" s="3" t="s">
        <v>180</v>
      </c>
      <c r="C17" s="12">
        <v>105</v>
      </c>
      <c r="D17" s="12">
        <v>165</v>
      </c>
      <c r="E17" s="12">
        <v>85</v>
      </c>
      <c r="F17" s="12">
        <v>80</v>
      </c>
      <c r="G17" s="12">
        <v>7</v>
      </c>
      <c r="H17" s="12">
        <v>10</v>
      </c>
      <c r="I17" s="12">
        <v>22</v>
      </c>
      <c r="J17" s="12">
        <v>15</v>
      </c>
      <c r="K17" s="12">
        <v>21</v>
      </c>
      <c r="L17" s="12">
        <v>18</v>
      </c>
      <c r="M17" s="12">
        <v>34</v>
      </c>
      <c r="N17" s="12">
        <v>38</v>
      </c>
      <c r="O17" s="12">
        <v>0</v>
      </c>
      <c r="P17" s="12">
        <v>15</v>
      </c>
      <c r="Q17" s="12">
        <v>96</v>
      </c>
      <c r="R17" s="12">
        <v>54</v>
      </c>
    </row>
    <row r="18" spans="1:18" s="4" customFormat="1" x14ac:dyDescent="0.15">
      <c r="A18" s="3"/>
      <c r="B18" s="3" t="s">
        <v>181</v>
      </c>
      <c r="C18" s="12">
        <v>212</v>
      </c>
      <c r="D18" s="12">
        <v>449</v>
      </c>
      <c r="E18" s="12">
        <v>213</v>
      </c>
      <c r="F18" s="12">
        <v>236</v>
      </c>
      <c r="G18" s="12">
        <v>35</v>
      </c>
      <c r="H18" s="12">
        <v>45</v>
      </c>
      <c r="I18" s="12">
        <v>43</v>
      </c>
      <c r="J18" s="12">
        <v>47</v>
      </c>
      <c r="K18" s="12">
        <v>66</v>
      </c>
      <c r="L18" s="12">
        <v>59</v>
      </c>
      <c r="M18" s="12">
        <v>56</v>
      </c>
      <c r="N18" s="12">
        <v>98</v>
      </c>
      <c r="O18" s="12">
        <v>0</v>
      </c>
      <c r="P18" s="12">
        <v>59</v>
      </c>
      <c r="Q18" s="12">
        <v>268</v>
      </c>
      <c r="R18" s="12">
        <v>122</v>
      </c>
    </row>
    <row r="19" spans="1:18" s="4" customFormat="1" x14ac:dyDescent="0.15">
      <c r="A19" s="3"/>
      <c r="B19" s="3" t="s">
        <v>182</v>
      </c>
      <c r="C19" s="12">
        <v>27</v>
      </c>
      <c r="D19" s="12">
        <v>56</v>
      </c>
      <c r="E19" s="12">
        <v>25</v>
      </c>
      <c r="F19" s="12">
        <v>31</v>
      </c>
      <c r="G19" s="12">
        <v>0</v>
      </c>
      <c r="H19" s="12">
        <v>5</v>
      </c>
      <c r="I19" s="12">
        <v>9</v>
      </c>
      <c r="J19" s="12">
        <v>0</v>
      </c>
      <c r="K19" s="12">
        <v>5</v>
      </c>
      <c r="L19" s="12">
        <v>7</v>
      </c>
      <c r="M19" s="12">
        <v>9</v>
      </c>
      <c r="N19" s="12">
        <v>21</v>
      </c>
      <c r="O19" s="12">
        <v>0</v>
      </c>
      <c r="P19" s="12">
        <v>1</v>
      </c>
      <c r="Q19" s="12">
        <v>30</v>
      </c>
      <c r="R19" s="12">
        <v>25</v>
      </c>
    </row>
    <row r="20" spans="1:18" s="4" customFormat="1" x14ac:dyDescent="0.15">
      <c r="A20" s="3"/>
      <c r="B20" s="3" t="s">
        <v>183</v>
      </c>
      <c r="C20" s="12">
        <v>123</v>
      </c>
      <c r="D20" s="12">
        <v>246</v>
      </c>
      <c r="E20" s="12">
        <v>107</v>
      </c>
      <c r="F20" s="12">
        <v>139</v>
      </c>
      <c r="G20" s="12">
        <v>14</v>
      </c>
      <c r="H20" s="12">
        <v>23</v>
      </c>
      <c r="I20" s="12">
        <v>28</v>
      </c>
      <c r="J20" s="12">
        <v>25</v>
      </c>
      <c r="K20" s="12">
        <v>33</v>
      </c>
      <c r="L20" s="12">
        <v>43</v>
      </c>
      <c r="M20" s="12">
        <v>20</v>
      </c>
      <c r="N20" s="12">
        <v>60</v>
      </c>
      <c r="O20" s="12">
        <v>0</v>
      </c>
      <c r="P20" s="12">
        <v>21</v>
      </c>
      <c r="Q20" s="12">
        <v>155</v>
      </c>
      <c r="R20" s="12">
        <v>70</v>
      </c>
    </row>
    <row r="21" spans="1:18" s="4" customFormat="1" x14ac:dyDescent="0.15">
      <c r="A21" s="3"/>
      <c r="B21" s="3" t="s">
        <v>184</v>
      </c>
      <c r="C21" s="12">
        <v>500</v>
      </c>
      <c r="D21" s="12">
        <v>984</v>
      </c>
      <c r="E21" s="12">
        <v>487</v>
      </c>
      <c r="F21" s="12">
        <v>497</v>
      </c>
      <c r="G21" s="12">
        <v>93</v>
      </c>
      <c r="H21" s="12">
        <v>62</v>
      </c>
      <c r="I21" s="12">
        <v>130</v>
      </c>
      <c r="J21" s="12">
        <v>162</v>
      </c>
      <c r="K21" s="12">
        <v>152</v>
      </c>
      <c r="L21" s="12">
        <v>98</v>
      </c>
      <c r="M21" s="12">
        <v>82</v>
      </c>
      <c r="N21" s="12">
        <v>205</v>
      </c>
      <c r="O21" s="12">
        <v>0</v>
      </c>
      <c r="P21" s="12">
        <v>129</v>
      </c>
      <c r="Q21" s="12">
        <v>607</v>
      </c>
      <c r="R21" s="12">
        <v>248</v>
      </c>
    </row>
    <row r="22" spans="1:18" s="4" customFormat="1" x14ac:dyDescent="0.15">
      <c r="A22" s="3"/>
      <c r="B22" s="3" t="s">
        <v>185</v>
      </c>
      <c r="C22" s="12">
        <v>318</v>
      </c>
      <c r="D22" s="12">
        <v>602</v>
      </c>
      <c r="E22" s="12">
        <v>273</v>
      </c>
      <c r="F22" s="12">
        <v>329</v>
      </c>
      <c r="G22" s="12">
        <v>56</v>
      </c>
      <c r="H22" s="12">
        <v>34</v>
      </c>
      <c r="I22" s="12">
        <v>74</v>
      </c>
      <c r="J22" s="12">
        <v>96</v>
      </c>
      <c r="K22" s="12">
        <v>92</v>
      </c>
      <c r="L22" s="12">
        <v>71</v>
      </c>
      <c r="M22" s="12">
        <v>74</v>
      </c>
      <c r="N22" s="12">
        <v>105</v>
      </c>
      <c r="O22" s="12">
        <v>0</v>
      </c>
      <c r="P22" s="12">
        <v>80</v>
      </c>
      <c r="Q22" s="12">
        <v>380</v>
      </c>
      <c r="R22" s="12">
        <v>142</v>
      </c>
    </row>
    <row r="23" spans="1:18" s="4" customFormat="1" x14ac:dyDescent="0.15">
      <c r="A23" s="3"/>
      <c r="B23" s="3" t="s">
        <v>186</v>
      </c>
      <c r="C23" s="12">
        <v>160</v>
      </c>
      <c r="D23" s="12">
        <v>385</v>
      </c>
      <c r="E23" s="12">
        <v>182</v>
      </c>
      <c r="F23" s="12">
        <v>203</v>
      </c>
      <c r="G23" s="12">
        <v>72</v>
      </c>
      <c r="H23" s="12">
        <v>22</v>
      </c>
      <c r="I23" s="12">
        <v>28</v>
      </c>
      <c r="J23" s="12">
        <v>82</v>
      </c>
      <c r="K23" s="12">
        <v>57</v>
      </c>
      <c r="L23" s="12">
        <v>32</v>
      </c>
      <c r="M23" s="12">
        <v>39</v>
      </c>
      <c r="N23" s="12">
        <v>53</v>
      </c>
      <c r="O23" s="12">
        <v>0</v>
      </c>
      <c r="P23" s="12">
        <v>83</v>
      </c>
      <c r="Q23" s="12">
        <v>228</v>
      </c>
      <c r="R23" s="12">
        <v>74</v>
      </c>
    </row>
    <row r="24" spans="1:18" s="4" customFormat="1" x14ac:dyDescent="0.15">
      <c r="A24" s="3"/>
      <c r="B24" s="3" t="s">
        <v>77</v>
      </c>
      <c r="C24" s="12">
        <v>18</v>
      </c>
      <c r="D24" s="12">
        <v>29</v>
      </c>
      <c r="E24" s="12">
        <v>11</v>
      </c>
      <c r="F24" s="12">
        <v>18</v>
      </c>
      <c r="G24" s="12">
        <v>2</v>
      </c>
      <c r="H24" s="12">
        <v>2</v>
      </c>
      <c r="I24" s="12">
        <v>4</v>
      </c>
      <c r="J24" s="12">
        <v>7</v>
      </c>
      <c r="K24" s="12">
        <v>4</v>
      </c>
      <c r="L24" s="12">
        <v>4</v>
      </c>
      <c r="M24" s="12">
        <v>4</v>
      </c>
      <c r="N24" s="12">
        <v>2</v>
      </c>
      <c r="O24" s="12">
        <v>0</v>
      </c>
      <c r="P24" s="12">
        <v>3</v>
      </c>
      <c r="Q24" s="12">
        <v>21</v>
      </c>
      <c r="R24" s="12">
        <v>5</v>
      </c>
    </row>
    <row r="25" spans="1:18" s="4" customFormat="1" x14ac:dyDescent="0.15">
      <c r="A25" s="3"/>
      <c r="B25" s="3" t="s">
        <v>187</v>
      </c>
      <c r="C25" s="12">
        <v>25</v>
      </c>
      <c r="D25" s="12">
        <v>47</v>
      </c>
      <c r="E25" s="12">
        <v>27</v>
      </c>
      <c r="F25" s="12">
        <v>20</v>
      </c>
      <c r="G25" s="12">
        <v>6</v>
      </c>
      <c r="H25" s="12">
        <v>4</v>
      </c>
      <c r="I25" s="12">
        <v>5</v>
      </c>
      <c r="J25" s="12">
        <v>10</v>
      </c>
      <c r="K25" s="12">
        <v>5</v>
      </c>
      <c r="L25" s="12">
        <v>6</v>
      </c>
      <c r="M25" s="12">
        <v>2</v>
      </c>
      <c r="N25" s="12">
        <v>9</v>
      </c>
      <c r="O25" s="12">
        <v>0</v>
      </c>
      <c r="P25" s="12">
        <v>8</v>
      </c>
      <c r="Q25" s="12">
        <v>29</v>
      </c>
      <c r="R25" s="12">
        <v>10</v>
      </c>
    </row>
    <row r="26" spans="1:18" s="4" customFormat="1" x14ac:dyDescent="0.15">
      <c r="A26" s="3"/>
      <c r="B26" s="3" t="s">
        <v>188</v>
      </c>
      <c r="C26" s="12">
        <v>755</v>
      </c>
      <c r="D26" s="12">
        <v>1699</v>
      </c>
      <c r="E26" s="12">
        <v>816</v>
      </c>
      <c r="F26" s="12">
        <v>883</v>
      </c>
      <c r="G26" s="12">
        <v>248</v>
      </c>
      <c r="H26" s="12">
        <v>168</v>
      </c>
      <c r="I26" s="12">
        <v>123</v>
      </c>
      <c r="J26" s="12">
        <v>252</v>
      </c>
      <c r="K26" s="12">
        <v>379</v>
      </c>
      <c r="L26" s="12">
        <v>244</v>
      </c>
      <c r="M26" s="12">
        <v>103</v>
      </c>
      <c r="N26" s="12">
        <v>182</v>
      </c>
      <c r="O26" s="12">
        <v>0</v>
      </c>
      <c r="P26" s="12">
        <v>358</v>
      </c>
      <c r="Q26" s="12">
        <v>1115</v>
      </c>
      <c r="R26" s="12">
        <v>226</v>
      </c>
    </row>
    <row r="27" spans="1:18" s="4" customFormat="1" x14ac:dyDescent="0.15">
      <c r="A27" s="3"/>
      <c r="B27" s="3" t="s">
        <v>189</v>
      </c>
      <c r="C27" s="12">
        <v>275</v>
      </c>
      <c r="D27" s="12">
        <v>515</v>
      </c>
      <c r="E27" s="12">
        <v>253</v>
      </c>
      <c r="F27" s="12">
        <v>262</v>
      </c>
      <c r="G27" s="12">
        <v>57</v>
      </c>
      <c r="H27" s="12">
        <v>28</v>
      </c>
      <c r="I27" s="12">
        <v>53</v>
      </c>
      <c r="J27" s="12">
        <v>88</v>
      </c>
      <c r="K27" s="12">
        <v>88</v>
      </c>
      <c r="L27" s="12">
        <v>63</v>
      </c>
      <c r="M27" s="12">
        <v>50</v>
      </c>
      <c r="N27" s="12">
        <v>88</v>
      </c>
      <c r="O27" s="12">
        <v>0</v>
      </c>
      <c r="P27" s="12">
        <v>70</v>
      </c>
      <c r="Q27" s="12">
        <v>335</v>
      </c>
      <c r="R27" s="12">
        <v>110</v>
      </c>
    </row>
    <row r="28" spans="1:18" s="4" customFormat="1" x14ac:dyDescent="0.15">
      <c r="A28" s="3"/>
      <c r="B28" s="3" t="s">
        <v>190</v>
      </c>
      <c r="C28" s="12">
        <v>679</v>
      </c>
      <c r="D28" s="12">
        <v>1262</v>
      </c>
      <c r="E28" s="12">
        <v>633</v>
      </c>
      <c r="F28" s="12">
        <v>629</v>
      </c>
      <c r="G28" s="12">
        <v>125</v>
      </c>
      <c r="H28" s="12">
        <v>88</v>
      </c>
      <c r="I28" s="12">
        <v>146</v>
      </c>
      <c r="J28" s="12">
        <v>224</v>
      </c>
      <c r="K28" s="12">
        <v>234</v>
      </c>
      <c r="L28" s="12">
        <v>188</v>
      </c>
      <c r="M28" s="12">
        <v>105</v>
      </c>
      <c r="N28" s="12">
        <v>152</v>
      </c>
      <c r="O28" s="12">
        <v>0</v>
      </c>
      <c r="P28" s="12">
        <v>170</v>
      </c>
      <c r="Q28" s="12">
        <v>892</v>
      </c>
      <c r="R28" s="12">
        <v>200</v>
      </c>
    </row>
    <row r="29" spans="1:18" s="4" customFormat="1" x14ac:dyDescent="0.15">
      <c r="A29" s="3"/>
      <c r="B29" s="3" t="s">
        <v>191</v>
      </c>
      <c r="C29" s="12">
        <v>863</v>
      </c>
      <c r="D29" s="12">
        <v>1806</v>
      </c>
      <c r="E29" s="12">
        <v>880</v>
      </c>
      <c r="F29" s="12">
        <v>926</v>
      </c>
      <c r="G29" s="12">
        <v>212</v>
      </c>
      <c r="H29" s="12">
        <v>178</v>
      </c>
      <c r="I29" s="12">
        <v>193</v>
      </c>
      <c r="J29" s="12">
        <v>250</v>
      </c>
      <c r="K29" s="12">
        <v>361</v>
      </c>
      <c r="L29" s="12">
        <v>232</v>
      </c>
      <c r="M29" s="12">
        <v>155</v>
      </c>
      <c r="N29" s="12">
        <v>225</v>
      </c>
      <c r="O29" s="12">
        <v>0</v>
      </c>
      <c r="P29" s="12">
        <v>309</v>
      </c>
      <c r="Q29" s="12">
        <v>1204</v>
      </c>
      <c r="R29" s="12">
        <v>293</v>
      </c>
    </row>
    <row r="30" spans="1:18" s="4" customFormat="1" x14ac:dyDescent="0.15">
      <c r="A30" s="3"/>
      <c r="B30" s="3" t="s">
        <v>192</v>
      </c>
      <c r="C30" s="12">
        <v>497</v>
      </c>
      <c r="D30" s="12">
        <v>1107</v>
      </c>
      <c r="E30" s="12">
        <v>528</v>
      </c>
      <c r="F30" s="12">
        <v>579</v>
      </c>
      <c r="G30" s="12">
        <v>144</v>
      </c>
      <c r="H30" s="12">
        <v>126</v>
      </c>
      <c r="I30" s="12">
        <v>90</v>
      </c>
      <c r="J30" s="12">
        <v>136</v>
      </c>
      <c r="K30" s="12">
        <v>210</v>
      </c>
      <c r="L30" s="12">
        <v>156</v>
      </c>
      <c r="M30" s="12">
        <v>101</v>
      </c>
      <c r="N30" s="12">
        <v>144</v>
      </c>
      <c r="O30" s="12">
        <v>0</v>
      </c>
      <c r="P30" s="12">
        <v>217</v>
      </c>
      <c r="Q30" s="12">
        <v>695</v>
      </c>
      <c r="R30" s="12">
        <v>195</v>
      </c>
    </row>
    <row r="31" spans="1:18" s="4" customFormat="1" x14ac:dyDescent="0.15">
      <c r="A31" s="3"/>
      <c r="B31" s="3" t="s">
        <v>193</v>
      </c>
      <c r="C31" s="12">
        <v>257</v>
      </c>
      <c r="D31" s="12">
        <v>655</v>
      </c>
      <c r="E31" s="12">
        <v>306</v>
      </c>
      <c r="F31" s="12">
        <v>349</v>
      </c>
      <c r="G31" s="12">
        <v>138</v>
      </c>
      <c r="H31" s="12">
        <v>49</v>
      </c>
      <c r="I31" s="12">
        <v>40</v>
      </c>
      <c r="J31" s="12">
        <v>127</v>
      </c>
      <c r="K31" s="12">
        <v>133</v>
      </c>
      <c r="L31" s="12">
        <v>52</v>
      </c>
      <c r="M31" s="12">
        <v>39</v>
      </c>
      <c r="N31" s="12">
        <v>77</v>
      </c>
      <c r="O31" s="12">
        <v>0</v>
      </c>
      <c r="P31" s="12">
        <v>173</v>
      </c>
      <c r="Q31" s="12">
        <v>390</v>
      </c>
      <c r="R31" s="12">
        <v>92</v>
      </c>
    </row>
    <row r="32" spans="1:18" s="4" customFormat="1" x14ac:dyDescent="0.15">
      <c r="A32" s="3"/>
      <c r="B32" s="3" t="s">
        <v>194</v>
      </c>
      <c r="C32" s="12">
        <v>289</v>
      </c>
      <c r="D32" s="12">
        <v>623</v>
      </c>
      <c r="E32" s="12">
        <v>294</v>
      </c>
      <c r="F32" s="12">
        <v>329</v>
      </c>
      <c r="G32" s="12">
        <v>44</v>
      </c>
      <c r="H32" s="12">
        <v>63</v>
      </c>
      <c r="I32" s="12">
        <v>53</v>
      </c>
      <c r="J32" s="12">
        <v>58</v>
      </c>
      <c r="K32" s="12">
        <v>85</v>
      </c>
      <c r="L32" s="12">
        <v>98</v>
      </c>
      <c r="M32" s="12">
        <v>88</v>
      </c>
      <c r="N32" s="12">
        <v>134</v>
      </c>
      <c r="O32" s="12">
        <v>0</v>
      </c>
      <c r="P32" s="12">
        <v>81</v>
      </c>
      <c r="Q32" s="12">
        <v>368</v>
      </c>
      <c r="R32" s="12">
        <v>174</v>
      </c>
    </row>
    <row r="33" spans="1:18" s="4" customFormat="1" x14ac:dyDescent="0.15">
      <c r="A33" s="3"/>
      <c r="B33" s="3" t="s">
        <v>195</v>
      </c>
      <c r="C33" s="12">
        <v>478</v>
      </c>
      <c r="D33" s="12">
        <v>855</v>
      </c>
      <c r="E33" s="12">
        <v>408</v>
      </c>
      <c r="F33" s="12">
        <v>447</v>
      </c>
      <c r="G33" s="12">
        <v>66</v>
      </c>
      <c r="H33" s="12">
        <v>45</v>
      </c>
      <c r="I33" s="12">
        <v>80</v>
      </c>
      <c r="J33" s="12">
        <v>122</v>
      </c>
      <c r="K33" s="12">
        <v>151</v>
      </c>
      <c r="L33" s="12">
        <v>122</v>
      </c>
      <c r="M33" s="12">
        <v>85</v>
      </c>
      <c r="N33" s="12">
        <v>184</v>
      </c>
      <c r="O33" s="12">
        <v>0</v>
      </c>
      <c r="P33" s="12">
        <v>90</v>
      </c>
      <c r="Q33" s="12">
        <v>532</v>
      </c>
      <c r="R33" s="12">
        <v>233</v>
      </c>
    </row>
    <row r="34" spans="1:18" s="4" customFormat="1" x14ac:dyDescent="0.15">
      <c r="A34" s="3"/>
      <c r="B34" s="3" t="s">
        <v>196</v>
      </c>
      <c r="C34" s="12">
        <v>500</v>
      </c>
      <c r="D34" s="12">
        <v>882</v>
      </c>
      <c r="E34" s="12">
        <v>358</v>
      </c>
      <c r="F34" s="12">
        <v>524</v>
      </c>
      <c r="G34" s="12">
        <v>54</v>
      </c>
      <c r="H34" s="12">
        <v>48</v>
      </c>
      <c r="I34" s="12">
        <v>43</v>
      </c>
      <c r="J34" s="12">
        <v>95</v>
      </c>
      <c r="K34" s="12">
        <v>101</v>
      </c>
      <c r="L34" s="12">
        <v>121</v>
      </c>
      <c r="M34" s="12">
        <v>88</v>
      </c>
      <c r="N34" s="12">
        <v>332</v>
      </c>
      <c r="O34" s="12">
        <v>0</v>
      </c>
      <c r="P34" s="12">
        <v>80</v>
      </c>
      <c r="Q34" s="12">
        <v>418</v>
      </c>
      <c r="R34" s="12">
        <v>384</v>
      </c>
    </row>
    <row r="35" spans="1:18" s="4" customFormat="1" x14ac:dyDescent="0.15">
      <c r="A35" s="3"/>
      <c r="B35" s="3" t="s">
        <v>197</v>
      </c>
      <c r="C35" s="12">
        <v>653</v>
      </c>
      <c r="D35" s="12">
        <v>1328</v>
      </c>
      <c r="E35" s="12">
        <v>614</v>
      </c>
      <c r="F35" s="12">
        <v>714</v>
      </c>
      <c r="G35" s="12">
        <v>51</v>
      </c>
      <c r="H35" s="12">
        <v>87</v>
      </c>
      <c r="I35" s="12">
        <v>87</v>
      </c>
      <c r="J35" s="12">
        <v>98</v>
      </c>
      <c r="K35" s="12">
        <v>162</v>
      </c>
      <c r="L35" s="12">
        <v>154</v>
      </c>
      <c r="M35" s="12">
        <v>194</v>
      </c>
      <c r="N35" s="12">
        <v>495</v>
      </c>
      <c r="O35" s="12">
        <v>0</v>
      </c>
      <c r="P35" s="12">
        <v>95</v>
      </c>
      <c r="Q35" s="12">
        <v>635</v>
      </c>
      <c r="R35" s="12">
        <v>598</v>
      </c>
    </row>
    <row r="36" spans="1:18" s="4" customFormat="1" x14ac:dyDescent="0.15">
      <c r="A36" s="3"/>
      <c r="B36" s="3" t="s">
        <v>198</v>
      </c>
      <c r="C36" s="12">
        <v>1429</v>
      </c>
      <c r="D36" s="12">
        <v>2646</v>
      </c>
      <c r="E36" s="12">
        <v>1231</v>
      </c>
      <c r="F36" s="12">
        <v>1415</v>
      </c>
      <c r="G36" s="12">
        <v>122</v>
      </c>
      <c r="H36" s="12">
        <v>160</v>
      </c>
      <c r="I36" s="12">
        <v>169</v>
      </c>
      <c r="J36" s="12">
        <v>238</v>
      </c>
      <c r="K36" s="12">
        <v>320</v>
      </c>
      <c r="L36" s="12">
        <v>395</v>
      </c>
      <c r="M36" s="12">
        <v>447</v>
      </c>
      <c r="N36" s="12">
        <v>795</v>
      </c>
      <c r="O36" s="12">
        <v>0</v>
      </c>
      <c r="P36" s="12">
        <v>201</v>
      </c>
      <c r="Q36" s="12">
        <v>1404</v>
      </c>
      <c r="R36" s="12">
        <v>1041</v>
      </c>
    </row>
    <row r="37" spans="1:18" s="4" customFormat="1" x14ac:dyDescent="0.15">
      <c r="A37" s="3"/>
      <c r="B37" s="3" t="s">
        <v>199</v>
      </c>
      <c r="C37" s="12">
        <v>711</v>
      </c>
      <c r="D37" s="12">
        <v>1749</v>
      </c>
      <c r="E37" s="12">
        <v>840</v>
      </c>
      <c r="F37" s="12">
        <v>909</v>
      </c>
      <c r="G37" s="12">
        <v>345</v>
      </c>
      <c r="H37" s="12">
        <v>92</v>
      </c>
      <c r="I37" s="12">
        <v>153</v>
      </c>
      <c r="J37" s="12">
        <v>475</v>
      </c>
      <c r="K37" s="12">
        <v>257</v>
      </c>
      <c r="L37" s="12">
        <v>138</v>
      </c>
      <c r="M37" s="12">
        <v>116</v>
      </c>
      <c r="N37" s="12">
        <v>173</v>
      </c>
      <c r="O37" s="12">
        <v>0</v>
      </c>
      <c r="P37" s="12">
        <v>405</v>
      </c>
      <c r="Q37" s="12">
        <v>1114</v>
      </c>
      <c r="R37" s="12">
        <v>230</v>
      </c>
    </row>
    <row r="38" spans="1:18" s="4" customFormat="1" x14ac:dyDescent="0.15">
      <c r="A38" s="3"/>
      <c r="B38" s="3" t="s">
        <v>200</v>
      </c>
      <c r="C38" s="12">
        <v>415</v>
      </c>
      <c r="D38" s="12">
        <v>921</v>
      </c>
      <c r="E38" s="12">
        <v>456</v>
      </c>
      <c r="F38" s="12">
        <v>465</v>
      </c>
      <c r="G38" s="12">
        <v>100</v>
      </c>
      <c r="H38" s="12">
        <v>68</v>
      </c>
      <c r="I38" s="12">
        <v>106</v>
      </c>
      <c r="J38" s="12">
        <v>149</v>
      </c>
      <c r="K38" s="12">
        <v>164</v>
      </c>
      <c r="L38" s="12">
        <v>128</v>
      </c>
      <c r="M38" s="12">
        <v>122</v>
      </c>
      <c r="N38" s="12">
        <v>84</v>
      </c>
      <c r="O38" s="12">
        <v>0</v>
      </c>
      <c r="P38" s="12">
        <v>140</v>
      </c>
      <c r="Q38" s="12">
        <v>634</v>
      </c>
      <c r="R38" s="12">
        <v>147</v>
      </c>
    </row>
    <row r="39" spans="1:18" s="4" customFormat="1" x14ac:dyDescent="0.15">
      <c r="A39" s="3"/>
      <c r="B39" s="3" t="s">
        <v>201</v>
      </c>
      <c r="C39" s="12">
        <v>2040</v>
      </c>
      <c r="D39" s="12">
        <v>4067</v>
      </c>
      <c r="E39" s="12">
        <v>1871</v>
      </c>
      <c r="F39" s="12">
        <v>2196</v>
      </c>
      <c r="G39" s="12">
        <v>450</v>
      </c>
      <c r="H39" s="12">
        <v>311</v>
      </c>
      <c r="I39" s="12">
        <v>389</v>
      </c>
      <c r="J39" s="12">
        <v>625</v>
      </c>
      <c r="K39" s="12">
        <v>804</v>
      </c>
      <c r="L39" s="12">
        <v>565</v>
      </c>
      <c r="M39" s="12">
        <v>401</v>
      </c>
      <c r="N39" s="12">
        <v>522</v>
      </c>
      <c r="O39" s="12">
        <v>0</v>
      </c>
      <c r="P39" s="12">
        <v>641</v>
      </c>
      <c r="Q39" s="12">
        <v>2714</v>
      </c>
      <c r="R39" s="12">
        <v>712</v>
      </c>
    </row>
    <row r="40" spans="1:18" s="4" customFormat="1" x14ac:dyDescent="0.15">
      <c r="A40" s="3"/>
      <c r="B40" s="3" t="s">
        <v>202</v>
      </c>
      <c r="C40" s="12">
        <v>378</v>
      </c>
      <c r="D40" s="12">
        <v>728</v>
      </c>
      <c r="E40" s="12">
        <v>369</v>
      </c>
      <c r="F40" s="12">
        <v>359</v>
      </c>
      <c r="G40" s="12">
        <v>54</v>
      </c>
      <c r="H40" s="12">
        <v>49</v>
      </c>
      <c r="I40" s="12">
        <v>106</v>
      </c>
      <c r="J40" s="12">
        <v>113</v>
      </c>
      <c r="K40" s="12">
        <v>112</v>
      </c>
      <c r="L40" s="12">
        <v>112</v>
      </c>
      <c r="M40" s="12">
        <v>77</v>
      </c>
      <c r="N40" s="12">
        <v>105</v>
      </c>
      <c r="O40" s="12">
        <v>0</v>
      </c>
      <c r="P40" s="12">
        <v>68</v>
      </c>
      <c r="Q40" s="12">
        <v>511</v>
      </c>
      <c r="R40" s="12">
        <v>149</v>
      </c>
    </row>
    <row r="41" spans="1:18" s="4" customFormat="1" x14ac:dyDescent="0.15">
      <c r="A41" s="3"/>
      <c r="B41" s="3" t="s">
        <v>203</v>
      </c>
      <c r="C41" s="12">
        <v>340</v>
      </c>
      <c r="D41" s="12">
        <v>677</v>
      </c>
      <c r="E41" s="12">
        <v>355</v>
      </c>
      <c r="F41" s="12">
        <v>322</v>
      </c>
      <c r="G41" s="12">
        <v>47</v>
      </c>
      <c r="H41" s="12">
        <v>38</v>
      </c>
      <c r="I41" s="12">
        <v>93</v>
      </c>
      <c r="J41" s="12">
        <v>82</v>
      </c>
      <c r="K41" s="12">
        <v>87</v>
      </c>
      <c r="L41" s="12">
        <v>109</v>
      </c>
      <c r="M41" s="12">
        <v>90</v>
      </c>
      <c r="N41" s="12">
        <v>131</v>
      </c>
      <c r="O41" s="12">
        <v>0</v>
      </c>
      <c r="P41" s="12">
        <v>62</v>
      </c>
      <c r="Q41" s="12">
        <v>442</v>
      </c>
      <c r="R41" s="12">
        <v>173</v>
      </c>
    </row>
    <row r="42" spans="1:18" s="4" customFormat="1" x14ac:dyDescent="0.15">
      <c r="A42" s="3"/>
      <c r="B42" s="3" t="s">
        <v>204</v>
      </c>
      <c r="C42" s="12">
        <v>429</v>
      </c>
      <c r="D42" s="12">
        <v>814</v>
      </c>
      <c r="E42" s="12">
        <v>385</v>
      </c>
      <c r="F42" s="12">
        <v>429</v>
      </c>
      <c r="G42" s="12">
        <v>59</v>
      </c>
      <c r="H42" s="12">
        <v>60</v>
      </c>
      <c r="I42" s="12">
        <v>138</v>
      </c>
      <c r="J42" s="12">
        <v>93</v>
      </c>
      <c r="K42" s="12">
        <v>111</v>
      </c>
      <c r="L42" s="12">
        <v>116</v>
      </c>
      <c r="M42" s="12">
        <v>82</v>
      </c>
      <c r="N42" s="12">
        <v>155</v>
      </c>
      <c r="O42" s="12">
        <v>0</v>
      </c>
      <c r="P42" s="12">
        <v>86</v>
      </c>
      <c r="Q42" s="12">
        <v>534</v>
      </c>
      <c r="R42" s="12">
        <v>194</v>
      </c>
    </row>
    <row r="43" spans="1:18" s="4" customFormat="1" x14ac:dyDescent="0.15">
      <c r="A43" s="3"/>
      <c r="B43" s="3" t="s">
        <v>205</v>
      </c>
      <c r="C43" s="12">
        <v>823</v>
      </c>
      <c r="D43" s="12">
        <v>1442</v>
      </c>
      <c r="E43" s="12">
        <v>681</v>
      </c>
      <c r="F43" s="12">
        <v>761</v>
      </c>
      <c r="G43" s="12">
        <v>116</v>
      </c>
      <c r="H43" s="12">
        <v>83</v>
      </c>
      <c r="I43" s="12">
        <v>300</v>
      </c>
      <c r="J43" s="12">
        <v>230</v>
      </c>
      <c r="K43" s="12">
        <v>216</v>
      </c>
      <c r="L43" s="12">
        <v>161</v>
      </c>
      <c r="M43" s="12">
        <v>100</v>
      </c>
      <c r="N43" s="12">
        <v>236</v>
      </c>
      <c r="O43" s="12">
        <v>0</v>
      </c>
      <c r="P43" s="12">
        <v>149</v>
      </c>
      <c r="Q43" s="12">
        <v>1009</v>
      </c>
      <c r="R43" s="12">
        <v>284</v>
      </c>
    </row>
    <row r="44" spans="1:18" s="4" customFormat="1" x14ac:dyDescent="0.15">
      <c r="A44" s="3"/>
      <c r="B44" s="3" t="s">
        <v>206</v>
      </c>
      <c r="C44" s="12">
        <v>256</v>
      </c>
      <c r="D44" s="12">
        <v>314</v>
      </c>
      <c r="E44" s="12">
        <v>249</v>
      </c>
      <c r="F44" s="12">
        <v>65</v>
      </c>
      <c r="G44" s="12">
        <v>11</v>
      </c>
      <c r="H44" s="12">
        <v>18</v>
      </c>
      <c r="I44" s="12">
        <v>171</v>
      </c>
      <c r="J44" s="12">
        <v>42</v>
      </c>
      <c r="K44" s="12">
        <v>39</v>
      </c>
      <c r="L44" s="12">
        <v>31</v>
      </c>
      <c r="M44" s="12">
        <v>2</v>
      </c>
      <c r="N44" s="12">
        <v>0</v>
      </c>
      <c r="O44" s="12">
        <v>0</v>
      </c>
      <c r="P44" s="12">
        <v>19</v>
      </c>
      <c r="Q44" s="12">
        <v>295</v>
      </c>
      <c r="R44" s="12">
        <v>0</v>
      </c>
    </row>
    <row r="45" spans="1:18" s="4" customFormat="1" x14ac:dyDescent="0.15">
      <c r="A45" s="3"/>
      <c r="B45" s="3" t="s">
        <v>207</v>
      </c>
      <c r="C45" s="12">
        <v>331</v>
      </c>
      <c r="D45" s="12">
        <v>674</v>
      </c>
      <c r="E45" s="12">
        <v>309</v>
      </c>
      <c r="F45" s="12">
        <v>365</v>
      </c>
      <c r="G45" s="12">
        <v>38</v>
      </c>
      <c r="H45" s="12">
        <v>40</v>
      </c>
      <c r="I45" s="12">
        <v>43</v>
      </c>
      <c r="J45" s="12">
        <v>71</v>
      </c>
      <c r="K45" s="12">
        <v>71</v>
      </c>
      <c r="L45" s="12">
        <v>97</v>
      </c>
      <c r="M45" s="12">
        <v>121</v>
      </c>
      <c r="N45" s="12">
        <v>193</v>
      </c>
      <c r="O45" s="12">
        <v>0</v>
      </c>
      <c r="P45" s="12">
        <v>59</v>
      </c>
      <c r="Q45" s="12">
        <v>356</v>
      </c>
      <c r="R45" s="12">
        <v>259</v>
      </c>
    </row>
    <row r="46" spans="1:18" s="4" customFormat="1" x14ac:dyDescent="0.15">
      <c r="A46" s="3"/>
      <c r="B46" s="3" t="s">
        <v>208</v>
      </c>
      <c r="C46" s="12">
        <v>475</v>
      </c>
      <c r="D46" s="12">
        <v>1039</v>
      </c>
      <c r="E46" s="12">
        <v>486</v>
      </c>
      <c r="F46" s="12">
        <v>553</v>
      </c>
      <c r="G46" s="12">
        <v>80</v>
      </c>
      <c r="H46" s="12">
        <v>104</v>
      </c>
      <c r="I46" s="12">
        <v>77</v>
      </c>
      <c r="J46" s="12">
        <v>89</v>
      </c>
      <c r="K46" s="12">
        <v>184</v>
      </c>
      <c r="L46" s="12">
        <v>182</v>
      </c>
      <c r="M46" s="12">
        <v>108</v>
      </c>
      <c r="N46" s="12">
        <v>215</v>
      </c>
      <c r="O46" s="12">
        <v>0</v>
      </c>
      <c r="P46" s="12">
        <v>140</v>
      </c>
      <c r="Q46" s="12">
        <v>635</v>
      </c>
      <c r="R46" s="12">
        <v>264</v>
      </c>
    </row>
    <row r="47" spans="1:18" s="4" customFormat="1" x14ac:dyDescent="0.15">
      <c r="A47" s="3"/>
      <c r="B47" s="3" t="s">
        <v>209</v>
      </c>
      <c r="C47" s="12">
        <v>109</v>
      </c>
      <c r="D47" s="12">
        <v>197</v>
      </c>
      <c r="E47" s="12">
        <v>93</v>
      </c>
      <c r="F47" s="12">
        <v>104</v>
      </c>
      <c r="G47" s="12">
        <v>22</v>
      </c>
      <c r="H47" s="12">
        <v>10</v>
      </c>
      <c r="I47" s="12">
        <v>31</v>
      </c>
      <c r="J47" s="12">
        <v>27</v>
      </c>
      <c r="K47" s="12">
        <v>34</v>
      </c>
      <c r="L47" s="12">
        <v>18</v>
      </c>
      <c r="M47" s="12">
        <v>23</v>
      </c>
      <c r="N47" s="12">
        <v>32</v>
      </c>
      <c r="O47" s="12">
        <v>0</v>
      </c>
      <c r="P47" s="12">
        <v>30</v>
      </c>
      <c r="Q47" s="12">
        <v>120</v>
      </c>
      <c r="R47" s="12">
        <v>47</v>
      </c>
    </row>
    <row r="48" spans="1:18" s="4" customFormat="1" x14ac:dyDescent="0.15">
      <c r="A48" s="3"/>
      <c r="B48" s="3" t="s">
        <v>210</v>
      </c>
      <c r="C48" s="12">
        <v>577</v>
      </c>
      <c r="D48" s="12">
        <v>1144</v>
      </c>
      <c r="E48" s="12">
        <v>565</v>
      </c>
      <c r="F48" s="12">
        <v>579</v>
      </c>
      <c r="G48" s="12">
        <v>144</v>
      </c>
      <c r="H48" s="12">
        <v>68</v>
      </c>
      <c r="I48" s="12">
        <v>108</v>
      </c>
      <c r="J48" s="12">
        <v>214</v>
      </c>
      <c r="K48" s="12">
        <v>160</v>
      </c>
      <c r="L48" s="12">
        <v>119</v>
      </c>
      <c r="M48" s="12">
        <v>100</v>
      </c>
      <c r="N48" s="12">
        <v>231</v>
      </c>
      <c r="O48" s="12">
        <v>0</v>
      </c>
      <c r="P48" s="12">
        <v>178</v>
      </c>
      <c r="Q48" s="12">
        <v>684</v>
      </c>
      <c r="R48" s="12">
        <v>282</v>
      </c>
    </row>
    <row r="49" spans="1:18" s="4" customFormat="1" x14ac:dyDescent="0.15">
      <c r="A49" s="3"/>
      <c r="B49" s="3" t="s">
        <v>211</v>
      </c>
      <c r="C49" s="12">
        <v>792</v>
      </c>
      <c r="D49" s="12">
        <v>1418</v>
      </c>
      <c r="E49" s="12">
        <v>697</v>
      </c>
      <c r="F49" s="12">
        <v>721</v>
      </c>
      <c r="G49" s="12">
        <v>109</v>
      </c>
      <c r="H49" s="12">
        <v>91</v>
      </c>
      <c r="I49" s="12">
        <v>199</v>
      </c>
      <c r="J49" s="12">
        <v>210</v>
      </c>
      <c r="K49" s="12">
        <v>222</v>
      </c>
      <c r="L49" s="12">
        <v>204</v>
      </c>
      <c r="M49" s="12">
        <v>112</v>
      </c>
      <c r="N49" s="12">
        <v>271</v>
      </c>
      <c r="O49" s="12">
        <v>0</v>
      </c>
      <c r="P49" s="12">
        <v>153</v>
      </c>
      <c r="Q49" s="12">
        <v>939</v>
      </c>
      <c r="R49" s="12">
        <v>326</v>
      </c>
    </row>
    <row r="50" spans="1:18" s="4" customFormat="1" x14ac:dyDescent="0.15">
      <c r="A50" s="3"/>
      <c r="B50" s="3" t="s">
        <v>212</v>
      </c>
      <c r="C50" s="12">
        <v>1369</v>
      </c>
      <c r="D50" s="12">
        <v>2335</v>
      </c>
      <c r="E50" s="12">
        <v>1105</v>
      </c>
      <c r="F50" s="12">
        <v>1230</v>
      </c>
      <c r="G50" s="12">
        <v>146</v>
      </c>
      <c r="H50" s="12">
        <v>138</v>
      </c>
      <c r="I50" s="12">
        <v>339</v>
      </c>
      <c r="J50" s="12">
        <v>400</v>
      </c>
      <c r="K50" s="12">
        <v>338</v>
      </c>
      <c r="L50" s="12">
        <v>328</v>
      </c>
      <c r="M50" s="12">
        <v>225</v>
      </c>
      <c r="N50" s="12">
        <v>421</v>
      </c>
      <c r="O50" s="12">
        <v>0</v>
      </c>
      <c r="P50" s="12">
        <v>212</v>
      </c>
      <c r="Q50" s="12">
        <v>1596</v>
      </c>
      <c r="R50" s="12">
        <v>527</v>
      </c>
    </row>
    <row r="51" spans="1:18" s="4" customFormat="1" x14ac:dyDescent="0.15">
      <c r="A51" s="3"/>
      <c r="B51" s="3" t="s">
        <v>213</v>
      </c>
      <c r="C51" s="12">
        <v>444</v>
      </c>
      <c r="D51" s="12">
        <v>802</v>
      </c>
      <c r="E51" s="12">
        <v>389</v>
      </c>
      <c r="F51" s="12">
        <v>413</v>
      </c>
      <c r="G51" s="12">
        <v>44</v>
      </c>
      <c r="H51" s="12">
        <v>57</v>
      </c>
      <c r="I51" s="12">
        <v>89</v>
      </c>
      <c r="J51" s="12">
        <v>93</v>
      </c>
      <c r="K51" s="12">
        <v>122</v>
      </c>
      <c r="L51" s="12">
        <v>127</v>
      </c>
      <c r="M51" s="12">
        <v>104</v>
      </c>
      <c r="N51" s="12">
        <v>166</v>
      </c>
      <c r="O51" s="12">
        <v>0</v>
      </c>
      <c r="P51" s="12">
        <v>82</v>
      </c>
      <c r="Q51" s="12">
        <v>504</v>
      </c>
      <c r="R51" s="12">
        <v>216</v>
      </c>
    </row>
    <row r="52" spans="1:18" s="4" customFormat="1" x14ac:dyDescent="0.15">
      <c r="A52" s="3"/>
      <c r="B52" s="3" t="s">
        <v>214</v>
      </c>
      <c r="C52" s="12">
        <v>277</v>
      </c>
      <c r="D52" s="12">
        <v>545</v>
      </c>
      <c r="E52" s="12">
        <v>259</v>
      </c>
      <c r="F52" s="12">
        <v>286</v>
      </c>
      <c r="G52" s="12">
        <v>39</v>
      </c>
      <c r="H52" s="12">
        <v>29</v>
      </c>
      <c r="I52" s="12">
        <v>44</v>
      </c>
      <c r="J52" s="12">
        <v>52</v>
      </c>
      <c r="K52" s="12">
        <v>65</v>
      </c>
      <c r="L52" s="12">
        <v>87</v>
      </c>
      <c r="M52" s="12">
        <v>81</v>
      </c>
      <c r="N52" s="12">
        <v>148</v>
      </c>
      <c r="O52" s="12">
        <v>0</v>
      </c>
      <c r="P52" s="12">
        <v>50</v>
      </c>
      <c r="Q52" s="12">
        <v>306</v>
      </c>
      <c r="R52" s="12">
        <v>189</v>
      </c>
    </row>
    <row r="53" spans="1:18" s="4" customFormat="1" x14ac:dyDescent="0.15">
      <c r="A53" s="3"/>
      <c r="B53" s="3" t="s">
        <v>215</v>
      </c>
      <c r="C53" s="12">
        <v>421</v>
      </c>
      <c r="D53" s="12">
        <v>825</v>
      </c>
      <c r="E53" s="12">
        <v>433</v>
      </c>
      <c r="F53" s="12">
        <v>392</v>
      </c>
      <c r="G53" s="12">
        <v>94</v>
      </c>
      <c r="H53" s="12">
        <v>52</v>
      </c>
      <c r="I53" s="12">
        <v>93</v>
      </c>
      <c r="J53" s="12">
        <v>137</v>
      </c>
      <c r="K53" s="12">
        <v>118</v>
      </c>
      <c r="L53" s="12">
        <v>101</v>
      </c>
      <c r="M53" s="12">
        <v>71</v>
      </c>
      <c r="N53" s="12">
        <v>159</v>
      </c>
      <c r="O53" s="12">
        <v>0</v>
      </c>
      <c r="P53" s="12">
        <v>123</v>
      </c>
      <c r="Q53" s="12">
        <v>508</v>
      </c>
      <c r="R53" s="12">
        <v>194</v>
      </c>
    </row>
    <row r="54" spans="1:18" s="4" customFormat="1" x14ac:dyDescent="0.15">
      <c r="A54" s="3"/>
      <c r="B54" s="3" t="s">
        <v>216</v>
      </c>
      <c r="C54" s="12">
        <v>1078</v>
      </c>
      <c r="D54" s="12">
        <v>2430</v>
      </c>
      <c r="E54" s="12">
        <v>1167</v>
      </c>
      <c r="F54" s="12">
        <v>1263</v>
      </c>
      <c r="G54" s="12">
        <v>240</v>
      </c>
      <c r="H54" s="12">
        <v>250</v>
      </c>
      <c r="I54" s="12">
        <v>199</v>
      </c>
      <c r="J54" s="12">
        <v>294</v>
      </c>
      <c r="K54" s="12">
        <v>356</v>
      </c>
      <c r="L54" s="12">
        <v>398</v>
      </c>
      <c r="M54" s="12">
        <v>292</v>
      </c>
      <c r="N54" s="12">
        <v>401</v>
      </c>
      <c r="O54" s="12">
        <v>0</v>
      </c>
      <c r="P54" s="12">
        <v>367</v>
      </c>
      <c r="Q54" s="12">
        <v>1527</v>
      </c>
      <c r="R54" s="12">
        <v>536</v>
      </c>
    </row>
    <row r="55" spans="1:18" s="4" customFormat="1" x14ac:dyDescent="0.15">
      <c r="A55" s="3"/>
      <c r="B55" s="3" t="s">
        <v>217</v>
      </c>
      <c r="C55" s="12">
        <v>1182</v>
      </c>
      <c r="D55" s="12">
        <v>2481</v>
      </c>
      <c r="E55" s="12">
        <v>1167</v>
      </c>
      <c r="F55" s="12">
        <v>1314</v>
      </c>
      <c r="G55" s="12">
        <v>286</v>
      </c>
      <c r="H55" s="12">
        <v>194</v>
      </c>
      <c r="I55" s="12">
        <v>262</v>
      </c>
      <c r="J55" s="12">
        <v>300</v>
      </c>
      <c r="K55" s="12">
        <v>434</v>
      </c>
      <c r="L55" s="12">
        <v>349</v>
      </c>
      <c r="M55" s="12">
        <v>277</v>
      </c>
      <c r="N55" s="12">
        <v>379</v>
      </c>
      <c r="O55" s="12">
        <v>0</v>
      </c>
      <c r="P55" s="12">
        <v>387</v>
      </c>
      <c r="Q55" s="12">
        <v>1568</v>
      </c>
      <c r="R55" s="12">
        <v>526</v>
      </c>
    </row>
    <row r="56" spans="1:18" s="4" customFormat="1" x14ac:dyDescent="0.15">
      <c r="A56" s="3"/>
      <c r="B56" s="3" t="s">
        <v>218</v>
      </c>
      <c r="C56" s="12">
        <v>699</v>
      </c>
      <c r="D56" s="12">
        <v>1342</v>
      </c>
      <c r="E56" s="12">
        <v>652</v>
      </c>
      <c r="F56" s="12">
        <v>690</v>
      </c>
      <c r="G56" s="12">
        <v>121</v>
      </c>
      <c r="H56" s="12">
        <v>110</v>
      </c>
      <c r="I56" s="12">
        <v>128</v>
      </c>
      <c r="J56" s="12">
        <v>155</v>
      </c>
      <c r="K56" s="12">
        <v>206</v>
      </c>
      <c r="L56" s="12">
        <v>218</v>
      </c>
      <c r="M56" s="12">
        <v>140</v>
      </c>
      <c r="N56" s="12">
        <v>264</v>
      </c>
      <c r="O56" s="12">
        <v>0</v>
      </c>
      <c r="P56" s="12">
        <v>181</v>
      </c>
      <c r="Q56" s="12">
        <v>831</v>
      </c>
      <c r="R56" s="12">
        <v>330</v>
      </c>
    </row>
    <row r="57" spans="1:18" s="4" customFormat="1" x14ac:dyDescent="0.15">
      <c r="A57" s="3"/>
      <c r="B57" s="3" t="s">
        <v>219</v>
      </c>
      <c r="C57" s="12">
        <v>702</v>
      </c>
      <c r="D57" s="12">
        <v>1374</v>
      </c>
      <c r="E57" s="12">
        <v>669</v>
      </c>
      <c r="F57" s="12">
        <v>705</v>
      </c>
      <c r="G57" s="12">
        <v>120</v>
      </c>
      <c r="H57" s="12">
        <v>106</v>
      </c>
      <c r="I57" s="12">
        <v>156</v>
      </c>
      <c r="J57" s="12">
        <v>222</v>
      </c>
      <c r="K57" s="12">
        <v>214</v>
      </c>
      <c r="L57" s="12">
        <v>170</v>
      </c>
      <c r="M57" s="12">
        <v>128</v>
      </c>
      <c r="N57" s="12">
        <v>258</v>
      </c>
      <c r="O57" s="12">
        <v>0</v>
      </c>
      <c r="P57" s="12">
        <v>180</v>
      </c>
      <c r="Q57" s="12">
        <v>877</v>
      </c>
      <c r="R57" s="12">
        <v>317</v>
      </c>
    </row>
    <row r="58" spans="1:18" s="4" customFormat="1" x14ac:dyDescent="0.15">
      <c r="A58" s="3"/>
      <c r="B58" s="3" t="s">
        <v>220</v>
      </c>
      <c r="C58" s="12">
        <v>1647</v>
      </c>
      <c r="D58" s="12">
        <v>2940</v>
      </c>
      <c r="E58" s="12">
        <v>1423</v>
      </c>
      <c r="F58" s="12">
        <v>1517</v>
      </c>
      <c r="G58" s="12">
        <v>176</v>
      </c>
      <c r="H58" s="12">
        <v>217</v>
      </c>
      <c r="I58" s="12">
        <v>385</v>
      </c>
      <c r="J58" s="12">
        <v>372</v>
      </c>
      <c r="K58" s="12">
        <v>450</v>
      </c>
      <c r="L58" s="12">
        <v>434</v>
      </c>
      <c r="M58" s="12">
        <v>337</v>
      </c>
      <c r="N58" s="12">
        <v>569</v>
      </c>
      <c r="O58" s="12">
        <v>0</v>
      </c>
      <c r="P58" s="12">
        <v>279</v>
      </c>
      <c r="Q58" s="12">
        <v>1934</v>
      </c>
      <c r="R58" s="12">
        <v>727</v>
      </c>
    </row>
    <row r="59" spans="1:18" s="4" customFormat="1" x14ac:dyDescent="0.15">
      <c r="A59" s="3"/>
      <c r="B59" s="3" t="s">
        <v>221</v>
      </c>
      <c r="C59" s="12">
        <v>201</v>
      </c>
      <c r="D59" s="12">
        <v>310</v>
      </c>
      <c r="E59" s="12">
        <v>138</v>
      </c>
      <c r="F59" s="12">
        <v>172</v>
      </c>
      <c r="G59" s="12">
        <v>19</v>
      </c>
      <c r="H59" s="12">
        <v>13</v>
      </c>
      <c r="I59" s="12">
        <v>38</v>
      </c>
      <c r="J59" s="12">
        <v>52</v>
      </c>
      <c r="K59" s="12">
        <v>55</v>
      </c>
      <c r="L59" s="12">
        <v>37</v>
      </c>
      <c r="M59" s="12">
        <v>21</v>
      </c>
      <c r="N59" s="12">
        <v>75</v>
      </c>
      <c r="O59" s="12">
        <v>0</v>
      </c>
      <c r="P59" s="12">
        <v>24</v>
      </c>
      <c r="Q59" s="12">
        <v>200</v>
      </c>
      <c r="R59" s="12">
        <v>86</v>
      </c>
    </row>
    <row r="60" spans="1:18" s="4" customFormat="1" x14ac:dyDescent="0.15">
      <c r="A60" s="3"/>
      <c r="B60" s="3" t="s">
        <v>222</v>
      </c>
      <c r="C60" s="12">
        <v>501</v>
      </c>
      <c r="D60" s="12">
        <v>698</v>
      </c>
      <c r="E60" s="12">
        <v>377</v>
      </c>
      <c r="F60" s="12">
        <v>321</v>
      </c>
      <c r="G60" s="12">
        <v>40</v>
      </c>
      <c r="H60" s="12">
        <v>24</v>
      </c>
      <c r="I60" s="12">
        <v>142</v>
      </c>
      <c r="J60" s="12">
        <v>160</v>
      </c>
      <c r="K60" s="12">
        <v>120</v>
      </c>
      <c r="L60" s="12">
        <v>80</v>
      </c>
      <c r="M60" s="12">
        <v>43</v>
      </c>
      <c r="N60" s="12">
        <v>89</v>
      </c>
      <c r="O60" s="12">
        <v>0</v>
      </c>
      <c r="P60" s="12">
        <v>55</v>
      </c>
      <c r="Q60" s="12">
        <v>530</v>
      </c>
      <c r="R60" s="12">
        <v>113</v>
      </c>
    </row>
    <row r="61" spans="1:18" s="4" customFormat="1" x14ac:dyDescent="0.15">
      <c r="A61" s="3"/>
      <c r="B61" s="3" t="s">
        <v>223</v>
      </c>
      <c r="C61" s="12">
        <v>1506</v>
      </c>
      <c r="D61" s="12">
        <v>2256</v>
      </c>
      <c r="E61" s="12">
        <v>1077</v>
      </c>
      <c r="F61" s="12">
        <v>1179</v>
      </c>
      <c r="G61" s="12">
        <v>108</v>
      </c>
      <c r="H61" s="12">
        <v>125</v>
      </c>
      <c r="I61" s="12">
        <v>354</v>
      </c>
      <c r="J61" s="12">
        <v>381</v>
      </c>
      <c r="K61" s="12">
        <v>374</v>
      </c>
      <c r="L61" s="12">
        <v>278</v>
      </c>
      <c r="M61" s="12">
        <v>223</v>
      </c>
      <c r="N61" s="12">
        <v>413</v>
      </c>
      <c r="O61" s="12">
        <v>0</v>
      </c>
      <c r="P61" s="12">
        <v>178</v>
      </c>
      <c r="Q61" s="12">
        <v>1543</v>
      </c>
      <c r="R61" s="12">
        <v>535</v>
      </c>
    </row>
    <row r="62" spans="1:18" s="4" customFormat="1" x14ac:dyDescent="0.15">
      <c r="A62" s="3"/>
      <c r="B62" s="3" t="s">
        <v>224</v>
      </c>
      <c r="C62" s="12">
        <v>118</v>
      </c>
      <c r="D62" s="12">
        <v>177</v>
      </c>
      <c r="E62" s="12">
        <v>80</v>
      </c>
      <c r="F62" s="12">
        <v>97</v>
      </c>
      <c r="G62" s="12">
        <v>2</v>
      </c>
      <c r="H62" s="12">
        <v>3</v>
      </c>
      <c r="I62" s="12">
        <v>20</v>
      </c>
      <c r="J62" s="12">
        <v>22</v>
      </c>
      <c r="K62" s="12">
        <v>16</v>
      </c>
      <c r="L62" s="12">
        <v>17</v>
      </c>
      <c r="M62" s="12">
        <v>26</v>
      </c>
      <c r="N62" s="12">
        <v>71</v>
      </c>
      <c r="O62" s="12">
        <v>0</v>
      </c>
      <c r="P62" s="12">
        <v>2</v>
      </c>
      <c r="Q62" s="12">
        <v>88</v>
      </c>
      <c r="R62" s="12">
        <v>87</v>
      </c>
    </row>
    <row r="63" spans="1:18" s="4" customFormat="1" x14ac:dyDescent="0.15">
      <c r="A63" s="3"/>
      <c r="B63" s="3" t="s">
        <v>225</v>
      </c>
      <c r="C63" s="12">
        <v>1</v>
      </c>
      <c r="D63" s="12">
        <v>4</v>
      </c>
      <c r="E63" s="12">
        <v>2</v>
      </c>
      <c r="F63" s="12">
        <v>2</v>
      </c>
      <c r="G63" s="12" t="s">
        <v>132</v>
      </c>
      <c r="H63" s="12" t="s">
        <v>132</v>
      </c>
      <c r="I63" s="12" t="s">
        <v>132</v>
      </c>
      <c r="J63" s="12" t="s">
        <v>132</v>
      </c>
      <c r="K63" s="12" t="s">
        <v>132</v>
      </c>
      <c r="L63" s="12" t="s">
        <v>132</v>
      </c>
      <c r="M63" s="12" t="s">
        <v>132</v>
      </c>
      <c r="N63" s="12" t="s">
        <v>132</v>
      </c>
      <c r="O63" s="12" t="s">
        <v>132</v>
      </c>
      <c r="P63" s="12" t="s">
        <v>132</v>
      </c>
      <c r="Q63" s="12" t="s">
        <v>132</v>
      </c>
      <c r="R63" s="12" t="s">
        <v>132</v>
      </c>
    </row>
    <row r="64" spans="1:18" s="4" customFormat="1" x14ac:dyDescent="0.15">
      <c r="A64" s="3"/>
      <c r="B64" s="3" t="s">
        <v>226</v>
      </c>
      <c r="C64" s="12">
        <v>389</v>
      </c>
      <c r="D64" s="12">
        <v>699</v>
      </c>
      <c r="E64" s="12">
        <v>344</v>
      </c>
      <c r="F64" s="12">
        <v>355</v>
      </c>
      <c r="G64" s="12">
        <v>46</v>
      </c>
      <c r="H64" s="12">
        <v>65</v>
      </c>
      <c r="I64" s="12">
        <v>73</v>
      </c>
      <c r="J64" s="12">
        <v>96</v>
      </c>
      <c r="K64" s="12">
        <v>103</v>
      </c>
      <c r="L64" s="12">
        <v>85</v>
      </c>
      <c r="M64" s="12">
        <v>84</v>
      </c>
      <c r="N64" s="12">
        <v>147</v>
      </c>
      <c r="O64" s="12">
        <v>0</v>
      </c>
      <c r="P64" s="12">
        <v>81</v>
      </c>
      <c r="Q64" s="12">
        <v>426</v>
      </c>
      <c r="R64" s="12">
        <v>192</v>
      </c>
    </row>
    <row r="65" spans="1:18" s="4" customFormat="1" x14ac:dyDescent="0.15">
      <c r="A65" s="3"/>
      <c r="B65" s="3" t="s">
        <v>227</v>
      </c>
      <c r="C65" s="12">
        <v>457</v>
      </c>
      <c r="D65" s="12">
        <v>833</v>
      </c>
      <c r="E65" s="12">
        <v>352</v>
      </c>
      <c r="F65" s="12">
        <v>481</v>
      </c>
      <c r="G65" s="12">
        <v>41</v>
      </c>
      <c r="H65" s="12">
        <v>59</v>
      </c>
      <c r="I65" s="12">
        <v>61</v>
      </c>
      <c r="J65" s="12">
        <v>81</v>
      </c>
      <c r="K65" s="12">
        <v>73</v>
      </c>
      <c r="L65" s="12">
        <v>84</v>
      </c>
      <c r="M65" s="12">
        <v>146</v>
      </c>
      <c r="N65" s="12">
        <v>288</v>
      </c>
      <c r="O65" s="12">
        <v>0</v>
      </c>
      <c r="P65" s="12">
        <v>63</v>
      </c>
      <c r="Q65" s="12">
        <v>397</v>
      </c>
      <c r="R65" s="12">
        <v>373</v>
      </c>
    </row>
    <row r="66" spans="1:18" s="4" customFormat="1" x14ac:dyDescent="0.15">
      <c r="A66" s="3"/>
      <c r="B66" s="3" t="s">
        <v>228</v>
      </c>
      <c r="C66" s="12">
        <v>244</v>
      </c>
      <c r="D66" s="12">
        <v>635</v>
      </c>
      <c r="E66" s="12">
        <v>310</v>
      </c>
      <c r="F66" s="12">
        <v>325</v>
      </c>
      <c r="G66" s="12">
        <v>45</v>
      </c>
      <c r="H66" s="12">
        <v>103</v>
      </c>
      <c r="I66" s="12">
        <v>38</v>
      </c>
      <c r="J66" s="12">
        <v>38</v>
      </c>
      <c r="K66" s="12">
        <v>137</v>
      </c>
      <c r="L66" s="12">
        <v>134</v>
      </c>
      <c r="M66" s="12">
        <v>70</v>
      </c>
      <c r="N66" s="12">
        <v>70</v>
      </c>
      <c r="O66" s="12">
        <v>0</v>
      </c>
      <c r="P66" s="12">
        <v>100</v>
      </c>
      <c r="Q66" s="12">
        <v>434</v>
      </c>
      <c r="R66" s="12">
        <v>101</v>
      </c>
    </row>
    <row r="67" spans="1:18" s="4" customFormat="1" x14ac:dyDescent="0.15">
      <c r="A67" s="3"/>
      <c r="B67" s="3" t="s">
        <v>229</v>
      </c>
      <c r="C67" s="12">
        <v>276</v>
      </c>
      <c r="D67" s="12">
        <v>511</v>
      </c>
      <c r="E67" s="12">
        <v>252</v>
      </c>
      <c r="F67" s="12">
        <v>259</v>
      </c>
      <c r="G67" s="12">
        <v>43</v>
      </c>
      <c r="H67" s="12">
        <v>29</v>
      </c>
      <c r="I67" s="12">
        <v>102</v>
      </c>
      <c r="J67" s="12">
        <v>95</v>
      </c>
      <c r="K67" s="12">
        <v>79</v>
      </c>
      <c r="L67" s="12">
        <v>73</v>
      </c>
      <c r="M67" s="12">
        <v>47</v>
      </c>
      <c r="N67" s="12">
        <v>43</v>
      </c>
      <c r="O67" s="12">
        <v>0</v>
      </c>
      <c r="P67" s="12">
        <v>57</v>
      </c>
      <c r="Q67" s="12">
        <v>390</v>
      </c>
      <c r="R67" s="12">
        <v>64</v>
      </c>
    </row>
    <row r="68" spans="1:18" s="4" customFormat="1" x14ac:dyDescent="0.15">
      <c r="A68" s="3"/>
      <c r="B68" s="3" t="s">
        <v>230</v>
      </c>
      <c r="C68" s="12">
        <v>283</v>
      </c>
      <c r="D68" s="12">
        <v>698</v>
      </c>
      <c r="E68" s="12">
        <v>333</v>
      </c>
      <c r="F68" s="12">
        <v>365</v>
      </c>
      <c r="G68" s="12">
        <v>78</v>
      </c>
      <c r="H68" s="12">
        <v>102</v>
      </c>
      <c r="I68" s="12">
        <v>37</v>
      </c>
      <c r="J68" s="12">
        <v>94</v>
      </c>
      <c r="K68" s="12">
        <v>155</v>
      </c>
      <c r="L68" s="12">
        <v>92</v>
      </c>
      <c r="M68" s="12">
        <v>56</v>
      </c>
      <c r="N68" s="12">
        <v>84</v>
      </c>
      <c r="O68" s="12">
        <v>0</v>
      </c>
      <c r="P68" s="12">
        <v>140</v>
      </c>
      <c r="Q68" s="12">
        <v>445</v>
      </c>
      <c r="R68" s="12">
        <v>113</v>
      </c>
    </row>
    <row r="69" spans="1:18" s="4" customFormat="1" x14ac:dyDescent="0.15">
      <c r="A69" s="3"/>
      <c r="B69" s="3" t="s">
        <v>231</v>
      </c>
      <c r="C69" s="12">
        <v>288</v>
      </c>
      <c r="D69" s="12">
        <v>500</v>
      </c>
      <c r="E69" s="12">
        <v>253</v>
      </c>
      <c r="F69" s="12">
        <v>247</v>
      </c>
      <c r="G69" s="12">
        <v>28</v>
      </c>
      <c r="H69" s="12">
        <v>45</v>
      </c>
      <c r="I69" s="12">
        <v>65</v>
      </c>
      <c r="J69" s="12">
        <v>70</v>
      </c>
      <c r="K69" s="12">
        <v>63</v>
      </c>
      <c r="L69" s="12">
        <v>56</v>
      </c>
      <c r="M69" s="12">
        <v>50</v>
      </c>
      <c r="N69" s="12">
        <v>123</v>
      </c>
      <c r="O69" s="12">
        <v>0</v>
      </c>
      <c r="P69" s="12">
        <v>51</v>
      </c>
      <c r="Q69" s="12">
        <v>301</v>
      </c>
      <c r="R69" s="12">
        <v>148</v>
      </c>
    </row>
    <row r="70" spans="1:18" s="4" customFormat="1" x14ac:dyDescent="0.15">
      <c r="A70" s="3"/>
      <c r="B70" s="3" t="s">
        <v>232</v>
      </c>
      <c r="C70" s="12">
        <v>254</v>
      </c>
      <c r="D70" s="12">
        <v>568</v>
      </c>
      <c r="E70" s="12">
        <v>273</v>
      </c>
      <c r="F70" s="12">
        <v>295</v>
      </c>
      <c r="G70" s="12">
        <v>47</v>
      </c>
      <c r="H70" s="12">
        <v>38</v>
      </c>
      <c r="I70" s="12">
        <v>69</v>
      </c>
      <c r="J70" s="12">
        <v>64</v>
      </c>
      <c r="K70" s="12">
        <v>88</v>
      </c>
      <c r="L70" s="12">
        <v>99</v>
      </c>
      <c r="M70" s="12">
        <v>85</v>
      </c>
      <c r="N70" s="12">
        <v>78</v>
      </c>
      <c r="O70" s="12">
        <v>0</v>
      </c>
      <c r="P70" s="12">
        <v>63</v>
      </c>
      <c r="Q70" s="12">
        <v>390</v>
      </c>
      <c r="R70" s="12">
        <v>115</v>
      </c>
    </row>
    <row r="71" spans="1:18" s="4" customFormat="1" x14ac:dyDescent="0.15">
      <c r="A71" s="3"/>
      <c r="B71" s="3" t="s">
        <v>233</v>
      </c>
      <c r="C71" s="12">
        <v>78</v>
      </c>
      <c r="D71" s="12">
        <v>153</v>
      </c>
      <c r="E71" s="12">
        <v>71</v>
      </c>
      <c r="F71" s="12">
        <v>82</v>
      </c>
      <c r="G71" s="12">
        <v>8</v>
      </c>
      <c r="H71" s="12">
        <v>10</v>
      </c>
      <c r="I71" s="12">
        <v>19</v>
      </c>
      <c r="J71" s="12">
        <v>14</v>
      </c>
      <c r="K71" s="12">
        <v>31</v>
      </c>
      <c r="L71" s="12">
        <v>33</v>
      </c>
      <c r="M71" s="12">
        <v>16</v>
      </c>
      <c r="N71" s="12">
        <v>22</v>
      </c>
      <c r="O71" s="12">
        <v>0</v>
      </c>
      <c r="P71" s="12">
        <v>13</v>
      </c>
      <c r="Q71" s="12">
        <v>112</v>
      </c>
      <c r="R71" s="12">
        <v>28</v>
      </c>
    </row>
    <row r="72" spans="1:18" s="4" customFormat="1" x14ac:dyDescent="0.15">
      <c r="A72" s="3"/>
      <c r="B72" s="3" t="s">
        <v>234</v>
      </c>
      <c r="C72" s="12">
        <v>2</v>
      </c>
      <c r="D72" s="12">
        <v>5</v>
      </c>
      <c r="E72" s="12">
        <v>1</v>
      </c>
      <c r="F72" s="12">
        <v>4</v>
      </c>
      <c r="G72" s="12" t="s">
        <v>132</v>
      </c>
      <c r="H72" s="12" t="s">
        <v>132</v>
      </c>
      <c r="I72" s="12" t="s">
        <v>132</v>
      </c>
      <c r="J72" s="12" t="s">
        <v>132</v>
      </c>
      <c r="K72" s="12" t="s">
        <v>132</v>
      </c>
      <c r="L72" s="12" t="s">
        <v>132</v>
      </c>
      <c r="M72" s="12" t="s">
        <v>132</v>
      </c>
      <c r="N72" s="12" t="s">
        <v>132</v>
      </c>
      <c r="O72" s="12" t="s">
        <v>132</v>
      </c>
      <c r="P72" s="12" t="s">
        <v>132</v>
      </c>
      <c r="Q72" s="12" t="s">
        <v>132</v>
      </c>
      <c r="R72" s="12" t="s">
        <v>132</v>
      </c>
    </row>
    <row r="73" spans="1:18" s="4" customFormat="1" x14ac:dyDescent="0.15">
      <c r="A73" s="3"/>
      <c r="B73" s="3" t="s">
        <v>235</v>
      </c>
      <c r="C73" s="12">
        <v>382</v>
      </c>
      <c r="D73" s="12">
        <v>749</v>
      </c>
      <c r="E73" s="12">
        <v>343</v>
      </c>
      <c r="F73" s="12">
        <v>406</v>
      </c>
      <c r="G73" s="12">
        <v>68</v>
      </c>
      <c r="H73" s="12">
        <v>60</v>
      </c>
      <c r="I73" s="12">
        <v>69</v>
      </c>
      <c r="J73" s="12">
        <v>91</v>
      </c>
      <c r="K73" s="12">
        <v>136</v>
      </c>
      <c r="L73" s="12">
        <v>94</v>
      </c>
      <c r="M73" s="12">
        <v>81</v>
      </c>
      <c r="N73" s="12">
        <v>150</v>
      </c>
      <c r="O73" s="12">
        <v>0</v>
      </c>
      <c r="P73" s="12">
        <v>104</v>
      </c>
      <c r="Q73" s="12">
        <v>458</v>
      </c>
      <c r="R73" s="12">
        <v>187</v>
      </c>
    </row>
    <row r="74" spans="1:18" s="4" customFormat="1" x14ac:dyDescent="0.15">
      <c r="A74" s="3"/>
      <c r="B74" s="3" t="s">
        <v>236</v>
      </c>
      <c r="C74" s="12">
        <v>737</v>
      </c>
      <c r="D74" s="12">
        <v>1203</v>
      </c>
      <c r="E74" s="12">
        <v>610</v>
      </c>
      <c r="F74" s="12">
        <v>593</v>
      </c>
      <c r="G74" s="12">
        <v>48</v>
      </c>
      <c r="H74" s="12">
        <v>53</v>
      </c>
      <c r="I74" s="12">
        <v>223</v>
      </c>
      <c r="J74" s="12">
        <v>180</v>
      </c>
      <c r="K74" s="12">
        <v>194</v>
      </c>
      <c r="L74" s="12">
        <v>168</v>
      </c>
      <c r="M74" s="12">
        <v>159</v>
      </c>
      <c r="N74" s="12">
        <v>178</v>
      </c>
      <c r="O74" s="12">
        <v>0</v>
      </c>
      <c r="P74" s="12">
        <v>78</v>
      </c>
      <c r="Q74" s="12">
        <v>867</v>
      </c>
      <c r="R74" s="12">
        <v>258</v>
      </c>
    </row>
    <row r="75" spans="1:18" s="4" customFormat="1" x14ac:dyDescent="0.15">
      <c r="A75" s="3"/>
      <c r="B75" s="3" t="s">
        <v>237</v>
      </c>
      <c r="C75" s="12">
        <v>451</v>
      </c>
      <c r="D75" s="12">
        <v>910</v>
      </c>
      <c r="E75" s="12">
        <v>444</v>
      </c>
      <c r="F75" s="12">
        <v>466</v>
      </c>
      <c r="G75" s="12">
        <v>73</v>
      </c>
      <c r="H75" s="12">
        <v>61</v>
      </c>
      <c r="I75" s="12">
        <v>95</v>
      </c>
      <c r="J75" s="12">
        <v>136</v>
      </c>
      <c r="K75" s="12">
        <v>139</v>
      </c>
      <c r="L75" s="12">
        <v>122</v>
      </c>
      <c r="M75" s="12">
        <v>91</v>
      </c>
      <c r="N75" s="12">
        <v>193</v>
      </c>
      <c r="O75" s="12">
        <v>0</v>
      </c>
      <c r="P75" s="12">
        <v>104</v>
      </c>
      <c r="Q75" s="12">
        <v>573</v>
      </c>
      <c r="R75" s="12">
        <v>233</v>
      </c>
    </row>
    <row r="76" spans="1:18" s="4" customFormat="1" x14ac:dyDescent="0.15">
      <c r="A76" s="3"/>
      <c r="B76" s="3" t="s">
        <v>238</v>
      </c>
      <c r="C76" s="12">
        <v>542</v>
      </c>
      <c r="D76" s="12">
        <v>1025</v>
      </c>
      <c r="E76" s="12">
        <v>501</v>
      </c>
      <c r="F76" s="12">
        <v>524</v>
      </c>
      <c r="G76" s="12">
        <v>62</v>
      </c>
      <c r="H76" s="12">
        <v>62</v>
      </c>
      <c r="I76" s="12">
        <v>103</v>
      </c>
      <c r="J76" s="12">
        <v>105</v>
      </c>
      <c r="K76" s="12">
        <v>139</v>
      </c>
      <c r="L76" s="12">
        <v>134</v>
      </c>
      <c r="M76" s="12">
        <v>119</v>
      </c>
      <c r="N76" s="12">
        <v>301</v>
      </c>
      <c r="O76" s="12">
        <v>0</v>
      </c>
      <c r="P76" s="12">
        <v>95</v>
      </c>
      <c r="Q76" s="12">
        <v>566</v>
      </c>
      <c r="R76" s="12">
        <v>364</v>
      </c>
    </row>
    <row r="77" spans="1:18" s="4" customFormat="1" x14ac:dyDescent="0.15">
      <c r="A77" s="3"/>
      <c r="B77" s="3" t="s">
        <v>239</v>
      </c>
      <c r="C77" s="12">
        <v>723</v>
      </c>
      <c r="D77" s="12">
        <v>1348</v>
      </c>
      <c r="E77" s="12">
        <v>680</v>
      </c>
      <c r="F77" s="12">
        <v>668</v>
      </c>
      <c r="G77" s="12">
        <v>89</v>
      </c>
      <c r="H77" s="12">
        <v>86</v>
      </c>
      <c r="I77" s="12">
        <v>174</v>
      </c>
      <c r="J77" s="12">
        <v>165</v>
      </c>
      <c r="K77" s="12">
        <v>192</v>
      </c>
      <c r="L77" s="12">
        <v>166</v>
      </c>
      <c r="M77" s="12">
        <v>155</v>
      </c>
      <c r="N77" s="12">
        <v>321</v>
      </c>
      <c r="O77" s="12">
        <v>0</v>
      </c>
      <c r="P77" s="12">
        <v>136</v>
      </c>
      <c r="Q77" s="12">
        <v>800</v>
      </c>
      <c r="R77" s="12">
        <v>412</v>
      </c>
    </row>
    <row r="78" spans="1:18" s="4" customFormat="1" x14ac:dyDescent="0.15">
      <c r="A78" s="3"/>
      <c r="B78" s="3" t="s">
        <v>240</v>
      </c>
      <c r="C78" s="12">
        <v>263</v>
      </c>
      <c r="D78" s="12">
        <v>458</v>
      </c>
      <c r="E78" s="12">
        <v>221</v>
      </c>
      <c r="F78" s="12">
        <v>237</v>
      </c>
      <c r="G78" s="12">
        <v>25</v>
      </c>
      <c r="H78" s="12">
        <v>41</v>
      </c>
      <c r="I78" s="12">
        <v>87</v>
      </c>
      <c r="J78" s="12">
        <v>77</v>
      </c>
      <c r="K78" s="12">
        <v>67</v>
      </c>
      <c r="L78" s="12">
        <v>67</v>
      </c>
      <c r="M78" s="12">
        <v>28</v>
      </c>
      <c r="N78" s="12">
        <v>66</v>
      </c>
      <c r="O78" s="12">
        <v>0</v>
      </c>
      <c r="P78" s="12">
        <v>49</v>
      </c>
      <c r="Q78" s="12">
        <v>324</v>
      </c>
      <c r="R78" s="12">
        <v>85</v>
      </c>
    </row>
    <row r="79" spans="1:18" s="4" customFormat="1" x14ac:dyDescent="0.15">
      <c r="A79" s="3"/>
      <c r="B79" s="3" t="s">
        <v>241</v>
      </c>
      <c r="C79" s="12">
        <v>535</v>
      </c>
      <c r="D79" s="12">
        <v>1137</v>
      </c>
      <c r="E79" s="12">
        <v>564</v>
      </c>
      <c r="F79" s="12">
        <v>573</v>
      </c>
      <c r="G79" s="12">
        <v>144</v>
      </c>
      <c r="H79" s="12">
        <v>86</v>
      </c>
      <c r="I79" s="12">
        <v>95</v>
      </c>
      <c r="J79" s="12">
        <v>172</v>
      </c>
      <c r="K79" s="12">
        <v>183</v>
      </c>
      <c r="L79" s="12">
        <v>156</v>
      </c>
      <c r="M79" s="12">
        <v>116</v>
      </c>
      <c r="N79" s="12">
        <v>185</v>
      </c>
      <c r="O79" s="12">
        <v>0</v>
      </c>
      <c r="P79" s="12">
        <v>199</v>
      </c>
      <c r="Q79" s="12">
        <v>705</v>
      </c>
      <c r="R79" s="12">
        <v>233</v>
      </c>
    </row>
    <row r="80" spans="1:18" s="4" customFormat="1" x14ac:dyDescent="0.15">
      <c r="A80" s="3"/>
      <c r="B80" s="3" t="s">
        <v>242</v>
      </c>
      <c r="C80" s="12">
        <v>244</v>
      </c>
      <c r="D80" s="12">
        <v>415</v>
      </c>
      <c r="E80" s="12">
        <v>184</v>
      </c>
      <c r="F80" s="12">
        <v>231</v>
      </c>
      <c r="G80" s="12">
        <v>31</v>
      </c>
      <c r="H80" s="12">
        <v>21</v>
      </c>
      <c r="I80" s="12">
        <v>18</v>
      </c>
      <c r="J80" s="12">
        <v>45</v>
      </c>
      <c r="K80" s="12">
        <v>57</v>
      </c>
      <c r="L80" s="12">
        <v>51</v>
      </c>
      <c r="M80" s="12">
        <v>42</v>
      </c>
      <c r="N80" s="12">
        <v>150</v>
      </c>
      <c r="O80" s="12">
        <v>0</v>
      </c>
      <c r="P80" s="12">
        <v>45</v>
      </c>
      <c r="Q80" s="12">
        <v>201</v>
      </c>
      <c r="R80" s="12">
        <v>169</v>
      </c>
    </row>
    <row r="81" spans="1:18" s="4" customFormat="1" x14ac:dyDescent="0.15">
      <c r="A81" s="3"/>
      <c r="B81" s="3" t="s">
        <v>243</v>
      </c>
      <c r="C81" s="12">
        <v>751</v>
      </c>
      <c r="D81" s="12">
        <v>1558</v>
      </c>
      <c r="E81" s="12">
        <v>755</v>
      </c>
      <c r="F81" s="12">
        <v>803</v>
      </c>
      <c r="G81" s="12">
        <v>140</v>
      </c>
      <c r="H81" s="12">
        <v>164</v>
      </c>
      <c r="I81" s="12">
        <v>130</v>
      </c>
      <c r="J81" s="12">
        <v>157</v>
      </c>
      <c r="K81" s="12">
        <v>264</v>
      </c>
      <c r="L81" s="12">
        <v>251</v>
      </c>
      <c r="M81" s="12">
        <v>210</v>
      </c>
      <c r="N81" s="12">
        <v>242</v>
      </c>
      <c r="O81" s="12">
        <v>0</v>
      </c>
      <c r="P81" s="12">
        <v>238</v>
      </c>
      <c r="Q81" s="12">
        <v>971</v>
      </c>
      <c r="R81" s="12">
        <v>349</v>
      </c>
    </row>
    <row r="82" spans="1:18" s="4" customFormat="1" x14ac:dyDescent="0.15">
      <c r="A82" s="3"/>
      <c r="B82" s="3"/>
      <c r="C82" s="12"/>
      <c r="D82" s="12"/>
      <c r="E82" s="12"/>
      <c r="F82" s="12"/>
      <c r="G82" s="12"/>
      <c r="H82" s="12"/>
      <c r="I82" s="12"/>
      <c r="J82" s="12"/>
      <c r="K82" s="12"/>
      <c r="L82" s="12"/>
      <c r="M82" s="12"/>
      <c r="N82" s="12"/>
      <c r="O82" s="12"/>
      <c r="P82" s="12"/>
      <c r="Q82" s="12"/>
      <c r="R82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63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244</v>
      </c>
      <c r="B6" s="3"/>
      <c r="C6" s="12">
        <v>83403</v>
      </c>
      <c r="D6" s="12">
        <v>162879</v>
      </c>
      <c r="E6" s="12">
        <v>79213</v>
      </c>
      <c r="F6" s="12">
        <v>83666</v>
      </c>
      <c r="G6" s="12">
        <v>11430</v>
      </c>
      <c r="H6" s="12">
        <v>12433</v>
      </c>
      <c r="I6" s="12">
        <v>18154</v>
      </c>
      <c r="J6" s="12">
        <v>19310</v>
      </c>
      <c r="K6" s="12">
        <v>22931</v>
      </c>
      <c r="L6" s="12">
        <v>22527</v>
      </c>
      <c r="M6" s="12">
        <v>18861</v>
      </c>
      <c r="N6" s="12">
        <v>37233</v>
      </c>
      <c r="O6" s="12">
        <v>0</v>
      </c>
      <c r="P6" s="12">
        <v>17492</v>
      </c>
      <c r="Q6" s="12">
        <v>98546</v>
      </c>
      <c r="R6" s="12">
        <v>46841</v>
      </c>
    </row>
    <row r="7" spans="1:18" s="4" customFormat="1" x14ac:dyDescent="0.15">
      <c r="A7" s="3"/>
      <c r="B7" s="3" t="s">
        <v>245</v>
      </c>
      <c r="C7" s="12">
        <v>164</v>
      </c>
      <c r="D7" s="12">
        <v>386</v>
      </c>
      <c r="E7" s="12">
        <v>190</v>
      </c>
      <c r="F7" s="12">
        <v>196</v>
      </c>
      <c r="G7" s="12">
        <v>19</v>
      </c>
      <c r="H7" s="12">
        <v>34</v>
      </c>
      <c r="I7" s="12">
        <v>32</v>
      </c>
      <c r="J7" s="12">
        <v>30</v>
      </c>
      <c r="K7" s="12">
        <v>60</v>
      </c>
      <c r="L7" s="12">
        <v>65</v>
      </c>
      <c r="M7" s="12">
        <v>63</v>
      </c>
      <c r="N7" s="12">
        <v>83</v>
      </c>
      <c r="O7" s="12">
        <v>0</v>
      </c>
      <c r="P7" s="12">
        <v>39</v>
      </c>
      <c r="Q7" s="12">
        <v>236</v>
      </c>
      <c r="R7" s="12">
        <v>111</v>
      </c>
    </row>
    <row r="8" spans="1:18" s="4" customFormat="1" x14ac:dyDescent="0.15">
      <c r="A8" s="3"/>
      <c r="B8" s="3" t="s">
        <v>246</v>
      </c>
      <c r="C8" s="12">
        <v>721</v>
      </c>
      <c r="D8" s="12">
        <v>1217</v>
      </c>
      <c r="E8" s="12">
        <v>619</v>
      </c>
      <c r="F8" s="12">
        <v>598</v>
      </c>
      <c r="G8" s="12">
        <v>70</v>
      </c>
      <c r="H8" s="12">
        <v>56</v>
      </c>
      <c r="I8" s="12">
        <v>218</v>
      </c>
      <c r="J8" s="12">
        <v>155</v>
      </c>
      <c r="K8" s="12">
        <v>151</v>
      </c>
      <c r="L8" s="12">
        <v>168</v>
      </c>
      <c r="M8" s="12">
        <v>143</v>
      </c>
      <c r="N8" s="12">
        <v>256</v>
      </c>
      <c r="O8" s="12">
        <v>0</v>
      </c>
      <c r="P8" s="12">
        <v>98</v>
      </c>
      <c r="Q8" s="12">
        <v>791</v>
      </c>
      <c r="R8" s="12">
        <v>328</v>
      </c>
    </row>
    <row r="9" spans="1:18" s="4" customFormat="1" x14ac:dyDescent="0.15">
      <c r="A9" s="3"/>
      <c r="B9" s="3" t="s">
        <v>247</v>
      </c>
      <c r="C9" s="12">
        <v>197</v>
      </c>
      <c r="D9" s="12">
        <v>394</v>
      </c>
      <c r="E9" s="12">
        <v>201</v>
      </c>
      <c r="F9" s="12">
        <v>193</v>
      </c>
      <c r="G9" s="12">
        <v>26</v>
      </c>
      <c r="H9" s="12">
        <v>28</v>
      </c>
      <c r="I9" s="12">
        <v>52</v>
      </c>
      <c r="J9" s="12">
        <v>45</v>
      </c>
      <c r="K9" s="12">
        <v>53</v>
      </c>
      <c r="L9" s="12">
        <v>61</v>
      </c>
      <c r="M9" s="12">
        <v>47</v>
      </c>
      <c r="N9" s="12">
        <v>82</v>
      </c>
      <c r="O9" s="12">
        <v>0</v>
      </c>
      <c r="P9" s="12">
        <v>37</v>
      </c>
      <c r="Q9" s="12">
        <v>259</v>
      </c>
      <c r="R9" s="12">
        <v>98</v>
      </c>
    </row>
    <row r="10" spans="1:18" s="4" customFormat="1" x14ac:dyDescent="0.15">
      <c r="A10" s="3"/>
      <c r="B10" s="3" t="s">
        <v>248</v>
      </c>
      <c r="C10" s="12">
        <v>175</v>
      </c>
      <c r="D10" s="12">
        <v>330</v>
      </c>
      <c r="E10" s="12">
        <v>137</v>
      </c>
      <c r="F10" s="12">
        <v>193</v>
      </c>
      <c r="G10" s="12">
        <v>24</v>
      </c>
      <c r="H10" s="12">
        <v>20</v>
      </c>
      <c r="I10" s="12">
        <v>35</v>
      </c>
      <c r="J10" s="12">
        <v>32</v>
      </c>
      <c r="K10" s="12">
        <v>37</v>
      </c>
      <c r="L10" s="12">
        <v>37</v>
      </c>
      <c r="M10" s="12">
        <v>40</v>
      </c>
      <c r="N10" s="12">
        <v>105</v>
      </c>
      <c r="O10" s="12">
        <v>0</v>
      </c>
      <c r="P10" s="12">
        <v>33</v>
      </c>
      <c r="Q10" s="12">
        <v>173</v>
      </c>
      <c r="R10" s="12">
        <v>124</v>
      </c>
    </row>
    <row r="11" spans="1:18" s="4" customFormat="1" x14ac:dyDescent="0.15">
      <c r="A11" s="3"/>
      <c r="B11" s="3" t="s">
        <v>249</v>
      </c>
      <c r="C11" s="12">
        <v>182</v>
      </c>
      <c r="D11" s="12">
        <v>323</v>
      </c>
      <c r="E11" s="12">
        <v>161</v>
      </c>
      <c r="F11" s="12">
        <v>162</v>
      </c>
      <c r="G11" s="12">
        <v>22</v>
      </c>
      <c r="H11" s="12">
        <v>12</v>
      </c>
      <c r="I11" s="12">
        <v>60</v>
      </c>
      <c r="J11" s="12">
        <v>44</v>
      </c>
      <c r="K11" s="12">
        <v>37</v>
      </c>
      <c r="L11" s="12">
        <v>38</v>
      </c>
      <c r="M11" s="12">
        <v>42</v>
      </c>
      <c r="N11" s="12">
        <v>68</v>
      </c>
      <c r="O11" s="12">
        <v>0</v>
      </c>
      <c r="P11" s="12">
        <v>28</v>
      </c>
      <c r="Q11" s="12">
        <v>200</v>
      </c>
      <c r="R11" s="12">
        <v>95</v>
      </c>
    </row>
    <row r="12" spans="1:18" s="4" customFormat="1" x14ac:dyDescent="0.15">
      <c r="A12" s="3"/>
      <c r="B12" s="3" t="s">
        <v>250</v>
      </c>
      <c r="C12" s="12">
        <v>239</v>
      </c>
      <c r="D12" s="12">
        <v>522</v>
      </c>
      <c r="E12" s="12">
        <v>251</v>
      </c>
      <c r="F12" s="12">
        <v>271</v>
      </c>
      <c r="G12" s="12">
        <v>47</v>
      </c>
      <c r="H12" s="12">
        <v>53</v>
      </c>
      <c r="I12" s="12">
        <v>49</v>
      </c>
      <c r="J12" s="12">
        <v>46</v>
      </c>
      <c r="K12" s="12">
        <v>100</v>
      </c>
      <c r="L12" s="12">
        <v>70</v>
      </c>
      <c r="M12" s="12">
        <v>53</v>
      </c>
      <c r="N12" s="12">
        <v>104</v>
      </c>
      <c r="O12" s="12">
        <v>0</v>
      </c>
      <c r="P12" s="12">
        <v>75</v>
      </c>
      <c r="Q12" s="12">
        <v>317</v>
      </c>
      <c r="R12" s="12">
        <v>130</v>
      </c>
    </row>
    <row r="13" spans="1:18" s="4" customFormat="1" x14ac:dyDescent="0.15">
      <c r="A13" s="3"/>
      <c r="B13" s="3" t="s">
        <v>251</v>
      </c>
      <c r="C13" s="12">
        <v>306</v>
      </c>
      <c r="D13" s="12">
        <v>638</v>
      </c>
      <c r="E13" s="12">
        <v>321</v>
      </c>
      <c r="F13" s="12">
        <v>317</v>
      </c>
      <c r="G13" s="12">
        <v>42</v>
      </c>
      <c r="H13" s="12">
        <v>58</v>
      </c>
      <c r="I13" s="12">
        <v>50</v>
      </c>
      <c r="J13" s="12">
        <v>76</v>
      </c>
      <c r="K13" s="12">
        <v>116</v>
      </c>
      <c r="L13" s="12">
        <v>88</v>
      </c>
      <c r="M13" s="12">
        <v>83</v>
      </c>
      <c r="N13" s="12">
        <v>125</v>
      </c>
      <c r="O13" s="12">
        <v>0</v>
      </c>
      <c r="P13" s="12">
        <v>73</v>
      </c>
      <c r="Q13" s="12">
        <v>394</v>
      </c>
      <c r="R13" s="12">
        <v>171</v>
      </c>
    </row>
    <row r="14" spans="1:18" s="4" customFormat="1" x14ac:dyDescent="0.15">
      <c r="A14" s="3"/>
      <c r="B14" s="3" t="s">
        <v>252</v>
      </c>
      <c r="C14" s="12">
        <v>314</v>
      </c>
      <c r="D14" s="12">
        <v>608</v>
      </c>
      <c r="E14" s="12">
        <v>285</v>
      </c>
      <c r="F14" s="12">
        <v>323</v>
      </c>
      <c r="G14" s="12">
        <v>45</v>
      </c>
      <c r="H14" s="12">
        <v>37</v>
      </c>
      <c r="I14" s="12">
        <v>58</v>
      </c>
      <c r="J14" s="12">
        <v>75</v>
      </c>
      <c r="K14" s="12">
        <v>87</v>
      </c>
      <c r="L14" s="12">
        <v>85</v>
      </c>
      <c r="M14" s="12">
        <v>62</v>
      </c>
      <c r="N14" s="12">
        <v>159</v>
      </c>
      <c r="O14" s="12">
        <v>0</v>
      </c>
      <c r="P14" s="12">
        <v>66</v>
      </c>
      <c r="Q14" s="12">
        <v>351</v>
      </c>
      <c r="R14" s="12">
        <v>191</v>
      </c>
    </row>
    <row r="15" spans="1:18" s="4" customFormat="1" x14ac:dyDescent="0.15">
      <c r="A15" s="3"/>
      <c r="B15" s="3" t="s">
        <v>179</v>
      </c>
      <c r="C15" s="12">
        <v>908</v>
      </c>
      <c r="D15" s="12">
        <v>1591</v>
      </c>
      <c r="E15" s="12">
        <v>777</v>
      </c>
      <c r="F15" s="12">
        <v>814</v>
      </c>
      <c r="G15" s="12">
        <v>103</v>
      </c>
      <c r="H15" s="12">
        <v>74</v>
      </c>
      <c r="I15" s="12">
        <v>229</v>
      </c>
      <c r="J15" s="12">
        <v>230</v>
      </c>
      <c r="K15" s="12">
        <v>238</v>
      </c>
      <c r="L15" s="12">
        <v>234</v>
      </c>
      <c r="M15" s="12">
        <v>193</v>
      </c>
      <c r="N15" s="12">
        <v>290</v>
      </c>
      <c r="O15" s="12">
        <v>0</v>
      </c>
      <c r="P15" s="12">
        <v>142</v>
      </c>
      <c r="Q15" s="12">
        <v>1052</v>
      </c>
      <c r="R15" s="12">
        <v>397</v>
      </c>
    </row>
    <row r="16" spans="1:18" s="4" customFormat="1" x14ac:dyDescent="0.15">
      <c r="A16" s="3"/>
      <c r="B16" s="3" t="s">
        <v>180</v>
      </c>
      <c r="C16" s="12">
        <v>494</v>
      </c>
      <c r="D16" s="12">
        <v>887</v>
      </c>
      <c r="E16" s="12">
        <v>421</v>
      </c>
      <c r="F16" s="12">
        <v>466</v>
      </c>
      <c r="G16" s="12">
        <v>52</v>
      </c>
      <c r="H16" s="12">
        <v>33</v>
      </c>
      <c r="I16" s="12">
        <v>92</v>
      </c>
      <c r="J16" s="12">
        <v>125</v>
      </c>
      <c r="K16" s="12">
        <v>131</v>
      </c>
      <c r="L16" s="12">
        <v>160</v>
      </c>
      <c r="M16" s="12">
        <v>133</v>
      </c>
      <c r="N16" s="12">
        <v>161</v>
      </c>
      <c r="O16" s="12">
        <v>0</v>
      </c>
      <c r="P16" s="12">
        <v>66</v>
      </c>
      <c r="Q16" s="12">
        <v>601</v>
      </c>
      <c r="R16" s="12">
        <v>220</v>
      </c>
    </row>
    <row r="17" spans="1:18" s="4" customFormat="1" x14ac:dyDescent="0.15">
      <c r="A17" s="3"/>
      <c r="B17" s="3" t="s">
        <v>253</v>
      </c>
      <c r="C17" s="12">
        <v>639</v>
      </c>
      <c r="D17" s="12">
        <v>1118</v>
      </c>
      <c r="E17" s="12">
        <v>558</v>
      </c>
      <c r="F17" s="12">
        <v>560</v>
      </c>
      <c r="G17" s="12">
        <v>62</v>
      </c>
      <c r="H17" s="12">
        <v>91</v>
      </c>
      <c r="I17" s="12">
        <v>140</v>
      </c>
      <c r="J17" s="12">
        <v>136</v>
      </c>
      <c r="K17" s="12">
        <v>204</v>
      </c>
      <c r="L17" s="12">
        <v>197</v>
      </c>
      <c r="M17" s="12">
        <v>123</v>
      </c>
      <c r="N17" s="12">
        <v>165</v>
      </c>
      <c r="O17" s="12">
        <v>0</v>
      </c>
      <c r="P17" s="12">
        <v>100</v>
      </c>
      <c r="Q17" s="12">
        <v>807</v>
      </c>
      <c r="R17" s="12">
        <v>211</v>
      </c>
    </row>
    <row r="18" spans="1:18" s="4" customFormat="1" x14ac:dyDescent="0.15">
      <c r="A18" s="3"/>
      <c r="B18" s="3" t="s">
        <v>254</v>
      </c>
      <c r="C18" s="12">
        <v>643</v>
      </c>
      <c r="D18" s="12">
        <v>1322</v>
      </c>
      <c r="E18" s="12">
        <v>595</v>
      </c>
      <c r="F18" s="12">
        <v>727</v>
      </c>
      <c r="G18" s="12">
        <v>95</v>
      </c>
      <c r="H18" s="12">
        <v>146</v>
      </c>
      <c r="I18" s="12">
        <v>82</v>
      </c>
      <c r="J18" s="12">
        <v>136</v>
      </c>
      <c r="K18" s="12">
        <v>227</v>
      </c>
      <c r="L18" s="12">
        <v>189</v>
      </c>
      <c r="M18" s="12">
        <v>152</v>
      </c>
      <c r="N18" s="12">
        <v>295</v>
      </c>
      <c r="O18" s="12">
        <v>0</v>
      </c>
      <c r="P18" s="12">
        <v>164</v>
      </c>
      <c r="Q18" s="12">
        <v>788</v>
      </c>
      <c r="R18" s="12">
        <v>370</v>
      </c>
    </row>
    <row r="19" spans="1:18" s="4" customFormat="1" x14ac:dyDescent="0.15">
      <c r="A19" s="3"/>
      <c r="B19" s="3" t="s">
        <v>255</v>
      </c>
      <c r="C19" s="12">
        <v>280</v>
      </c>
      <c r="D19" s="12">
        <v>446</v>
      </c>
      <c r="E19" s="12">
        <v>223</v>
      </c>
      <c r="F19" s="12">
        <v>223</v>
      </c>
      <c r="G19" s="12">
        <v>20</v>
      </c>
      <c r="H19" s="12">
        <v>17</v>
      </c>
      <c r="I19" s="12">
        <v>69</v>
      </c>
      <c r="J19" s="12">
        <v>78</v>
      </c>
      <c r="K19" s="12">
        <v>73</v>
      </c>
      <c r="L19" s="12">
        <v>48</v>
      </c>
      <c r="M19" s="12">
        <v>45</v>
      </c>
      <c r="N19" s="12">
        <v>96</v>
      </c>
      <c r="O19" s="12">
        <v>0</v>
      </c>
      <c r="P19" s="12">
        <v>33</v>
      </c>
      <c r="Q19" s="12">
        <v>299</v>
      </c>
      <c r="R19" s="12">
        <v>114</v>
      </c>
    </row>
    <row r="20" spans="1:18" s="4" customFormat="1" x14ac:dyDescent="0.15">
      <c r="A20" s="3"/>
      <c r="B20" s="3" t="s">
        <v>256</v>
      </c>
      <c r="C20" s="12">
        <v>1577</v>
      </c>
      <c r="D20" s="12">
        <v>2711</v>
      </c>
      <c r="E20" s="12">
        <v>1301</v>
      </c>
      <c r="F20" s="12">
        <v>1410</v>
      </c>
      <c r="G20" s="12">
        <v>132</v>
      </c>
      <c r="H20" s="12">
        <v>251</v>
      </c>
      <c r="I20" s="12">
        <v>168</v>
      </c>
      <c r="J20" s="12">
        <v>234</v>
      </c>
      <c r="K20" s="12">
        <v>410</v>
      </c>
      <c r="L20" s="12">
        <v>400</v>
      </c>
      <c r="M20" s="12">
        <v>378</v>
      </c>
      <c r="N20" s="12">
        <v>738</v>
      </c>
      <c r="O20" s="12">
        <v>0</v>
      </c>
      <c r="P20" s="12">
        <v>267</v>
      </c>
      <c r="Q20" s="12">
        <v>1510</v>
      </c>
      <c r="R20" s="12">
        <v>934</v>
      </c>
    </row>
    <row r="21" spans="1:18" s="4" customFormat="1" x14ac:dyDescent="0.15">
      <c r="A21" s="3"/>
      <c r="B21" s="3" t="s">
        <v>257</v>
      </c>
      <c r="C21" s="12">
        <v>452</v>
      </c>
      <c r="D21" s="12">
        <v>808</v>
      </c>
      <c r="E21" s="12">
        <v>329</v>
      </c>
      <c r="F21" s="12">
        <v>479</v>
      </c>
      <c r="G21" s="12">
        <v>34</v>
      </c>
      <c r="H21" s="12">
        <v>52</v>
      </c>
      <c r="I21" s="12">
        <v>35</v>
      </c>
      <c r="J21" s="12">
        <v>65</v>
      </c>
      <c r="K21" s="12">
        <v>81</v>
      </c>
      <c r="L21" s="12">
        <v>94</v>
      </c>
      <c r="M21" s="12">
        <v>118</v>
      </c>
      <c r="N21" s="12">
        <v>329</v>
      </c>
      <c r="O21" s="12">
        <v>0</v>
      </c>
      <c r="P21" s="12">
        <v>60</v>
      </c>
      <c r="Q21" s="12">
        <v>345</v>
      </c>
      <c r="R21" s="12">
        <v>403</v>
      </c>
    </row>
    <row r="22" spans="1:18" s="4" customFormat="1" x14ac:dyDescent="0.15">
      <c r="A22" s="3"/>
      <c r="B22" s="3" t="s">
        <v>258</v>
      </c>
      <c r="C22" s="12">
        <v>1080</v>
      </c>
      <c r="D22" s="12">
        <v>1589</v>
      </c>
      <c r="E22" s="12">
        <v>772</v>
      </c>
      <c r="F22" s="12">
        <v>817</v>
      </c>
      <c r="G22" s="12">
        <v>50</v>
      </c>
      <c r="H22" s="12">
        <v>67</v>
      </c>
      <c r="I22" s="12">
        <v>321</v>
      </c>
      <c r="J22" s="12">
        <v>266</v>
      </c>
      <c r="K22" s="12">
        <v>209</v>
      </c>
      <c r="L22" s="12">
        <v>227</v>
      </c>
      <c r="M22" s="12">
        <v>163</v>
      </c>
      <c r="N22" s="12">
        <v>286</v>
      </c>
      <c r="O22" s="12">
        <v>0</v>
      </c>
      <c r="P22" s="12">
        <v>76</v>
      </c>
      <c r="Q22" s="12">
        <v>1142</v>
      </c>
      <c r="R22" s="12">
        <v>371</v>
      </c>
    </row>
    <row r="23" spans="1:18" s="4" customFormat="1" x14ac:dyDescent="0.15">
      <c r="A23" s="3"/>
      <c r="B23" s="3" t="s">
        <v>259</v>
      </c>
      <c r="C23" s="12">
        <v>333</v>
      </c>
      <c r="D23" s="12">
        <v>786</v>
      </c>
      <c r="E23" s="12">
        <v>371</v>
      </c>
      <c r="F23" s="12">
        <v>415</v>
      </c>
      <c r="G23" s="12">
        <v>98</v>
      </c>
      <c r="H23" s="12">
        <v>69</v>
      </c>
      <c r="I23" s="12">
        <v>77</v>
      </c>
      <c r="J23" s="12">
        <v>104</v>
      </c>
      <c r="K23" s="12">
        <v>107</v>
      </c>
      <c r="L23" s="12">
        <v>93</v>
      </c>
      <c r="M23" s="12">
        <v>62</v>
      </c>
      <c r="N23" s="12">
        <v>176</v>
      </c>
      <c r="O23" s="12">
        <v>0</v>
      </c>
      <c r="P23" s="12">
        <v>136</v>
      </c>
      <c r="Q23" s="12">
        <v>443</v>
      </c>
      <c r="R23" s="12">
        <v>207</v>
      </c>
    </row>
    <row r="24" spans="1:18" s="4" customFormat="1" x14ac:dyDescent="0.15">
      <c r="A24" s="3"/>
      <c r="B24" s="3" t="s">
        <v>260</v>
      </c>
      <c r="C24" s="12">
        <v>566</v>
      </c>
      <c r="D24" s="12">
        <v>867</v>
      </c>
      <c r="E24" s="12">
        <v>469</v>
      </c>
      <c r="F24" s="12">
        <v>398</v>
      </c>
      <c r="G24" s="12">
        <v>28</v>
      </c>
      <c r="H24" s="12">
        <v>50</v>
      </c>
      <c r="I24" s="12">
        <v>52</v>
      </c>
      <c r="J24" s="12">
        <v>58</v>
      </c>
      <c r="K24" s="12">
        <v>100</v>
      </c>
      <c r="L24" s="12">
        <v>153</v>
      </c>
      <c r="M24" s="12">
        <v>157</v>
      </c>
      <c r="N24" s="12">
        <v>269</v>
      </c>
      <c r="O24" s="12">
        <v>0</v>
      </c>
      <c r="P24" s="12">
        <v>46</v>
      </c>
      <c r="Q24" s="12">
        <v>465</v>
      </c>
      <c r="R24" s="12">
        <v>356</v>
      </c>
    </row>
    <row r="25" spans="1:18" s="4" customFormat="1" x14ac:dyDescent="0.15">
      <c r="A25" s="3"/>
      <c r="B25" s="3" t="s">
        <v>261</v>
      </c>
      <c r="C25" s="12">
        <v>2079</v>
      </c>
      <c r="D25" s="12">
        <v>3274</v>
      </c>
      <c r="E25" s="12">
        <v>1711</v>
      </c>
      <c r="F25" s="12">
        <v>1563</v>
      </c>
      <c r="G25" s="12">
        <v>155</v>
      </c>
      <c r="H25" s="12">
        <v>197</v>
      </c>
      <c r="I25" s="12">
        <v>318</v>
      </c>
      <c r="J25" s="12">
        <v>332</v>
      </c>
      <c r="K25" s="12">
        <v>438</v>
      </c>
      <c r="L25" s="12">
        <v>443</v>
      </c>
      <c r="M25" s="12">
        <v>470</v>
      </c>
      <c r="N25" s="12">
        <v>921</v>
      </c>
      <c r="O25" s="12">
        <v>0</v>
      </c>
      <c r="P25" s="12">
        <v>229</v>
      </c>
      <c r="Q25" s="12">
        <v>1873</v>
      </c>
      <c r="R25" s="12">
        <v>1172</v>
      </c>
    </row>
    <row r="26" spans="1:18" s="4" customFormat="1" x14ac:dyDescent="0.15">
      <c r="A26" s="3"/>
      <c r="B26" s="3" t="s">
        <v>262</v>
      </c>
      <c r="C26" s="12">
        <v>711</v>
      </c>
      <c r="D26" s="12">
        <v>1311</v>
      </c>
      <c r="E26" s="12">
        <v>675</v>
      </c>
      <c r="F26" s="12">
        <v>636</v>
      </c>
      <c r="G26" s="12">
        <v>86</v>
      </c>
      <c r="H26" s="12">
        <v>108</v>
      </c>
      <c r="I26" s="12">
        <v>187</v>
      </c>
      <c r="J26" s="12">
        <v>176</v>
      </c>
      <c r="K26" s="12">
        <v>264</v>
      </c>
      <c r="L26" s="12">
        <v>165</v>
      </c>
      <c r="M26" s="12">
        <v>122</v>
      </c>
      <c r="N26" s="12">
        <v>203</v>
      </c>
      <c r="O26" s="12">
        <v>0</v>
      </c>
      <c r="P26" s="12">
        <v>156</v>
      </c>
      <c r="Q26" s="12">
        <v>889</v>
      </c>
      <c r="R26" s="12">
        <v>266</v>
      </c>
    </row>
    <row r="27" spans="1:18" s="4" customFormat="1" x14ac:dyDescent="0.15">
      <c r="A27" s="3"/>
      <c r="B27" s="3" t="s">
        <v>263</v>
      </c>
      <c r="C27" s="12">
        <v>1086</v>
      </c>
      <c r="D27" s="12">
        <v>2312</v>
      </c>
      <c r="E27" s="12">
        <v>1056</v>
      </c>
      <c r="F27" s="12">
        <v>1256</v>
      </c>
      <c r="G27" s="12">
        <v>153</v>
      </c>
      <c r="H27" s="12">
        <v>219</v>
      </c>
      <c r="I27" s="12">
        <v>201</v>
      </c>
      <c r="J27" s="12">
        <v>212</v>
      </c>
      <c r="K27" s="12">
        <v>305</v>
      </c>
      <c r="L27" s="12">
        <v>291</v>
      </c>
      <c r="M27" s="12">
        <v>283</v>
      </c>
      <c r="N27" s="12">
        <v>648</v>
      </c>
      <c r="O27" s="12">
        <v>0</v>
      </c>
      <c r="P27" s="12">
        <v>250</v>
      </c>
      <c r="Q27" s="12">
        <v>1256</v>
      </c>
      <c r="R27" s="12">
        <v>806</v>
      </c>
    </row>
    <row r="28" spans="1:18" s="4" customFormat="1" x14ac:dyDescent="0.15">
      <c r="A28" s="3"/>
      <c r="B28" s="3" t="s">
        <v>264</v>
      </c>
      <c r="C28" s="12">
        <v>3056</v>
      </c>
      <c r="D28" s="12">
        <v>5940</v>
      </c>
      <c r="E28" s="12">
        <v>2777</v>
      </c>
      <c r="F28" s="12">
        <v>3163</v>
      </c>
      <c r="G28" s="12">
        <v>319</v>
      </c>
      <c r="H28" s="12">
        <v>414</v>
      </c>
      <c r="I28" s="12">
        <v>573</v>
      </c>
      <c r="J28" s="12">
        <v>605</v>
      </c>
      <c r="K28" s="12">
        <v>810</v>
      </c>
      <c r="L28" s="12">
        <v>797</v>
      </c>
      <c r="M28" s="12">
        <v>840</v>
      </c>
      <c r="N28" s="12">
        <v>1582</v>
      </c>
      <c r="O28" s="12">
        <v>0</v>
      </c>
      <c r="P28" s="12">
        <v>505</v>
      </c>
      <c r="Q28" s="12">
        <v>3382</v>
      </c>
      <c r="R28" s="12">
        <v>2053</v>
      </c>
    </row>
    <row r="29" spans="1:18" s="4" customFormat="1" x14ac:dyDescent="0.15">
      <c r="A29" s="3"/>
      <c r="B29" s="3" t="s">
        <v>265</v>
      </c>
      <c r="C29" s="12">
        <v>436</v>
      </c>
      <c r="D29" s="12">
        <v>917</v>
      </c>
      <c r="E29" s="12">
        <v>459</v>
      </c>
      <c r="F29" s="12">
        <v>458</v>
      </c>
      <c r="G29" s="12">
        <v>64</v>
      </c>
      <c r="H29" s="12">
        <v>73</v>
      </c>
      <c r="I29" s="12">
        <v>65</v>
      </c>
      <c r="J29" s="12">
        <v>94</v>
      </c>
      <c r="K29" s="12">
        <v>114</v>
      </c>
      <c r="L29" s="12">
        <v>122</v>
      </c>
      <c r="M29" s="12">
        <v>116</v>
      </c>
      <c r="N29" s="12">
        <v>269</v>
      </c>
      <c r="O29" s="12">
        <v>0</v>
      </c>
      <c r="P29" s="12">
        <v>102</v>
      </c>
      <c r="Q29" s="12">
        <v>482</v>
      </c>
      <c r="R29" s="12">
        <v>333</v>
      </c>
    </row>
    <row r="30" spans="1:18" s="4" customFormat="1" x14ac:dyDescent="0.15">
      <c r="A30" s="3"/>
      <c r="B30" s="3" t="s">
        <v>266</v>
      </c>
      <c r="C30" s="12">
        <v>367</v>
      </c>
      <c r="D30" s="12">
        <v>646</v>
      </c>
      <c r="E30" s="12">
        <v>333</v>
      </c>
      <c r="F30" s="12">
        <v>313</v>
      </c>
      <c r="G30" s="12">
        <v>44</v>
      </c>
      <c r="H30" s="12">
        <v>39</v>
      </c>
      <c r="I30" s="12">
        <v>56</v>
      </c>
      <c r="J30" s="12">
        <v>102</v>
      </c>
      <c r="K30" s="12">
        <v>97</v>
      </c>
      <c r="L30" s="12">
        <v>88</v>
      </c>
      <c r="M30" s="12">
        <v>91</v>
      </c>
      <c r="N30" s="12">
        <v>129</v>
      </c>
      <c r="O30" s="12">
        <v>0</v>
      </c>
      <c r="P30" s="12">
        <v>61</v>
      </c>
      <c r="Q30" s="12">
        <v>412</v>
      </c>
      <c r="R30" s="12">
        <v>173</v>
      </c>
    </row>
    <row r="31" spans="1:18" s="4" customFormat="1" x14ac:dyDescent="0.15">
      <c r="A31" s="3"/>
      <c r="B31" s="3" t="s">
        <v>267</v>
      </c>
      <c r="C31" s="12">
        <v>160</v>
      </c>
      <c r="D31" s="12">
        <v>340</v>
      </c>
      <c r="E31" s="12">
        <v>173</v>
      </c>
      <c r="F31" s="12">
        <v>167</v>
      </c>
      <c r="G31" s="12">
        <v>31</v>
      </c>
      <c r="H31" s="12">
        <v>17</v>
      </c>
      <c r="I31" s="12">
        <v>43</v>
      </c>
      <c r="J31" s="12">
        <v>46</v>
      </c>
      <c r="K31" s="12">
        <v>29</v>
      </c>
      <c r="L31" s="12">
        <v>52</v>
      </c>
      <c r="M31" s="12">
        <v>47</v>
      </c>
      <c r="N31" s="12">
        <v>75</v>
      </c>
      <c r="O31" s="12">
        <v>0</v>
      </c>
      <c r="P31" s="12">
        <v>41</v>
      </c>
      <c r="Q31" s="12">
        <v>202</v>
      </c>
      <c r="R31" s="12">
        <v>97</v>
      </c>
    </row>
    <row r="32" spans="1:18" s="4" customFormat="1" x14ac:dyDescent="0.15">
      <c r="A32" s="3"/>
      <c r="B32" s="3" t="s">
        <v>268</v>
      </c>
      <c r="C32" s="12">
        <v>649</v>
      </c>
      <c r="D32" s="12">
        <v>1270</v>
      </c>
      <c r="E32" s="12">
        <v>618</v>
      </c>
      <c r="F32" s="12">
        <v>652</v>
      </c>
      <c r="G32" s="12">
        <v>77</v>
      </c>
      <c r="H32" s="12">
        <v>104</v>
      </c>
      <c r="I32" s="12">
        <v>151</v>
      </c>
      <c r="J32" s="12">
        <v>137</v>
      </c>
      <c r="K32" s="12">
        <v>180</v>
      </c>
      <c r="L32" s="12">
        <v>186</v>
      </c>
      <c r="M32" s="12">
        <v>153</v>
      </c>
      <c r="N32" s="12">
        <v>282</v>
      </c>
      <c r="O32" s="12">
        <v>0</v>
      </c>
      <c r="P32" s="12">
        <v>127</v>
      </c>
      <c r="Q32" s="12">
        <v>782</v>
      </c>
      <c r="R32" s="12">
        <v>361</v>
      </c>
    </row>
    <row r="33" spans="1:18" s="4" customFormat="1" x14ac:dyDescent="0.15">
      <c r="A33" s="3"/>
      <c r="B33" s="3" t="s">
        <v>269</v>
      </c>
      <c r="C33" s="12">
        <v>934</v>
      </c>
      <c r="D33" s="12">
        <v>1632</v>
      </c>
      <c r="E33" s="12">
        <v>734</v>
      </c>
      <c r="F33" s="12">
        <v>898</v>
      </c>
      <c r="G33" s="12">
        <v>96</v>
      </c>
      <c r="H33" s="12">
        <v>76</v>
      </c>
      <c r="I33" s="12">
        <v>162</v>
      </c>
      <c r="J33" s="12">
        <v>178</v>
      </c>
      <c r="K33" s="12">
        <v>244</v>
      </c>
      <c r="L33" s="12">
        <v>220</v>
      </c>
      <c r="M33" s="12">
        <v>158</v>
      </c>
      <c r="N33" s="12">
        <v>498</v>
      </c>
      <c r="O33" s="12">
        <v>0</v>
      </c>
      <c r="P33" s="12">
        <v>137</v>
      </c>
      <c r="Q33" s="12">
        <v>918</v>
      </c>
      <c r="R33" s="12">
        <v>577</v>
      </c>
    </row>
    <row r="34" spans="1:18" s="4" customFormat="1" x14ac:dyDescent="0.15">
      <c r="A34" s="3"/>
      <c r="B34" s="3" t="s">
        <v>270</v>
      </c>
      <c r="C34" s="12">
        <v>350</v>
      </c>
      <c r="D34" s="12">
        <v>674</v>
      </c>
      <c r="E34" s="12">
        <v>331</v>
      </c>
      <c r="F34" s="12">
        <v>343</v>
      </c>
      <c r="G34" s="12">
        <v>40</v>
      </c>
      <c r="H34" s="12">
        <v>36</v>
      </c>
      <c r="I34" s="12">
        <v>81</v>
      </c>
      <c r="J34" s="12">
        <v>94</v>
      </c>
      <c r="K34" s="12">
        <v>91</v>
      </c>
      <c r="L34" s="12">
        <v>98</v>
      </c>
      <c r="M34" s="12">
        <v>78</v>
      </c>
      <c r="N34" s="12">
        <v>156</v>
      </c>
      <c r="O34" s="12">
        <v>0</v>
      </c>
      <c r="P34" s="12">
        <v>57</v>
      </c>
      <c r="Q34" s="12">
        <v>417</v>
      </c>
      <c r="R34" s="12">
        <v>200</v>
      </c>
    </row>
    <row r="35" spans="1:18" s="4" customFormat="1" x14ac:dyDescent="0.15">
      <c r="A35" s="3"/>
      <c r="B35" s="3" t="s">
        <v>271</v>
      </c>
      <c r="C35" s="12">
        <v>479</v>
      </c>
      <c r="D35" s="12">
        <v>966</v>
      </c>
      <c r="E35" s="12">
        <v>474</v>
      </c>
      <c r="F35" s="12">
        <v>492</v>
      </c>
      <c r="G35" s="12">
        <v>99</v>
      </c>
      <c r="H35" s="12">
        <v>62</v>
      </c>
      <c r="I35" s="12">
        <v>109</v>
      </c>
      <c r="J35" s="12">
        <v>204</v>
      </c>
      <c r="K35" s="12">
        <v>154</v>
      </c>
      <c r="L35" s="12">
        <v>128</v>
      </c>
      <c r="M35" s="12">
        <v>76</v>
      </c>
      <c r="N35" s="12">
        <v>134</v>
      </c>
      <c r="O35" s="12">
        <v>0</v>
      </c>
      <c r="P35" s="12">
        <v>127</v>
      </c>
      <c r="Q35" s="12">
        <v>670</v>
      </c>
      <c r="R35" s="12">
        <v>169</v>
      </c>
    </row>
    <row r="36" spans="1:18" s="4" customFormat="1" x14ac:dyDescent="0.15">
      <c r="A36" s="3"/>
      <c r="B36" s="3" t="s">
        <v>272</v>
      </c>
      <c r="C36" s="12">
        <v>307</v>
      </c>
      <c r="D36" s="12">
        <v>663</v>
      </c>
      <c r="E36" s="12">
        <v>326</v>
      </c>
      <c r="F36" s="12">
        <v>337</v>
      </c>
      <c r="G36" s="12">
        <v>68</v>
      </c>
      <c r="H36" s="12">
        <v>52</v>
      </c>
      <c r="I36" s="12">
        <v>68</v>
      </c>
      <c r="J36" s="12">
        <v>106</v>
      </c>
      <c r="K36" s="12">
        <v>108</v>
      </c>
      <c r="L36" s="12">
        <v>86</v>
      </c>
      <c r="M36" s="12">
        <v>62</v>
      </c>
      <c r="N36" s="12">
        <v>113</v>
      </c>
      <c r="O36" s="12">
        <v>0</v>
      </c>
      <c r="P36" s="12">
        <v>95</v>
      </c>
      <c r="Q36" s="12">
        <v>423</v>
      </c>
      <c r="R36" s="12">
        <v>145</v>
      </c>
    </row>
    <row r="37" spans="1:18" s="4" customFormat="1" x14ac:dyDescent="0.15">
      <c r="A37" s="3"/>
      <c r="B37" s="3" t="s">
        <v>273</v>
      </c>
      <c r="C37" s="12">
        <v>1040</v>
      </c>
      <c r="D37" s="12">
        <v>1548</v>
      </c>
      <c r="E37" s="12">
        <v>727</v>
      </c>
      <c r="F37" s="12">
        <v>821</v>
      </c>
      <c r="G37" s="12">
        <v>75</v>
      </c>
      <c r="H37" s="12">
        <v>56</v>
      </c>
      <c r="I37" s="12">
        <v>398</v>
      </c>
      <c r="J37" s="12">
        <v>295</v>
      </c>
      <c r="K37" s="12">
        <v>209</v>
      </c>
      <c r="L37" s="12">
        <v>181</v>
      </c>
      <c r="M37" s="12">
        <v>97</v>
      </c>
      <c r="N37" s="12">
        <v>237</v>
      </c>
      <c r="O37" s="12">
        <v>0</v>
      </c>
      <c r="P37" s="12">
        <v>107</v>
      </c>
      <c r="Q37" s="12">
        <v>1154</v>
      </c>
      <c r="R37" s="12">
        <v>287</v>
      </c>
    </row>
    <row r="38" spans="1:18" s="4" customFormat="1" x14ac:dyDescent="0.15">
      <c r="A38" s="3"/>
      <c r="B38" s="3" t="s">
        <v>274</v>
      </c>
      <c r="C38" s="12">
        <v>179</v>
      </c>
      <c r="D38" s="12">
        <v>290</v>
      </c>
      <c r="E38" s="12">
        <v>147</v>
      </c>
      <c r="F38" s="12">
        <v>143</v>
      </c>
      <c r="G38" s="12">
        <v>13</v>
      </c>
      <c r="H38" s="12">
        <v>19</v>
      </c>
      <c r="I38" s="12">
        <v>52</v>
      </c>
      <c r="J38" s="12">
        <v>48</v>
      </c>
      <c r="K38" s="12">
        <v>37</v>
      </c>
      <c r="L38" s="12">
        <v>43</v>
      </c>
      <c r="M38" s="12">
        <v>21</v>
      </c>
      <c r="N38" s="12">
        <v>57</v>
      </c>
      <c r="O38" s="12">
        <v>0</v>
      </c>
      <c r="P38" s="12">
        <v>22</v>
      </c>
      <c r="Q38" s="12">
        <v>202</v>
      </c>
      <c r="R38" s="12">
        <v>66</v>
      </c>
    </row>
    <row r="39" spans="1:18" s="4" customFormat="1" x14ac:dyDescent="0.15">
      <c r="A39" s="3"/>
      <c r="B39" s="3" t="s">
        <v>275</v>
      </c>
      <c r="C39" s="12">
        <v>1194</v>
      </c>
      <c r="D39" s="12">
        <v>2528</v>
      </c>
      <c r="E39" s="12">
        <v>1255</v>
      </c>
      <c r="F39" s="12">
        <v>1273</v>
      </c>
      <c r="G39" s="12">
        <v>204</v>
      </c>
      <c r="H39" s="12">
        <v>203</v>
      </c>
      <c r="I39" s="12">
        <v>281</v>
      </c>
      <c r="J39" s="12">
        <v>281</v>
      </c>
      <c r="K39" s="12">
        <v>348</v>
      </c>
      <c r="L39" s="12">
        <v>270</v>
      </c>
      <c r="M39" s="12">
        <v>278</v>
      </c>
      <c r="N39" s="12">
        <v>663</v>
      </c>
      <c r="O39" s="12">
        <v>0</v>
      </c>
      <c r="P39" s="12">
        <v>300</v>
      </c>
      <c r="Q39" s="12">
        <v>1417</v>
      </c>
      <c r="R39" s="12">
        <v>811</v>
      </c>
    </row>
    <row r="40" spans="1:18" s="4" customFormat="1" x14ac:dyDescent="0.15">
      <c r="A40" s="3"/>
      <c r="B40" s="3" t="s">
        <v>276</v>
      </c>
      <c r="C40" s="12">
        <v>682</v>
      </c>
      <c r="D40" s="12">
        <v>1379</v>
      </c>
      <c r="E40" s="12">
        <v>654</v>
      </c>
      <c r="F40" s="12">
        <v>725</v>
      </c>
      <c r="G40" s="12">
        <v>94</v>
      </c>
      <c r="H40" s="12">
        <v>99</v>
      </c>
      <c r="I40" s="12">
        <v>143</v>
      </c>
      <c r="J40" s="12">
        <v>176</v>
      </c>
      <c r="K40" s="12">
        <v>186</v>
      </c>
      <c r="L40" s="12">
        <v>196</v>
      </c>
      <c r="M40" s="12">
        <v>146</v>
      </c>
      <c r="N40" s="12">
        <v>339</v>
      </c>
      <c r="O40" s="12">
        <v>0</v>
      </c>
      <c r="P40" s="12">
        <v>151</v>
      </c>
      <c r="Q40" s="12">
        <v>828</v>
      </c>
      <c r="R40" s="12">
        <v>400</v>
      </c>
    </row>
    <row r="41" spans="1:18" s="4" customFormat="1" x14ac:dyDescent="0.15">
      <c r="A41" s="3"/>
      <c r="B41" s="3" t="s">
        <v>277</v>
      </c>
      <c r="C41" s="12">
        <v>310</v>
      </c>
      <c r="D41" s="12">
        <v>623</v>
      </c>
      <c r="E41" s="12">
        <v>328</v>
      </c>
      <c r="F41" s="12">
        <v>295</v>
      </c>
      <c r="G41" s="12">
        <v>52</v>
      </c>
      <c r="H41" s="12">
        <v>34</v>
      </c>
      <c r="I41" s="12">
        <v>73</v>
      </c>
      <c r="J41" s="12">
        <v>73</v>
      </c>
      <c r="K41" s="12">
        <v>100</v>
      </c>
      <c r="L41" s="12">
        <v>69</v>
      </c>
      <c r="M41" s="12">
        <v>62</v>
      </c>
      <c r="N41" s="12">
        <v>160</v>
      </c>
      <c r="O41" s="12">
        <v>0</v>
      </c>
      <c r="P41" s="12">
        <v>75</v>
      </c>
      <c r="Q41" s="12">
        <v>360</v>
      </c>
      <c r="R41" s="12">
        <v>188</v>
      </c>
    </row>
    <row r="42" spans="1:18" s="4" customFormat="1" x14ac:dyDescent="0.15">
      <c r="A42" s="3"/>
      <c r="B42" s="3" t="s">
        <v>278</v>
      </c>
      <c r="C42" s="12">
        <v>179</v>
      </c>
      <c r="D42" s="12">
        <v>332</v>
      </c>
      <c r="E42" s="12">
        <v>156</v>
      </c>
      <c r="F42" s="12">
        <v>176</v>
      </c>
      <c r="G42" s="12">
        <v>13</v>
      </c>
      <c r="H42" s="12">
        <v>15</v>
      </c>
      <c r="I42" s="12">
        <v>28</v>
      </c>
      <c r="J42" s="12">
        <v>56</v>
      </c>
      <c r="K42" s="12">
        <v>48</v>
      </c>
      <c r="L42" s="12">
        <v>58</v>
      </c>
      <c r="M42" s="12">
        <v>34</v>
      </c>
      <c r="N42" s="12">
        <v>80</v>
      </c>
      <c r="O42" s="12">
        <v>0</v>
      </c>
      <c r="P42" s="12">
        <v>21</v>
      </c>
      <c r="Q42" s="12">
        <v>210</v>
      </c>
      <c r="R42" s="12">
        <v>101</v>
      </c>
    </row>
    <row r="43" spans="1:18" s="4" customFormat="1" x14ac:dyDescent="0.15">
      <c r="A43" s="3"/>
      <c r="B43" s="3" t="s">
        <v>279</v>
      </c>
      <c r="C43" s="12">
        <v>90</v>
      </c>
      <c r="D43" s="12">
        <v>198</v>
      </c>
      <c r="E43" s="12">
        <v>91</v>
      </c>
      <c r="F43" s="12">
        <v>107</v>
      </c>
      <c r="G43" s="12">
        <v>27</v>
      </c>
      <c r="H43" s="12">
        <v>9</v>
      </c>
      <c r="I43" s="12">
        <v>25</v>
      </c>
      <c r="J43" s="12">
        <v>29</v>
      </c>
      <c r="K43" s="12">
        <v>29</v>
      </c>
      <c r="L43" s="12">
        <v>15</v>
      </c>
      <c r="M43" s="12">
        <v>30</v>
      </c>
      <c r="N43" s="12">
        <v>34</v>
      </c>
      <c r="O43" s="12">
        <v>0</v>
      </c>
      <c r="P43" s="12">
        <v>33</v>
      </c>
      <c r="Q43" s="12">
        <v>117</v>
      </c>
      <c r="R43" s="12">
        <v>48</v>
      </c>
    </row>
    <row r="44" spans="1:18" s="4" customFormat="1" x14ac:dyDescent="0.15">
      <c r="A44" s="3"/>
      <c r="B44" s="3" t="s">
        <v>280</v>
      </c>
      <c r="C44" s="12">
        <v>2394</v>
      </c>
      <c r="D44" s="12">
        <v>4735</v>
      </c>
      <c r="E44" s="12">
        <v>2227</v>
      </c>
      <c r="F44" s="12">
        <v>2508</v>
      </c>
      <c r="G44" s="12">
        <v>322</v>
      </c>
      <c r="H44" s="12">
        <v>304</v>
      </c>
      <c r="I44" s="12">
        <v>426</v>
      </c>
      <c r="J44" s="12">
        <v>466</v>
      </c>
      <c r="K44" s="12">
        <v>601</v>
      </c>
      <c r="L44" s="12">
        <v>632</v>
      </c>
      <c r="M44" s="12">
        <v>679</v>
      </c>
      <c r="N44" s="12">
        <v>1305</v>
      </c>
      <c r="O44" s="12">
        <v>0</v>
      </c>
      <c r="P44" s="12">
        <v>460</v>
      </c>
      <c r="Q44" s="12">
        <v>2626</v>
      </c>
      <c r="R44" s="12">
        <v>1649</v>
      </c>
    </row>
    <row r="45" spans="1:18" s="4" customFormat="1" x14ac:dyDescent="0.15">
      <c r="A45" s="3"/>
      <c r="B45" s="3" t="s">
        <v>281</v>
      </c>
      <c r="C45" s="12">
        <v>980</v>
      </c>
      <c r="D45" s="12">
        <v>1687</v>
      </c>
      <c r="E45" s="12">
        <v>774</v>
      </c>
      <c r="F45" s="12">
        <v>913</v>
      </c>
      <c r="G45" s="12">
        <v>162</v>
      </c>
      <c r="H45" s="12">
        <v>79</v>
      </c>
      <c r="I45" s="12">
        <v>364</v>
      </c>
      <c r="J45" s="12">
        <v>337</v>
      </c>
      <c r="K45" s="12">
        <v>218</v>
      </c>
      <c r="L45" s="12">
        <v>188</v>
      </c>
      <c r="M45" s="12">
        <v>150</v>
      </c>
      <c r="N45" s="12">
        <v>189</v>
      </c>
      <c r="O45" s="12">
        <v>0</v>
      </c>
      <c r="P45" s="12">
        <v>207</v>
      </c>
      <c r="Q45" s="12">
        <v>1227</v>
      </c>
      <c r="R45" s="12">
        <v>253</v>
      </c>
    </row>
    <row r="46" spans="1:18" s="4" customFormat="1" x14ac:dyDescent="0.15">
      <c r="A46" s="3"/>
      <c r="B46" s="3" t="s">
        <v>282</v>
      </c>
      <c r="C46" s="12">
        <v>220</v>
      </c>
      <c r="D46" s="12">
        <v>324</v>
      </c>
      <c r="E46" s="12">
        <v>141</v>
      </c>
      <c r="F46" s="12">
        <v>183</v>
      </c>
      <c r="G46" s="12">
        <v>13</v>
      </c>
      <c r="H46" s="12">
        <v>17</v>
      </c>
      <c r="I46" s="12">
        <v>89</v>
      </c>
      <c r="J46" s="12">
        <v>59</v>
      </c>
      <c r="K46" s="12">
        <v>48</v>
      </c>
      <c r="L46" s="12">
        <v>33</v>
      </c>
      <c r="M46" s="12">
        <v>20</v>
      </c>
      <c r="N46" s="12">
        <v>45</v>
      </c>
      <c r="O46" s="12">
        <v>0</v>
      </c>
      <c r="P46" s="12">
        <v>23</v>
      </c>
      <c r="Q46" s="12">
        <v>245</v>
      </c>
      <c r="R46" s="12">
        <v>56</v>
      </c>
    </row>
    <row r="47" spans="1:18" s="4" customFormat="1" x14ac:dyDescent="0.15">
      <c r="A47" s="3"/>
      <c r="B47" s="3" t="s">
        <v>283</v>
      </c>
      <c r="C47" s="12">
        <v>408</v>
      </c>
      <c r="D47" s="12">
        <v>682</v>
      </c>
      <c r="E47" s="12">
        <v>384</v>
      </c>
      <c r="F47" s="12">
        <v>298</v>
      </c>
      <c r="G47" s="12">
        <v>37</v>
      </c>
      <c r="H47" s="12">
        <v>35</v>
      </c>
      <c r="I47" s="12">
        <v>94</v>
      </c>
      <c r="J47" s="12">
        <v>122</v>
      </c>
      <c r="K47" s="12">
        <v>106</v>
      </c>
      <c r="L47" s="12">
        <v>72</v>
      </c>
      <c r="M47" s="12">
        <v>93</v>
      </c>
      <c r="N47" s="12">
        <v>123</v>
      </c>
      <c r="O47" s="12">
        <v>0</v>
      </c>
      <c r="P47" s="12">
        <v>58</v>
      </c>
      <c r="Q47" s="12">
        <v>466</v>
      </c>
      <c r="R47" s="12">
        <v>158</v>
      </c>
    </row>
    <row r="48" spans="1:18" s="4" customFormat="1" x14ac:dyDescent="0.15">
      <c r="A48" s="3"/>
      <c r="B48" s="3" t="s">
        <v>284</v>
      </c>
      <c r="C48" s="12">
        <v>164</v>
      </c>
      <c r="D48" s="12">
        <v>335</v>
      </c>
      <c r="E48" s="12">
        <v>175</v>
      </c>
      <c r="F48" s="12">
        <v>160</v>
      </c>
      <c r="G48" s="12">
        <v>28</v>
      </c>
      <c r="H48" s="12">
        <v>34</v>
      </c>
      <c r="I48" s="12">
        <v>28</v>
      </c>
      <c r="J48" s="12">
        <v>44</v>
      </c>
      <c r="K48" s="12">
        <v>52</v>
      </c>
      <c r="L48" s="12">
        <v>53</v>
      </c>
      <c r="M48" s="12">
        <v>27</v>
      </c>
      <c r="N48" s="12">
        <v>69</v>
      </c>
      <c r="O48" s="12">
        <v>0</v>
      </c>
      <c r="P48" s="12">
        <v>43</v>
      </c>
      <c r="Q48" s="12">
        <v>212</v>
      </c>
      <c r="R48" s="12">
        <v>80</v>
      </c>
    </row>
    <row r="49" spans="1:18" s="4" customFormat="1" x14ac:dyDescent="0.15">
      <c r="A49" s="3"/>
      <c r="B49" s="3" t="s">
        <v>285</v>
      </c>
      <c r="C49" s="12">
        <v>617</v>
      </c>
      <c r="D49" s="12">
        <v>1053</v>
      </c>
      <c r="E49" s="12">
        <v>545</v>
      </c>
      <c r="F49" s="12">
        <v>508</v>
      </c>
      <c r="G49" s="12">
        <v>61</v>
      </c>
      <c r="H49" s="12">
        <v>67</v>
      </c>
      <c r="I49" s="12">
        <v>128</v>
      </c>
      <c r="J49" s="12">
        <v>143</v>
      </c>
      <c r="K49" s="12">
        <v>148</v>
      </c>
      <c r="L49" s="12">
        <v>152</v>
      </c>
      <c r="M49" s="12">
        <v>126</v>
      </c>
      <c r="N49" s="12">
        <v>228</v>
      </c>
      <c r="O49" s="12">
        <v>0</v>
      </c>
      <c r="P49" s="12">
        <v>93</v>
      </c>
      <c r="Q49" s="12">
        <v>664</v>
      </c>
      <c r="R49" s="12">
        <v>296</v>
      </c>
    </row>
    <row r="50" spans="1:18" s="4" customFormat="1" x14ac:dyDescent="0.15">
      <c r="A50" s="3"/>
      <c r="B50" s="3" t="s">
        <v>286</v>
      </c>
      <c r="C50" s="12">
        <v>544</v>
      </c>
      <c r="D50" s="12">
        <v>1036</v>
      </c>
      <c r="E50" s="12">
        <v>507</v>
      </c>
      <c r="F50" s="12">
        <v>529</v>
      </c>
      <c r="G50" s="12">
        <v>58</v>
      </c>
      <c r="H50" s="12">
        <v>85</v>
      </c>
      <c r="I50" s="12">
        <v>131</v>
      </c>
      <c r="J50" s="12">
        <v>128</v>
      </c>
      <c r="K50" s="12">
        <v>133</v>
      </c>
      <c r="L50" s="12">
        <v>149</v>
      </c>
      <c r="M50" s="12">
        <v>120</v>
      </c>
      <c r="N50" s="12">
        <v>232</v>
      </c>
      <c r="O50" s="12">
        <v>0</v>
      </c>
      <c r="P50" s="12">
        <v>94</v>
      </c>
      <c r="Q50" s="12">
        <v>661</v>
      </c>
      <c r="R50" s="12">
        <v>281</v>
      </c>
    </row>
    <row r="51" spans="1:18" s="4" customFormat="1" x14ac:dyDescent="0.15">
      <c r="A51" s="3"/>
      <c r="B51" s="3" t="s">
        <v>287</v>
      </c>
      <c r="C51" s="12">
        <v>278</v>
      </c>
      <c r="D51" s="12">
        <v>569</v>
      </c>
      <c r="E51" s="12">
        <v>278</v>
      </c>
      <c r="F51" s="12">
        <v>291</v>
      </c>
      <c r="G51" s="12">
        <v>41</v>
      </c>
      <c r="H51" s="12">
        <v>49</v>
      </c>
      <c r="I51" s="12">
        <v>42</v>
      </c>
      <c r="J51" s="12">
        <v>66</v>
      </c>
      <c r="K51" s="12">
        <v>83</v>
      </c>
      <c r="L51" s="12">
        <v>81</v>
      </c>
      <c r="M51" s="12">
        <v>69</v>
      </c>
      <c r="N51" s="12">
        <v>138</v>
      </c>
      <c r="O51" s="12">
        <v>0</v>
      </c>
      <c r="P51" s="12">
        <v>70</v>
      </c>
      <c r="Q51" s="12">
        <v>335</v>
      </c>
      <c r="R51" s="12">
        <v>164</v>
      </c>
    </row>
    <row r="52" spans="1:18" s="4" customFormat="1" x14ac:dyDescent="0.15">
      <c r="A52" s="3"/>
      <c r="B52" s="3" t="s">
        <v>288</v>
      </c>
      <c r="C52" s="12">
        <v>705</v>
      </c>
      <c r="D52" s="12">
        <v>1369</v>
      </c>
      <c r="E52" s="12">
        <v>656</v>
      </c>
      <c r="F52" s="12">
        <v>713</v>
      </c>
      <c r="G52" s="12">
        <v>75</v>
      </c>
      <c r="H52" s="12">
        <v>134</v>
      </c>
      <c r="I52" s="12">
        <v>174</v>
      </c>
      <c r="J52" s="12">
        <v>135</v>
      </c>
      <c r="K52" s="12">
        <v>182</v>
      </c>
      <c r="L52" s="12">
        <v>213</v>
      </c>
      <c r="M52" s="12">
        <v>147</v>
      </c>
      <c r="N52" s="12">
        <v>309</v>
      </c>
      <c r="O52" s="12">
        <v>0</v>
      </c>
      <c r="P52" s="12">
        <v>129</v>
      </c>
      <c r="Q52" s="12">
        <v>860</v>
      </c>
      <c r="R52" s="12">
        <v>380</v>
      </c>
    </row>
    <row r="53" spans="1:18" s="4" customFormat="1" x14ac:dyDescent="0.15">
      <c r="A53" s="3"/>
      <c r="B53" s="3" t="s">
        <v>289</v>
      </c>
      <c r="C53" s="12">
        <v>570</v>
      </c>
      <c r="D53" s="12">
        <v>1026</v>
      </c>
      <c r="E53" s="12">
        <v>494</v>
      </c>
      <c r="F53" s="12">
        <v>532</v>
      </c>
      <c r="G53" s="12">
        <v>54</v>
      </c>
      <c r="H53" s="12">
        <v>64</v>
      </c>
      <c r="I53" s="12">
        <v>170</v>
      </c>
      <c r="J53" s="12">
        <v>138</v>
      </c>
      <c r="K53" s="12">
        <v>141</v>
      </c>
      <c r="L53" s="12">
        <v>112</v>
      </c>
      <c r="M53" s="12">
        <v>91</v>
      </c>
      <c r="N53" s="12">
        <v>256</v>
      </c>
      <c r="O53" s="12">
        <v>0</v>
      </c>
      <c r="P53" s="12">
        <v>86</v>
      </c>
      <c r="Q53" s="12">
        <v>627</v>
      </c>
      <c r="R53" s="12">
        <v>313</v>
      </c>
    </row>
    <row r="54" spans="1:18" s="4" customFormat="1" x14ac:dyDescent="0.15">
      <c r="A54" s="3"/>
      <c r="B54" s="3" t="s">
        <v>290</v>
      </c>
      <c r="C54" s="12">
        <v>334</v>
      </c>
      <c r="D54" s="12">
        <v>535</v>
      </c>
      <c r="E54" s="12">
        <v>242</v>
      </c>
      <c r="F54" s="12">
        <v>293</v>
      </c>
      <c r="G54" s="12">
        <v>43</v>
      </c>
      <c r="H54" s="12">
        <v>20</v>
      </c>
      <c r="I54" s="12">
        <v>82</v>
      </c>
      <c r="J54" s="12">
        <v>85</v>
      </c>
      <c r="K54" s="12">
        <v>84</v>
      </c>
      <c r="L54" s="12">
        <v>44</v>
      </c>
      <c r="M54" s="12">
        <v>53</v>
      </c>
      <c r="N54" s="12">
        <v>124</v>
      </c>
      <c r="O54" s="12">
        <v>0</v>
      </c>
      <c r="P54" s="12">
        <v>55</v>
      </c>
      <c r="Q54" s="12">
        <v>323</v>
      </c>
      <c r="R54" s="12">
        <v>157</v>
      </c>
    </row>
    <row r="55" spans="1:18" s="4" customFormat="1" x14ac:dyDescent="0.15">
      <c r="A55" s="3"/>
      <c r="B55" s="3" t="s">
        <v>291</v>
      </c>
      <c r="C55" s="12">
        <v>177</v>
      </c>
      <c r="D55" s="12">
        <v>335</v>
      </c>
      <c r="E55" s="12">
        <v>187</v>
      </c>
      <c r="F55" s="12">
        <v>148</v>
      </c>
      <c r="G55" s="12">
        <v>20</v>
      </c>
      <c r="H55" s="12">
        <v>21</v>
      </c>
      <c r="I55" s="12">
        <v>59</v>
      </c>
      <c r="J55" s="12">
        <v>51</v>
      </c>
      <c r="K55" s="12">
        <v>40</v>
      </c>
      <c r="L55" s="12">
        <v>48</v>
      </c>
      <c r="M55" s="12">
        <v>38</v>
      </c>
      <c r="N55" s="12">
        <v>58</v>
      </c>
      <c r="O55" s="12">
        <v>0</v>
      </c>
      <c r="P55" s="12">
        <v>30</v>
      </c>
      <c r="Q55" s="12">
        <v>235</v>
      </c>
      <c r="R55" s="12">
        <v>70</v>
      </c>
    </row>
    <row r="56" spans="1:18" s="4" customFormat="1" x14ac:dyDescent="0.15">
      <c r="A56" s="3"/>
      <c r="B56" s="3" t="s">
        <v>292</v>
      </c>
      <c r="C56" s="12">
        <v>176</v>
      </c>
      <c r="D56" s="12">
        <v>314</v>
      </c>
      <c r="E56" s="12">
        <v>158</v>
      </c>
      <c r="F56" s="12">
        <v>156</v>
      </c>
      <c r="G56" s="12">
        <v>22</v>
      </c>
      <c r="H56" s="12">
        <v>25</v>
      </c>
      <c r="I56" s="12">
        <v>34</v>
      </c>
      <c r="J56" s="12">
        <v>42</v>
      </c>
      <c r="K56" s="12">
        <v>48</v>
      </c>
      <c r="L56" s="12">
        <v>29</v>
      </c>
      <c r="M56" s="12">
        <v>38</v>
      </c>
      <c r="N56" s="12">
        <v>76</v>
      </c>
      <c r="O56" s="12">
        <v>0</v>
      </c>
      <c r="P56" s="12">
        <v>32</v>
      </c>
      <c r="Q56" s="12">
        <v>190</v>
      </c>
      <c r="R56" s="12">
        <v>92</v>
      </c>
    </row>
    <row r="57" spans="1:18" s="4" customFormat="1" x14ac:dyDescent="0.15">
      <c r="A57" s="3"/>
      <c r="B57" s="3" t="s">
        <v>293</v>
      </c>
      <c r="C57" s="12">
        <v>777</v>
      </c>
      <c r="D57" s="12">
        <v>1670</v>
      </c>
      <c r="E57" s="12">
        <v>811</v>
      </c>
      <c r="F57" s="12">
        <v>859</v>
      </c>
      <c r="G57" s="12">
        <v>126</v>
      </c>
      <c r="H57" s="12">
        <v>129</v>
      </c>
      <c r="I57" s="12">
        <v>140</v>
      </c>
      <c r="J57" s="12">
        <v>167</v>
      </c>
      <c r="K57" s="12">
        <v>222</v>
      </c>
      <c r="L57" s="12">
        <v>305</v>
      </c>
      <c r="M57" s="12">
        <v>253</v>
      </c>
      <c r="N57" s="12">
        <v>328</v>
      </c>
      <c r="O57" s="12">
        <v>0</v>
      </c>
      <c r="P57" s="12">
        <v>190</v>
      </c>
      <c r="Q57" s="12">
        <v>1034</v>
      </c>
      <c r="R57" s="12">
        <v>446</v>
      </c>
    </row>
    <row r="58" spans="1:18" s="4" customFormat="1" x14ac:dyDescent="0.15">
      <c r="A58" s="3"/>
      <c r="B58" s="3" t="s">
        <v>294</v>
      </c>
      <c r="C58" s="12">
        <v>293</v>
      </c>
      <c r="D58" s="12">
        <v>707</v>
      </c>
      <c r="E58" s="12">
        <v>335</v>
      </c>
      <c r="F58" s="12">
        <v>372</v>
      </c>
      <c r="G58" s="12">
        <v>57</v>
      </c>
      <c r="H58" s="12">
        <v>81</v>
      </c>
      <c r="I58" s="12">
        <v>53</v>
      </c>
      <c r="J58" s="12">
        <v>83</v>
      </c>
      <c r="K58" s="12">
        <v>96</v>
      </c>
      <c r="L58" s="12">
        <v>76</v>
      </c>
      <c r="M58" s="12">
        <v>92</v>
      </c>
      <c r="N58" s="12">
        <v>169</v>
      </c>
      <c r="O58" s="12">
        <v>0</v>
      </c>
      <c r="P58" s="12">
        <v>96</v>
      </c>
      <c r="Q58" s="12">
        <v>398</v>
      </c>
      <c r="R58" s="12">
        <v>213</v>
      </c>
    </row>
    <row r="59" spans="1:18" s="4" customFormat="1" x14ac:dyDescent="0.15">
      <c r="A59" s="3"/>
      <c r="B59" s="3" t="s">
        <v>295</v>
      </c>
      <c r="C59" s="12">
        <v>680</v>
      </c>
      <c r="D59" s="12">
        <v>1306</v>
      </c>
      <c r="E59" s="12">
        <v>646</v>
      </c>
      <c r="F59" s="12">
        <v>660</v>
      </c>
      <c r="G59" s="12">
        <v>86</v>
      </c>
      <c r="H59" s="12">
        <v>81</v>
      </c>
      <c r="I59" s="12">
        <v>190</v>
      </c>
      <c r="J59" s="12">
        <v>156</v>
      </c>
      <c r="K59" s="12">
        <v>151</v>
      </c>
      <c r="L59" s="12">
        <v>187</v>
      </c>
      <c r="M59" s="12">
        <v>163</v>
      </c>
      <c r="N59" s="12">
        <v>292</v>
      </c>
      <c r="O59" s="12">
        <v>0</v>
      </c>
      <c r="P59" s="12">
        <v>124</v>
      </c>
      <c r="Q59" s="12">
        <v>808</v>
      </c>
      <c r="R59" s="12">
        <v>374</v>
      </c>
    </row>
    <row r="60" spans="1:18" s="4" customFormat="1" x14ac:dyDescent="0.15">
      <c r="A60" s="3"/>
      <c r="B60" s="3" t="s">
        <v>296</v>
      </c>
      <c r="C60" s="12">
        <v>447</v>
      </c>
      <c r="D60" s="12">
        <v>612</v>
      </c>
      <c r="E60" s="12">
        <v>318</v>
      </c>
      <c r="F60" s="12">
        <v>294</v>
      </c>
      <c r="G60" s="12">
        <v>15</v>
      </c>
      <c r="H60" s="12">
        <v>27</v>
      </c>
      <c r="I60" s="12">
        <v>185</v>
      </c>
      <c r="J60" s="12">
        <v>124</v>
      </c>
      <c r="K60" s="12">
        <v>91</v>
      </c>
      <c r="L60" s="12">
        <v>61</v>
      </c>
      <c r="M60" s="12">
        <v>31</v>
      </c>
      <c r="N60" s="12">
        <v>78</v>
      </c>
      <c r="O60" s="12">
        <v>0</v>
      </c>
      <c r="P60" s="12">
        <v>28</v>
      </c>
      <c r="Q60" s="12">
        <v>490</v>
      </c>
      <c r="R60" s="12">
        <v>94</v>
      </c>
    </row>
    <row r="61" spans="1:18" s="4" customFormat="1" x14ac:dyDescent="0.15">
      <c r="A61" s="3"/>
      <c r="B61" s="3" t="s">
        <v>297</v>
      </c>
      <c r="C61" s="12">
        <v>626</v>
      </c>
      <c r="D61" s="12">
        <v>1153</v>
      </c>
      <c r="E61" s="12">
        <v>559</v>
      </c>
      <c r="F61" s="12">
        <v>594</v>
      </c>
      <c r="G61" s="12">
        <v>77</v>
      </c>
      <c r="H61" s="12">
        <v>74</v>
      </c>
      <c r="I61" s="12">
        <v>129</v>
      </c>
      <c r="J61" s="12">
        <v>143</v>
      </c>
      <c r="K61" s="12">
        <v>182</v>
      </c>
      <c r="L61" s="12">
        <v>167</v>
      </c>
      <c r="M61" s="12">
        <v>137</v>
      </c>
      <c r="N61" s="12">
        <v>244</v>
      </c>
      <c r="O61" s="12">
        <v>0</v>
      </c>
      <c r="P61" s="12">
        <v>113</v>
      </c>
      <c r="Q61" s="12">
        <v>728</v>
      </c>
      <c r="R61" s="12">
        <v>312</v>
      </c>
    </row>
    <row r="62" spans="1:18" s="4" customFormat="1" x14ac:dyDescent="0.15">
      <c r="A62" s="3"/>
      <c r="B62" s="3" t="s">
        <v>298</v>
      </c>
      <c r="C62" s="12">
        <v>317</v>
      </c>
      <c r="D62" s="12">
        <v>665</v>
      </c>
      <c r="E62" s="12">
        <v>333</v>
      </c>
      <c r="F62" s="12">
        <v>332</v>
      </c>
      <c r="G62" s="12">
        <v>59</v>
      </c>
      <c r="H62" s="12">
        <v>48</v>
      </c>
      <c r="I62" s="12">
        <v>97</v>
      </c>
      <c r="J62" s="12">
        <v>92</v>
      </c>
      <c r="K62" s="12">
        <v>97</v>
      </c>
      <c r="L62" s="12">
        <v>99</v>
      </c>
      <c r="M62" s="12">
        <v>73</v>
      </c>
      <c r="N62" s="12">
        <v>100</v>
      </c>
      <c r="O62" s="12">
        <v>0</v>
      </c>
      <c r="P62" s="12">
        <v>91</v>
      </c>
      <c r="Q62" s="12">
        <v>438</v>
      </c>
      <c r="R62" s="12">
        <v>136</v>
      </c>
    </row>
    <row r="63" spans="1:18" s="4" customFormat="1" x14ac:dyDescent="0.15">
      <c r="A63" s="3"/>
      <c r="B63" s="3" t="s">
        <v>299</v>
      </c>
      <c r="C63" s="12">
        <v>261</v>
      </c>
      <c r="D63" s="12">
        <v>524</v>
      </c>
      <c r="E63" s="12">
        <v>243</v>
      </c>
      <c r="F63" s="12">
        <v>281</v>
      </c>
      <c r="G63" s="12">
        <v>60</v>
      </c>
      <c r="H63" s="12">
        <v>34</v>
      </c>
      <c r="I63" s="12">
        <v>46</v>
      </c>
      <c r="J63" s="12">
        <v>90</v>
      </c>
      <c r="K63" s="12">
        <v>68</v>
      </c>
      <c r="L63" s="12">
        <v>65</v>
      </c>
      <c r="M63" s="12">
        <v>43</v>
      </c>
      <c r="N63" s="12">
        <v>118</v>
      </c>
      <c r="O63" s="12">
        <v>0</v>
      </c>
      <c r="P63" s="12">
        <v>82</v>
      </c>
      <c r="Q63" s="12">
        <v>304</v>
      </c>
      <c r="R63" s="12">
        <v>138</v>
      </c>
    </row>
    <row r="64" spans="1:18" s="4" customFormat="1" x14ac:dyDescent="0.15">
      <c r="A64" s="3"/>
      <c r="B64" s="3" t="s">
        <v>300</v>
      </c>
      <c r="C64" s="12">
        <v>790</v>
      </c>
      <c r="D64" s="12">
        <v>1248</v>
      </c>
      <c r="E64" s="12">
        <v>587</v>
      </c>
      <c r="F64" s="12">
        <v>661</v>
      </c>
      <c r="G64" s="12">
        <v>56</v>
      </c>
      <c r="H64" s="12">
        <v>49</v>
      </c>
      <c r="I64" s="12">
        <v>250</v>
      </c>
      <c r="J64" s="12">
        <v>161</v>
      </c>
      <c r="K64" s="12">
        <v>177</v>
      </c>
      <c r="L64" s="12">
        <v>163</v>
      </c>
      <c r="M64" s="12">
        <v>145</v>
      </c>
      <c r="N64" s="12">
        <v>247</v>
      </c>
      <c r="O64" s="12">
        <v>0</v>
      </c>
      <c r="P64" s="12">
        <v>81</v>
      </c>
      <c r="Q64" s="12">
        <v>847</v>
      </c>
      <c r="R64" s="12">
        <v>320</v>
      </c>
    </row>
    <row r="65" spans="1:18" s="4" customFormat="1" x14ac:dyDescent="0.15">
      <c r="A65" s="3"/>
      <c r="B65" s="3" t="s">
        <v>301</v>
      </c>
      <c r="C65" s="12">
        <v>204</v>
      </c>
      <c r="D65" s="12">
        <v>347</v>
      </c>
      <c r="E65" s="12">
        <v>162</v>
      </c>
      <c r="F65" s="12">
        <v>185</v>
      </c>
      <c r="G65" s="12">
        <v>21</v>
      </c>
      <c r="H65" s="12">
        <v>26</v>
      </c>
      <c r="I65" s="12">
        <v>59</v>
      </c>
      <c r="J65" s="12">
        <v>40</v>
      </c>
      <c r="K65" s="12">
        <v>48</v>
      </c>
      <c r="L65" s="12">
        <v>48</v>
      </c>
      <c r="M65" s="12">
        <v>33</v>
      </c>
      <c r="N65" s="12">
        <v>72</v>
      </c>
      <c r="O65" s="12">
        <v>0</v>
      </c>
      <c r="P65" s="12">
        <v>35</v>
      </c>
      <c r="Q65" s="12">
        <v>224</v>
      </c>
      <c r="R65" s="12">
        <v>88</v>
      </c>
    </row>
    <row r="66" spans="1:18" s="4" customFormat="1" x14ac:dyDescent="0.15">
      <c r="A66" s="3"/>
      <c r="B66" s="3" t="s">
        <v>302</v>
      </c>
      <c r="C66" s="12">
        <v>1640</v>
      </c>
      <c r="D66" s="12">
        <v>2954</v>
      </c>
      <c r="E66" s="12">
        <v>1464</v>
      </c>
      <c r="F66" s="12">
        <v>1490</v>
      </c>
      <c r="G66" s="12">
        <v>188</v>
      </c>
      <c r="H66" s="12">
        <v>193</v>
      </c>
      <c r="I66" s="12">
        <v>190</v>
      </c>
      <c r="J66" s="12">
        <v>290</v>
      </c>
      <c r="K66" s="12">
        <v>434</v>
      </c>
      <c r="L66" s="12">
        <v>465</v>
      </c>
      <c r="M66" s="12">
        <v>402</v>
      </c>
      <c r="N66" s="12">
        <v>792</v>
      </c>
      <c r="O66" s="12">
        <v>0</v>
      </c>
      <c r="P66" s="12">
        <v>280</v>
      </c>
      <c r="Q66" s="12">
        <v>1666</v>
      </c>
      <c r="R66" s="12">
        <v>1008</v>
      </c>
    </row>
    <row r="67" spans="1:18" s="4" customFormat="1" x14ac:dyDescent="0.15">
      <c r="A67" s="3"/>
      <c r="B67" s="3" t="s">
        <v>303</v>
      </c>
      <c r="C67" s="12">
        <v>1928</v>
      </c>
      <c r="D67" s="12">
        <v>3785</v>
      </c>
      <c r="E67" s="12">
        <v>1801</v>
      </c>
      <c r="F67" s="12">
        <v>1984</v>
      </c>
      <c r="G67" s="12">
        <v>265</v>
      </c>
      <c r="H67" s="12">
        <v>247</v>
      </c>
      <c r="I67" s="12">
        <v>391</v>
      </c>
      <c r="J67" s="12">
        <v>423</v>
      </c>
      <c r="K67" s="12">
        <v>477</v>
      </c>
      <c r="L67" s="12">
        <v>484</v>
      </c>
      <c r="M67" s="12">
        <v>455</v>
      </c>
      <c r="N67" s="12">
        <v>1043</v>
      </c>
      <c r="O67" s="12">
        <v>0</v>
      </c>
      <c r="P67" s="12">
        <v>390</v>
      </c>
      <c r="Q67" s="12">
        <v>2104</v>
      </c>
      <c r="R67" s="12">
        <v>1291</v>
      </c>
    </row>
    <row r="68" spans="1:18" s="4" customFormat="1" x14ac:dyDescent="0.15">
      <c r="A68" s="3"/>
      <c r="B68" s="3" t="s">
        <v>304</v>
      </c>
      <c r="C68" s="12">
        <v>553</v>
      </c>
      <c r="D68" s="12">
        <v>1093</v>
      </c>
      <c r="E68" s="12">
        <v>544</v>
      </c>
      <c r="F68" s="12">
        <v>549</v>
      </c>
      <c r="G68" s="12">
        <v>76</v>
      </c>
      <c r="H68" s="12">
        <v>82</v>
      </c>
      <c r="I68" s="12">
        <v>114</v>
      </c>
      <c r="J68" s="12">
        <v>120</v>
      </c>
      <c r="K68" s="12">
        <v>168</v>
      </c>
      <c r="L68" s="12">
        <v>195</v>
      </c>
      <c r="M68" s="12">
        <v>146</v>
      </c>
      <c r="N68" s="12">
        <v>192</v>
      </c>
      <c r="O68" s="12">
        <v>0</v>
      </c>
      <c r="P68" s="12">
        <v>118</v>
      </c>
      <c r="Q68" s="12">
        <v>717</v>
      </c>
      <c r="R68" s="12">
        <v>258</v>
      </c>
    </row>
    <row r="69" spans="1:18" s="4" customFormat="1" x14ac:dyDescent="0.15">
      <c r="A69" s="3"/>
      <c r="B69" s="3" t="s">
        <v>305</v>
      </c>
      <c r="C69" s="12">
        <v>979</v>
      </c>
      <c r="D69" s="12">
        <v>2063</v>
      </c>
      <c r="E69" s="12">
        <v>977</v>
      </c>
      <c r="F69" s="12">
        <v>1086</v>
      </c>
      <c r="G69" s="12">
        <v>140</v>
      </c>
      <c r="H69" s="12">
        <v>235</v>
      </c>
      <c r="I69" s="12">
        <v>198</v>
      </c>
      <c r="J69" s="12">
        <v>193</v>
      </c>
      <c r="K69" s="12">
        <v>341</v>
      </c>
      <c r="L69" s="12">
        <v>299</v>
      </c>
      <c r="M69" s="12">
        <v>224</v>
      </c>
      <c r="N69" s="12">
        <v>433</v>
      </c>
      <c r="O69" s="12">
        <v>0</v>
      </c>
      <c r="P69" s="12">
        <v>248</v>
      </c>
      <c r="Q69" s="12">
        <v>1267</v>
      </c>
      <c r="R69" s="12">
        <v>548</v>
      </c>
    </row>
    <row r="70" spans="1:18" s="4" customFormat="1" x14ac:dyDescent="0.15">
      <c r="A70" s="3"/>
      <c r="B70" s="3" t="s">
        <v>306</v>
      </c>
      <c r="C70" s="12">
        <v>323</v>
      </c>
      <c r="D70" s="12">
        <v>619</v>
      </c>
      <c r="E70" s="12">
        <v>304</v>
      </c>
      <c r="F70" s="12">
        <v>315</v>
      </c>
      <c r="G70" s="12">
        <v>55</v>
      </c>
      <c r="H70" s="12">
        <v>39</v>
      </c>
      <c r="I70" s="12">
        <v>65</v>
      </c>
      <c r="J70" s="12">
        <v>98</v>
      </c>
      <c r="K70" s="12">
        <v>80</v>
      </c>
      <c r="L70" s="12">
        <v>93</v>
      </c>
      <c r="M70" s="12">
        <v>77</v>
      </c>
      <c r="N70" s="12">
        <v>112</v>
      </c>
      <c r="O70" s="12">
        <v>0</v>
      </c>
      <c r="P70" s="12">
        <v>70</v>
      </c>
      <c r="Q70" s="12">
        <v>402</v>
      </c>
      <c r="R70" s="12">
        <v>147</v>
      </c>
    </row>
    <row r="71" spans="1:18" s="4" customFormat="1" x14ac:dyDescent="0.15">
      <c r="A71" s="3"/>
      <c r="B71" s="3" t="s">
        <v>307</v>
      </c>
      <c r="C71" s="12">
        <v>1350</v>
      </c>
      <c r="D71" s="12">
        <v>2881</v>
      </c>
      <c r="E71" s="12">
        <v>1403</v>
      </c>
      <c r="F71" s="12">
        <v>1478</v>
      </c>
      <c r="G71" s="12">
        <v>237</v>
      </c>
      <c r="H71" s="12">
        <v>245</v>
      </c>
      <c r="I71" s="12">
        <v>253</v>
      </c>
      <c r="J71" s="12">
        <v>358</v>
      </c>
      <c r="K71" s="12">
        <v>383</v>
      </c>
      <c r="L71" s="12">
        <v>394</v>
      </c>
      <c r="M71" s="12">
        <v>370</v>
      </c>
      <c r="N71" s="12">
        <v>641</v>
      </c>
      <c r="O71" s="12">
        <v>0</v>
      </c>
      <c r="P71" s="12">
        <v>341</v>
      </c>
      <c r="Q71" s="12">
        <v>1717</v>
      </c>
      <c r="R71" s="12">
        <v>823</v>
      </c>
    </row>
    <row r="72" spans="1:18" s="4" customFormat="1" x14ac:dyDescent="0.15">
      <c r="A72" s="3"/>
      <c r="B72" s="3" t="s">
        <v>308</v>
      </c>
      <c r="C72" s="12">
        <v>286</v>
      </c>
      <c r="D72" s="12">
        <v>513</v>
      </c>
      <c r="E72" s="12">
        <v>266</v>
      </c>
      <c r="F72" s="12">
        <v>247</v>
      </c>
      <c r="G72" s="12">
        <v>30</v>
      </c>
      <c r="H72" s="12">
        <v>30</v>
      </c>
      <c r="I72" s="12">
        <v>80</v>
      </c>
      <c r="J72" s="12">
        <v>74</v>
      </c>
      <c r="K72" s="12">
        <v>65</v>
      </c>
      <c r="L72" s="12">
        <v>52</v>
      </c>
      <c r="M72" s="12">
        <v>58</v>
      </c>
      <c r="N72" s="12">
        <v>124</v>
      </c>
      <c r="O72" s="12">
        <v>0</v>
      </c>
      <c r="P72" s="12">
        <v>50</v>
      </c>
      <c r="Q72" s="12">
        <v>313</v>
      </c>
      <c r="R72" s="12">
        <v>150</v>
      </c>
    </row>
    <row r="73" spans="1:18" s="4" customFormat="1" x14ac:dyDescent="0.15">
      <c r="A73" s="3"/>
      <c r="B73" s="3" t="s">
        <v>309</v>
      </c>
      <c r="C73" s="12">
        <v>628</v>
      </c>
      <c r="D73" s="12">
        <v>1198</v>
      </c>
      <c r="E73" s="12">
        <v>580</v>
      </c>
      <c r="F73" s="12">
        <v>618</v>
      </c>
      <c r="G73" s="12">
        <v>55</v>
      </c>
      <c r="H73" s="12">
        <v>95</v>
      </c>
      <c r="I73" s="12">
        <v>124</v>
      </c>
      <c r="J73" s="12">
        <v>135</v>
      </c>
      <c r="K73" s="12">
        <v>153</v>
      </c>
      <c r="L73" s="12">
        <v>166</v>
      </c>
      <c r="M73" s="12">
        <v>179</v>
      </c>
      <c r="N73" s="12">
        <v>291</v>
      </c>
      <c r="O73" s="12">
        <v>0</v>
      </c>
      <c r="P73" s="12">
        <v>97</v>
      </c>
      <c r="Q73" s="12">
        <v>709</v>
      </c>
      <c r="R73" s="12">
        <v>392</v>
      </c>
    </row>
    <row r="74" spans="1:18" s="4" customFormat="1" x14ac:dyDescent="0.15">
      <c r="A74" s="3"/>
      <c r="B74" s="3" t="s">
        <v>310</v>
      </c>
      <c r="C74" s="12">
        <v>411</v>
      </c>
      <c r="D74" s="12">
        <v>834</v>
      </c>
      <c r="E74" s="12">
        <v>411</v>
      </c>
      <c r="F74" s="12">
        <v>423</v>
      </c>
      <c r="G74" s="12">
        <v>70</v>
      </c>
      <c r="H74" s="12">
        <v>69</v>
      </c>
      <c r="I74" s="12">
        <v>131</v>
      </c>
      <c r="J74" s="12">
        <v>134</v>
      </c>
      <c r="K74" s="12">
        <v>91</v>
      </c>
      <c r="L74" s="12">
        <v>110</v>
      </c>
      <c r="M74" s="12">
        <v>80</v>
      </c>
      <c r="N74" s="12">
        <v>149</v>
      </c>
      <c r="O74" s="12">
        <v>0</v>
      </c>
      <c r="P74" s="12">
        <v>104</v>
      </c>
      <c r="Q74" s="12">
        <v>543</v>
      </c>
      <c r="R74" s="12">
        <v>187</v>
      </c>
    </row>
    <row r="75" spans="1:18" s="4" customFormat="1" x14ac:dyDescent="0.15">
      <c r="A75" s="3"/>
      <c r="B75" s="3" t="s">
        <v>311</v>
      </c>
      <c r="C75" s="12">
        <v>666</v>
      </c>
      <c r="D75" s="12">
        <v>1341</v>
      </c>
      <c r="E75" s="12">
        <v>648</v>
      </c>
      <c r="F75" s="12">
        <v>693</v>
      </c>
      <c r="G75" s="12">
        <v>115</v>
      </c>
      <c r="H75" s="12">
        <v>120</v>
      </c>
      <c r="I75" s="12">
        <v>141</v>
      </c>
      <c r="J75" s="12">
        <v>178</v>
      </c>
      <c r="K75" s="12">
        <v>206</v>
      </c>
      <c r="L75" s="12">
        <v>165</v>
      </c>
      <c r="M75" s="12">
        <v>162</v>
      </c>
      <c r="N75" s="12">
        <v>254</v>
      </c>
      <c r="O75" s="12">
        <v>0</v>
      </c>
      <c r="P75" s="12">
        <v>181</v>
      </c>
      <c r="Q75" s="12">
        <v>828</v>
      </c>
      <c r="R75" s="12">
        <v>332</v>
      </c>
    </row>
    <row r="76" spans="1:18" s="4" customFormat="1" x14ac:dyDescent="0.15">
      <c r="A76" s="3"/>
      <c r="B76" s="3" t="s">
        <v>312</v>
      </c>
      <c r="C76" s="12">
        <v>787</v>
      </c>
      <c r="D76" s="12">
        <v>1654</v>
      </c>
      <c r="E76" s="12">
        <v>818</v>
      </c>
      <c r="F76" s="12">
        <v>836</v>
      </c>
      <c r="G76" s="12">
        <v>132</v>
      </c>
      <c r="H76" s="12">
        <v>130</v>
      </c>
      <c r="I76" s="12">
        <v>155</v>
      </c>
      <c r="J76" s="12">
        <v>190</v>
      </c>
      <c r="K76" s="12">
        <v>249</v>
      </c>
      <c r="L76" s="12">
        <v>210</v>
      </c>
      <c r="M76" s="12">
        <v>209</v>
      </c>
      <c r="N76" s="12">
        <v>379</v>
      </c>
      <c r="O76" s="12">
        <v>0</v>
      </c>
      <c r="P76" s="12">
        <v>194</v>
      </c>
      <c r="Q76" s="12">
        <v>989</v>
      </c>
      <c r="R76" s="12">
        <v>471</v>
      </c>
    </row>
    <row r="77" spans="1:18" s="4" customFormat="1" x14ac:dyDescent="0.15">
      <c r="A77" s="3"/>
      <c r="B77" s="3" t="s">
        <v>313</v>
      </c>
      <c r="C77" s="12">
        <v>40</v>
      </c>
      <c r="D77" s="12">
        <v>85</v>
      </c>
      <c r="E77" s="12">
        <v>40</v>
      </c>
      <c r="F77" s="12">
        <v>45</v>
      </c>
      <c r="G77" s="12">
        <v>12</v>
      </c>
      <c r="H77" s="12">
        <v>6</v>
      </c>
      <c r="I77" s="12">
        <v>3</v>
      </c>
      <c r="J77" s="12">
        <v>6</v>
      </c>
      <c r="K77" s="12">
        <v>15</v>
      </c>
      <c r="L77" s="12">
        <v>7</v>
      </c>
      <c r="M77" s="12">
        <v>7</v>
      </c>
      <c r="N77" s="12">
        <v>29</v>
      </c>
      <c r="O77" s="12">
        <v>0</v>
      </c>
      <c r="P77" s="12">
        <v>18</v>
      </c>
      <c r="Q77" s="12">
        <v>35</v>
      </c>
      <c r="R77" s="12">
        <v>32</v>
      </c>
    </row>
    <row r="78" spans="1:18" s="4" customFormat="1" x14ac:dyDescent="0.15">
      <c r="A78" s="3"/>
      <c r="B78" s="3" t="s">
        <v>314</v>
      </c>
      <c r="C78" s="12">
        <v>282</v>
      </c>
      <c r="D78" s="12">
        <v>465</v>
      </c>
      <c r="E78" s="12">
        <v>228</v>
      </c>
      <c r="F78" s="12">
        <v>237</v>
      </c>
      <c r="G78" s="12">
        <v>23</v>
      </c>
      <c r="H78" s="12">
        <v>16</v>
      </c>
      <c r="I78" s="12">
        <v>66</v>
      </c>
      <c r="J78" s="12">
        <v>59</v>
      </c>
      <c r="K78" s="12">
        <v>82</v>
      </c>
      <c r="L78" s="12">
        <v>57</v>
      </c>
      <c r="M78" s="12">
        <v>56</v>
      </c>
      <c r="N78" s="12">
        <v>106</v>
      </c>
      <c r="O78" s="12">
        <v>0</v>
      </c>
      <c r="P78" s="12">
        <v>32</v>
      </c>
      <c r="Q78" s="12">
        <v>303</v>
      </c>
      <c r="R78" s="12">
        <v>130</v>
      </c>
    </row>
    <row r="79" spans="1:18" s="4" customFormat="1" x14ac:dyDescent="0.15">
      <c r="A79" s="3"/>
      <c r="B79" s="3" t="s">
        <v>315</v>
      </c>
      <c r="C79" s="12">
        <v>348</v>
      </c>
      <c r="D79" s="12">
        <v>784</v>
      </c>
      <c r="E79" s="12">
        <v>365</v>
      </c>
      <c r="F79" s="12">
        <v>419</v>
      </c>
      <c r="G79" s="12">
        <v>52</v>
      </c>
      <c r="H79" s="12">
        <v>86</v>
      </c>
      <c r="I79" s="12">
        <v>92</v>
      </c>
      <c r="J79" s="12">
        <v>95</v>
      </c>
      <c r="K79" s="12">
        <v>108</v>
      </c>
      <c r="L79" s="12">
        <v>135</v>
      </c>
      <c r="M79" s="12">
        <v>108</v>
      </c>
      <c r="N79" s="12">
        <v>108</v>
      </c>
      <c r="O79" s="12">
        <v>0</v>
      </c>
      <c r="P79" s="12">
        <v>91</v>
      </c>
      <c r="Q79" s="12">
        <v>544</v>
      </c>
      <c r="R79" s="12">
        <v>149</v>
      </c>
    </row>
    <row r="80" spans="1:18" s="4" customFormat="1" x14ac:dyDescent="0.15">
      <c r="A80" s="3"/>
      <c r="B80" s="3" t="s">
        <v>316</v>
      </c>
      <c r="C80" s="12">
        <v>901</v>
      </c>
      <c r="D80" s="12">
        <v>1946</v>
      </c>
      <c r="E80" s="12">
        <v>922</v>
      </c>
      <c r="F80" s="12">
        <v>1024</v>
      </c>
      <c r="G80" s="12">
        <v>128</v>
      </c>
      <c r="H80" s="12">
        <v>185</v>
      </c>
      <c r="I80" s="12">
        <v>145</v>
      </c>
      <c r="J80" s="12">
        <v>167</v>
      </c>
      <c r="K80" s="12">
        <v>302</v>
      </c>
      <c r="L80" s="12">
        <v>309</v>
      </c>
      <c r="M80" s="12">
        <v>268</v>
      </c>
      <c r="N80" s="12">
        <v>442</v>
      </c>
      <c r="O80" s="12">
        <v>0</v>
      </c>
      <c r="P80" s="12">
        <v>231</v>
      </c>
      <c r="Q80" s="12">
        <v>1122</v>
      </c>
      <c r="R80" s="12">
        <v>593</v>
      </c>
    </row>
    <row r="81" spans="1:18" s="4" customFormat="1" x14ac:dyDescent="0.15">
      <c r="A81" s="3"/>
      <c r="B81" s="3" t="s">
        <v>317</v>
      </c>
      <c r="C81" s="12">
        <v>674</v>
      </c>
      <c r="D81" s="12">
        <v>1330</v>
      </c>
      <c r="E81" s="12">
        <v>655</v>
      </c>
      <c r="F81" s="12">
        <v>675</v>
      </c>
      <c r="G81" s="12">
        <v>65</v>
      </c>
      <c r="H81" s="12">
        <v>98</v>
      </c>
      <c r="I81" s="12">
        <v>128</v>
      </c>
      <c r="J81" s="12">
        <v>126</v>
      </c>
      <c r="K81" s="12">
        <v>189</v>
      </c>
      <c r="L81" s="12">
        <v>196</v>
      </c>
      <c r="M81" s="12">
        <v>201</v>
      </c>
      <c r="N81" s="12">
        <v>327</v>
      </c>
      <c r="O81" s="12">
        <v>0</v>
      </c>
      <c r="P81" s="12">
        <v>108</v>
      </c>
      <c r="Q81" s="12">
        <v>784</v>
      </c>
      <c r="R81" s="12">
        <v>438</v>
      </c>
    </row>
    <row r="82" spans="1:18" s="4" customFormat="1" x14ac:dyDescent="0.15">
      <c r="A82" s="3"/>
      <c r="B82" s="3" t="s">
        <v>318</v>
      </c>
      <c r="C82" s="12">
        <v>162</v>
      </c>
      <c r="D82" s="12">
        <v>298</v>
      </c>
      <c r="E82" s="12">
        <v>152</v>
      </c>
      <c r="F82" s="12">
        <v>146</v>
      </c>
      <c r="G82" s="12">
        <v>27</v>
      </c>
      <c r="H82" s="12">
        <v>10</v>
      </c>
      <c r="I82" s="12">
        <v>43</v>
      </c>
      <c r="J82" s="12">
        <v>40</v>
      </c>
      <c r="K82" s="12">
        <v>49</v>
      </c>
      <c r="L82" s="12">
        <v>30</v>
      </c>
      <c r="M82" s="12">
        <v>45</v>
      </c>
      <c r="N82" s="12">
        <v>54</v>
      </c>
      <c r="O82" s="12">
        <v>0</v>
      </c>
      <c r="P82" s="12">
        <v>32</v>
      </c>
      <c r="Q82" s="12">
        <v>187</v>
      </c>
      <c r="R82" s="12">
        <v>79</v>
      </c>
    </row>
    <row r="83" spans="1:18" s="4" customFormat="1" x14ac:dyDescent="0.15">
      <c r="A83" s="3"/>
      <c r="B83" s="3" t="s">
        <v>319</v>
      </c>
      <c r="C83" s="12">
        <v>4</v>
      </c>
      <c r="D83" s="12">
        <v>4</v>
      </c>
      <c r="E83" s="12">
        <v>2</v>
      </c>
      <c r="F83" s="12">
        <v>2</v>
      </c>
      <c r="G83" s="12" t="s">
        <v>132</v>
      </c>
      <c r="H83" s="12" t="s">
        <v>132</v>
      </c>
      <c r="I83" s="12" t="s">
        <v>132</v>
      </c>
      <c r="J83" s="12" t="s">
        <v>132</v>
      </c>
      <c r="K83" s="12" t="s">
        <v>132</v>
      </c>
      <c r="L83" s="12" t="s">
        <v>132</v>
      </c>
      <c r="M83" s="12" t="s">
        <v>132</v>
      </c>
      <c r="N83" s="12" t="s">
        <v>132</v>
      </c>
      <c r="O83" s="12" t="s">
        <v>132</v>
      </c>
      <c r="P83" s="12" t="s">
        <v>132</v>
      </c>
      <c r="Q83" s="12" t="s">
        <v>132</v>
      </c>
      <c r="R83" s="12" t="s">
        <v>132</v>
      </c>
    </row>
    <row r="84" spans="1:18" s="4" customFormat="1" x14ac:dyDescent="0.15">
      <c r="A84" s="3"/>
      <c r="B84" s="3" t="s">
        <v>320</v>
      </c>
      <c r="C84" s="12">
        <v>346</v>
      </c>
      <c r="D84" s="12">
        <v>657</v>
      </c>
      <c r="E84" s="12">
        <v>334</v>
      </c>
      <c r="F84" s="12">
        <v>323</v>
      </c>
      <c r="G84" s="12">
        <v>45</v>
      </c>
      <c r="H84" s="12">
        <v>47</v>
      </c>
      <c r="I84" s="12">
        <v>94</v>
      </c>
      <c r="J84" s="12">
        <v>82</v>
      </c>
      <c r="K84" s="12">
        <v>79</v>
      </c>
      <c r="L84" s="12">
        <v>110</v>
      </c>
      <c r="M84" s="12">
        <v>81</v>
      </c>
      <c r="N84" s="12">
        <v>119</v>
      </c>
      <c r="O84" s="12">
        <v>0</v>
      </c>
      <c r="P84" s="12">
        <v>70</v>
      </c>
      <c r="Q84" s="12">
        <v>426</v>
      </c>
      <c r="R84" s="12">
        <v>161</v>
      </c>
    </row>
    <row r="85" spans="1:18" s="4" customFormat="1" x14ac:dyDescent="0.15">
      <c r="A85" s="3"/>
      <c r="B85" s="3" t="s">
        <v>321</v>
      </c>
      <c r="C85" s="12">
        <v>490</v>
      </c>
      <c r="D85" s="12">
        <v>912</v>
      </c>
      <c r="E85" s="12">
        <v>473</v>
      </c>
      <c r="F85" s="12">
        <v>439</v>
      </c>
      <c r="G85" s="12">
        <v>79</v>
      </c>
      <c r="H85" s="12">
        <v>60</v>
      </c>
      <c r="I85" s="12">
        <v>132</v>
      </c>
      <c r="J85" s="12">
        <v>155</v>
      </c>
      <c r="K85" s="12">
        <v>114</v>
      </c>
      <c r="L85" s="12">
        <v>120</v>
      </c>
      <c r="M85" s="12">
        <v>93</v>
      </c>
      <c r="N85" s="12">
        <v>159</v>
      </c>
      <c r="O85" s="12">
        <v>0</v>
      </c>
      <c r="P85" s="12">
        <v>111</v>
      </c>
      <c r="Q85" s="12">
        <v>594</v>
      </c>
      <c r="R85" s="12">
        <v>207</v>
      </c>
    </row>
    <row r="86" spans="1:18" s="4" customFormat="1" x14ac:dyDescent="0.15">
      <c r="A86" s="3"/>
      <c r="B86" s="3" t="s">
        <v>322</v>
      </c>
      <c r="C86" s="12">
        <v>141</v>
      </c>
      <c r="D86" s="12">
        <v>267</v>
      </c>
      <c r="E86" s="12">
        <v>137</v>
      </c>
      <c r="F86" s="12">
        <v>130</v>
      </c>
      <c r="G86" s="12">
        <v>20</v>
      </c>
      <c r="H86" s="12">
        <v>19</v>
      </c>
      <c r="I86" s="12">
        <v>32</v>
      </c>
      <c r="J86" s="12">
        <v>33</v>
      </c>
      <c r="K86" s="12">
        <v>34</v>
      </c>
      <c r="L86" s="12">
        <v>33</v>
      </c>
      <c r="M86" s="12">
        <v>33</v>
      </c>
      <c r="N86" s="12">
        <v>63</v>
      </c>
      <c r="O86" s="12">
        <v>0</v>
      </c>
      <c r="P86" s="12">
        <v>27</v>
      </c>
      <c r="Q86" s="12">
        <v>160</v>
      </c>
      <c r="R86" s="12">
        <v>80</v>
      </c>
    </row>
    <row r="87" spans="1:18" s="4" customFormat="1" x14ac:dyDescent="0.15">
      <c r="A87" s="3"/>
      <c r="B87" s="3" t="s">
        <v>323</v>
      </c>
      <c r="C87" s="12">
        <v>1166</v>
      </c>
      <c r="D87" s="12">
        <v>2267</v>
      </c>
      <c r="E87" s="12">
        <v>1102</v>
      </c>
      <c r="F87" s="12">
        <v>1165</v>
      </c>
      <c r="G87" s="12">
        <v>127</v>
      </c>
      <c r="H87" s="12">
        <v>184</v>
      </c>
      <c r="I87" s="12">
        <v>163</v>
      </c>
      <c r="J87" s="12">
        <v>185</v>
      </c>
      <c r="K87" s="12">
        <v>337</v>
      </c>
      <c r="L87" s="12">
        <v>276</v>
      </c>
      <c r="M87" s="12">
        <v>275</v>
      </c>
      <c r="N87" s="12">
        <v>720</v>
      </c>
      <c r="O87" s="12">
        <v>0</v>
      </c>
      <c r="P87" s="12">
        <v>225</v>
      </c>
      <c r="Q87" s="12">
        <v>1177</v>
      </c>
      <c r="R87" s="12">
        <v>865</v>
      </c>
    </row>
    <row r="88" spans="1:18" s="4" customFormat="1" x14ac:dyDescent="0.15">
      <c r="A88" s="3"/>
      <c r="B88" s="3" t="s">
        <v>324</v>
      </c>
      <c r="C88" s="12">
        <v>61</v>
      </c>
      <c r="D88" s="12">
        <v>72</v>
      </c>
      <c r="E88" s="12">
        <v>34</v>
      </c>
      <c r="F88" s="12">
        <v>38</v>
      </c>
      <c r="G88" s="12">
        <v>0</v>
      </c>
      <c r="H88" s="12">
        <v>1</v>
      </c>
      <c r="I88" s="12">
        <v>17</v>
      </c>
      <c r="J88" s="12">
        <v>13</v>
      </c>
      <c r="K88" s="12">
        <v>12</v>
      </c>
      <c r="L88" s="12">
        <v>9</v>
      </c>
      <c r="M88" s="12">
        <v>10</v>
      </c>
      <c r="N88" s="12">
        <v>10</v>
      </c>
      <c r="O88" s="12">
        <v>0</v>
      </c>
      <c r="P88" s="12">
        <v>0</v>
      </c>
      <c r="Q88" s="12">
        <v>57</v>
      </c>
      <c r="R88" s="12">
        <v>15</v>
      </c>
    </row>
    <row r="89" spans="1:18" s="4" customFormat="1" x14ac:dyDescent="0.15">
      <c r="A89" s="3"/>
      <c r="B89" s="3" t="s">
        <v>325</v>
      </c>
      <c r="C89" s="12">
        <v>484</v>
      </c>
      <c r="D89" s="12">
        <v>774</v>
      </c>
      <c r="E89" s="12">
        <v>383</v>
      </c>
      <c r="F89" s="12">
        <v>391</v>
      </c>
      <c r="G89" s="12">
        <v>42</v>
      </c>
      <c r="H89" s="12">
        <v>29</v>
      </c>
      <c r="I89" s="12">
        <v>140</v>
      </c>
      <c r="J89" s="12">
        <v>155</v>
      </c>
      <c r="K89" s="12">
        <v>111</v>
      </c>
      <c r="L89" s="12">
        <v>95</v>
      </c>
      <c r="M89" s="12">
        <v>64</v>
      </c>
      <c r="N89" s="12">
        <v>138</v>
      </c>
      <c r="O89" s="12">
        <v>0</v>
      </c>
      <c r="P89" s="12">
        <v>57</v>
      </c>
      <c r="Q89" s="12">
        <v>543</v>
      </c>
      <c r="R89" s="12">
        <v>174</v>
      </c>
    </row>
    <row r="90" spans="1:18" s="4" customFormat="1" x14ac:dyDescent="0.15">
      <c r="A90" s="3"/>
      <c r="B90" s="3" t="s">
        <v>326</v>
      </c>
      <c r="C90" s="12">
        <v>1345</v>
      </c>
      <c r="D90" s="12">
        <v>2400</v>
      </c>
      <c r="E90" s="12">
        <v>1205</v>
      </c>
      <c r="F90" s="12">
        <v>1195</v>
      </c>
      <c r="G90" s="12">
        <v>148</v>
      </c>
      <c r="H90" s="12">
        <v>155</v>
      </c>
      <c r="I90" s="12">
        <v>361</v>
      </c>
      <c r="J90" s="12">
        <v>370</v>
      </c>
      <c r="K90" s="12">
        <v>373</v>
      </c>
      <c r="L90" s="12">
        <v>345</v>
      </c>
      <c r="M90" s="12">
        <v>260</v>
      </c>
      <c r="N90" s="12">
        <v>388</v>
      </c>
      <c r="O90" s="12">
        <v>0</v>
      </c>
      <c r="P90" s="12">
        <v>226</v>
      </c>
      <c r="Q90" s="12">
        <v>1664</v>
      </c>
      <c r="R90" s="12">
        <v>510</v>
      </c>
    </row>
    <row r="91" spans="1:18" s="4" customFormat="1" x14ac:dyDescent="0.15">
      <c r="A91" s="3"/>
      <c r="B91" s="3" t="s">
        <v>327</v>
      </c>
      <c r="C91" s="12">
        <v>183</v>
      </c>
      <c r="D91" s="12">
        <v>316</v>
      </c>
      <c r="E91" s="12">
        <v>167</v>
      </c>
      <c r="F91" s="12">
        <v>149</v>
      </c>
      <c r="G91" s="12">
        <v>21</v>
      </c>
      <c r="H91" s="12">
        <v>15</v>
      </c>
      <c r="I91" s="12">
        <v>46</v>
      </c>
      <c r="J91" s="12">
        <v>45</v>
      </c>
      <c r="K91" s="12">
        <v>43</v>
      </c>
      <c r="L91" s="12">
        <v>58</v>
      </c>
      <c r="M91" s="12">
        <v>33</v>
      </c>
      <c r="N91" s="12">
        <v>55</v>
      </c>
      <c r="O91" s="12">
        <v>0</v>
      </c>
      <c r="P91" s="12">
        <v>26</v>
      </c>
      <c r="Q91" s="12">
        <v>219</v>
      </c>
      <c r="R91" s="12">
        <v>71</v>
      </c>
    </row>
    <row r="92" spans="1:18" s="4" customFormat="1" x14ac:dyDescent="0.15">
      <c r="A92" s="3"/>
      <c r="B92" s="3" t="s">
        <v>328</v>
      </c>
      <c r="C92" s="12">
        <v>32</v>
      </c>
      <c r="D92" s="12">
        <v>66</v>
      </c>
      <c r="E92" s="12">
        <v>32</v>
      </c>
      <c r="F92" s="12">
        <v>34</v>
      </c>
      <c r="G92" s="12">
        <v>4</v>
      </c>
      <c r="H92" s="12">
        <v>13</v>
      </c>
      <c r="I92" s="12">
        <v>6</v>
      </c>
      <c r="J92" s="12">
        <v>7</v>
      </c>
      <c r="K92" s="12">
        <v>10</v>
      </c>
      <c r="L92" s="12">
        <v>10</v>
      </c>
      <c r="M92" s="12">
        <v>7</v>
      </c>
      <c r="N92" s="12">
        <v>9</v>
      </c>
      <c r="O92" s="12">
        <v>0</v>
      </c>
      <c r="P92" s="12">
        <v>11</v>
      </c>
      <c r="Q92" s="12">
        <v>42</v>
      </c>
      <c r="R92" s="12">
        <v>13</v>
      </c>
    </row>
    <row r="93" spans="1:18" s="4" customFormat="1" x14ac:dyDescent="0.15">
      <c r="A93" s="3"/>
      <c r="B93" s="3" t="s">
        <v>329</v>
      </c>
      <c r="C93" s="12">
        <v>562</v>
      </c>
      <c r="D93" s="12">
        <v>1047</v>
      </c>
      <c r="E93" s="12">
        <v>514</v>
      </c>
      <c r="F93" s="12">
        <v>533</v>
      </c>
      <c r="G93" s="12">
        <v>82</v>
      </c>
      <c r="H93" s="12">
        <v>62</v>
      </c>
      <c r="I93" s="12">
        <v>142</v>
      </c>
      <c r="J93" s="12">
        <v>131</v>
      </c>
      <c r="K93" s="12">
        <v>147</v>
      </c>
      <c r="L93" s="12">
        <v>120</v>
      </c>
      <c r="M93" s="12">
        <v>106</v>
      </c>
      <c r="N93" s="12">
        <v>257</v>
      </c>
      <c r="O93" s="12">
        <v>0</v>
      </c>
      <c r="P93" s="12">
        <v>106</v>
      </c>
      <c r="Q93" s="12">
        <v>632</v>
      </c>
      <c r="R93" s="12">
        <v>309</v>
      </c>
    </row>
    <row r="94" spans="1:18" s="4" customFormat="1" x14ac:dyDescent="0.15">
      <c r="A94" s="3"/>
      <c r="B94" s="3" t="s">
        <v>330</v>
      </c>
      <c r="C94" s="12">
        <v>1154</v>
      </c>
      <c r="D94" s="12">
        <v>2471</v>
      </c>
      <c r="E94" s="12">
        <v>1222</v>
      </c>
      <c r="F94" s="12">
        <v>1249</v>
      </c>
      <c r="G94" s="12">
        <v>226</v>
      </c>
      <c r="H94" s="12">
        <v>229</v>
      </c>
      <c r="I94" s="12">
        <v>200</v>
      </c>
      <c r="J94" s="12">
        <v>295</v>
      </c>
      <c r="K94" s="12">
        <v>388</v>
      </c>
      <c r="L94" s="12">
        <v>365</v>
      </c>
      <c r="M94" s="12">
        <v>317</v>
      </c>
      <c r="N94" s="12">
        <v>451</v>
      </c>
      <c r="O94" s="12">
        <v>0</v>
      </c>
      <c r="P94" s="12">
        <v>342</v>
      </c>
      <c r="Q94" s="12">
        <v>1520</v>
      </c>
      <c r="R94" s="12">
        <v>609</v>
      </c>
    </row>
    <row r="95" spans="1:18" s="4" customFormat="1" x14ac:dyDescent="0.15">
      <c r="A95" s="3"/>
      <c r="B95" s="3" t="s">
        <v>331</v>
      </c>
      <c r="C95" s="12">
        <v>486</v>
      </c>
      <c r="D95" s="12">
        <v>910</v>
      </c>
      <c r="E95" s="12">
        <v>481</v>
      </c>
      <c r="F95" s="12">
        <v>429</v>
      </c>
      <c r="G95" s="12">
        <v>74</v>
      </c>
      <c r="H95" s="12">
        <v>100</v>
      </c>
      <c r="I95" s="12">
        <v>66</v>
      </c>
      <c r="J95" s="12">
        <v>79</v>
      </c>
      <c r="K95" s="12">
        <v>176</v>
      </c>
      <c r="L95" s="12">
        <v>221</v>
      </c>
      <c r="M95" s="12">
        <v>44</v>
      </c>
      <c r="N95" s="12">
        <v>150</v>
      </c>
      <c r="O95" s="12">
        <v>0</v>
      </c>
      <c r="P95" s="12">
        <v>118</v>
      </c>
      <c r="Q95" s="12">
        <v>620</v>
      </c>
      <c r="R95" s="12">
        <v>172</v>
      </c>
    </row>
    <row r="96" spans="1:18" s="4" customFormat="1" x14ac:dyDescent="0.15">
      <c r="A96" s="3"/>
      <c r="B96" s="3" t="s">
        <v>332</v>
      </c>
      <c r="C96" s="12">
        <v>400</v>
      </c>
      <c r="D96" s="12">
        <v>723</v>
      </c>
      <c r="E96" s="12">
        <v>311</v>
      </c>
      <c r="F96" s="12">
        <v>412</v>
      </c>
      <c r="G96" s="12">
        <v>56</v>
      </c>
      <c r="H96" s="12">
        <v>51</v>
      </c>
      <c r="I96" s="12">
        <v>22</v>
      </c>
      <c r="J96" s="12">
        <v>58</v>
      </c>
      <c r="K96" s="12">
        <v>98</v>
      </c>
      <c r="L96" s="12">
        <v>87</v>
      </c>
      <c r="M96" s="12">
        <v>44</v>
      </c>
      <c r="N96" s="12">
        <v>307</v>
      </c>
      <c r="O96" s="12">
        <v>0</v>
      </c>
      <c r="P96" s="12">
        <v>92</v>
      </c>
      <c r="Q96" s="12">
        <v>295</v>
      </c>
      <c r="R96" s="12">
        <v>336</v>
      </c>
    </row>
    <row r="97" spans="1:18" s="4" customFormat="1" x14ac:dyDescent="0.15">
      <c r="A97" s="3"/>
      <c r="B97" s="3" t="s">
        <v>333</v>
      </c>
      <c r="C97" s="12">
        <v>494</v>
      </c>
      <c r="D97" s="12">
        <v>982</v>
      </c>
      <c r="E97" s="12">
        <v>479</v>
      </c>
      <c r="F97" s="12">
        <v>503</v>
      </c>
      <c r="G97" s="12">
        <v>75</v>
      </c>
      <c r="H97" s="12">
        <v>70</v>
      </c>
      <c r="I97" s="12">
        <v>138</v>
      </c>
      <c r="J97" s="12">
        <v>127</v>
      </c>
      <c r="K97" s="12">
        <v>113</v>
      </c>
      <c r="L97" s="12">
        <v>147</v>
      </c>
      <c r="M97" s="12">
        <v>101</v>
      </c>
      <c r="N97" s="12">
        <v>211</v>
      </c>
      <c r="O97" s="12">
        <v>0</v>
      </c>
      <c r="P97" s="12">
        <v>108</v>
      </c>
      <c r="Q97" s="12">
        <v>624</v>
      </c>
      <c r="R97" s="12">
        <v>250</v>
      </c>
    </row>
    <row r="98" spans="1:18" s="4" customFormat="1" x14ac:dyDescent="0.15">
      <c r="A98" s="3"/>
      <c r="B98" s="3" t="s">
        <v>334</v>
      </c>
      <c r="C98" s="12">
        <v>540</v>
      </c>
      <c r="D98" s="12">
        <v>1040</v>
      </c>
      <c r="E98" s="12">
        <v>500</v>
      </c>
      <c r="F98" s="12">
        <v>540</v>
      </c>
      <c r="G98" s="12">
        <v>80</v>
      </c>
      <c r="H98" s="12">
        <v>55</v>
      </c>
      <c r="I98" s="12">
        <v>137</v>
      </c>
      <c r="J98" s="12">
        <v>162</v>
      </c>
      <c r="K98" s="12">
        <v>122</v>
      </c>
      <c r="L98" s="12">
        <v>154</v>
      </c>
      <c r="M98" s="12">
        <v>125</v>
      </c>
      <c r="N98" s="12">
        <v>205</v>
      </c>
      <c r="O98" s="12">
        <v>0</v>
      </c>
      <c r="P98" s="12">
        <v>101</v>
      </c>
      <c r="Q98" s="12">
        <v>668</v>
      </c>
      <c r="R98" s="12">
        <v>271</v>
      </c>
    </row>
    <row r="99" spans="1:18" s="4" customFormat="1" x14ac:dyDescent="0.15">
      <c r="A99" s="3"/>
      <c r="B99" s="3" t="s">
        <v>335</v>
      </c>
      <c r="C99" s="12">
        <v>697</v>
      </c>
      <c r="D99" s="12">
        <v>1537</v>
      </c>
      <c r="E99" s="12">
        <v>694</v>
      </c>
      <c r="F99" s="12">
        <v>843</v>
      </c>
      <c r="G99" s="12">
        <v>108</v>
      </c>
      <c r="H99" s="12">
        <v>121</v>
      </c>
      <c r="I99" s="12">
        <v>123</v>
      </c>
      <c r="J99" s="12">
        <v>158</v>
      </c>
      <c r="K99" s="12">
        <v>180</v>
      </c>
      <c r="L99" s="12">
        <v>199</v>
      </c>
      <c r="M99" s="12">
        <v>232</v>
      </c>
      <c r="N99" s="12">
        <v>416</v>
      </c>
      <c r="O99" s="12">
        <v>0</v>
      </c>
      <c r="P99" s="12">
        <v>162</v>
      </c>
      <c r="Q99" s="12">
        <v>833</v>
      </c>
      <c r="R99" s="12">
        <v>542</v>
      </c>
    </row>
    <row r="100" spans="1:18" s="4" customFormat="1" x14ac:dyDescent="0.15">
      <c r="A100" s="3"/>
      <c r="B100" s="3" t="s">
        <v>336</v>
      </c>
      <c r="C100" s="12">
        <v>475</v>
      </c>
      <c r="D100" s="12">
        <v>871</v>
      </c>
      <c r="E100" s="12">
        <v>386</v>
      </c>
      <c r="F100" s="12">
        <v>485</v>
      </c>
      <c r="G100" s="12">
        <v>41</v>
      </c>
      <c r="H100" s="12">
        <v>48</v>
      </c>
      <c r="I100" s="12">
        <v>48</v>
      </c>
      <c r="J100" s="12">
        <v>56</v>
      </c>
      <c r="K100" s="12">
        <v>96</v>
      </c>
      <c r="L100" s="12">
        <v>92</v>
      </c>
      <c r="M100" s="12">
        <v>118</v>
      </c>
      <c r="N100" s="12">
        <v>372</v>
      </c>
      <c r="O100" s="12">
        <v>0</v>
      </c>
      <c r="P100" s="12">
        <v>63</v>
      </c>
      <c r="Q100" s="12">
        <v>376</v>
      </c>
      <c r="R100" s="12">
        <v>432</v>
      </c>
    </row>
    <row r="101" spans="1:18" s="4" customFormat="1" x14ac:dyDescent="0.15">
      <c r="A101" s="3"/>
      <c r="B101" s="3" t="s">
        <v>337</v>
      </c>
      <c r="C101" s="12">
        <v>400</v>
      </c>
      <c r="D101" s="12">
        <v>753</v>
      </c>
      <c r="E101" s="12">
        <v>347</v>
      </c>
      <c r="F101" s="12">
        <v>406</v>
      </c>
      <c r="G101" s="12">
        <v>30</v>
      </c>
      <c r="H101" s="12">
        <v>50</v>
      </c>
      <c r="I101" s="12">
        <v>45</v>
      </c>
      <c r="J101" s="12">
        <v>61</v>
      </c>
      <c r="K101" s="12">
        <v>74</v>
      </c>
      <c r="L101" s="12">
        <v>91</v>
      </c>
      <c r="M101" s="12">
        <v>113</v>
      </c>
      <c r="N101" s="12">
        <v>289</v>
      </c>
      <c r="O101" s="12">
        <v>0</v>
      </c>
      <c r="P101" s="12">
        <v>57</v>
      </c>
      <c r="Q101" s="12">
        <v>339</v>
      </c>
      <c r="R101" s="12">
        <v>357</v>
      </c>
    </row>
    <row r="102" spans="1:18" s="4" customFormat="1" x14ac:dyDescent="0.15">
      <c r="A102" s="3"/>
      <c r="B102" s="3" t="s">
        <v>338</v>
      </c>
      <c r="C102" s="12">
        <v>415</v>
      </c>
      <c r="D102" s="12">
        <v>935</v>
      </c>
      <c r="E102" s="12">
        <v>450</v>
      </c>
      <c r="F102" s="12">
        <v>485</v>
      </c>
      <c r="G102" s="12">
        <v>79</v>
      </c>
      <c r="H102" s="12">
        <v>65</v>
      </c>
      <c r="I102" s="12">
        <v>76</v>
      </c>
      <c r="J102" s="12">
        <v>106</v>
      </c>
      <c r="K102" s="12">
        <v>112</v>
      </c>
      <c r="L102" s="12">
        <v>134</v>
      </c>
      <c r="M102" s="12">
        <v>139</v>
      </c>
      <c r="N102" s="12">
        <v>224</v>
      </c>
      <c r="O102" s="12">
        <v>0</v>
      </c>
      <c r="P102" s="12">
        <v>108</v>
      </c>
      <c r="Q102" s="12">
        <v>527</v>
      </c>
      <c r="R102" s="12">
        <v>300</v>
      </c>
    </row>
    <row r="103" spans="1:18" s="4" customFormat="1" x14ac:dyDescent="0.15">
      <c r="A103" s="3"/>
      <c r="B103" s="3" t="s">
        <v>339</v>
      </c>
      <c r="C103" s="12">
        <v>5</v>
      </c>
      <c r="D103" s="12">
        <v>8</v>
      </c>
      <c r="E103" s="12">
        <v>3</v>
      </c>
      <c r="F103" s="12">
        <v>5</v>
      </c>
      <c r="G103" s="12" t="s">
        <v>132</v>
      </c>
      <c r="H103" s="12" t="s">
        <v>132</v>
      </c>
      <c r="I103" s="12" t="s">
        <v>132</v>
      </c>
      <c r="J103" s="12" t="s">
        <v>132</v>
      </c>
      <c r="K103" s="12" t="s">
        <v>132</v>
      </c>
      <c r="L103" s="12" t="s">
        <v>132</v>
      </c>
      <c r="M103" s="12" t="s">
        <v>132</v>
      </c>
      <c r="N103" s="12" t="s">
        <v>132</v>
      </c>
      <c r="O103" s="12" t="s">
        <v>132</v>
      </c>
      <c r="P103" s="12" t="s">
        <v>132</v>
      </c>
      <c r="Q103" s="12" t="s">
        <v>132</v>
      </c>
      <c r="R103" s="12" t="s">
        <v>132</v>
      </c>
    </row>
    <row r="104" spans="1:18" s="4" customFormat="1" x14ac:dyDescent="0.15">
      <c r="A104" s="3"/>
      <c r="B104" s="3" t="s">
        <v>340</v>
      </c>
      <c r="C104" s="12">
        <v>349</v>
      </c>
      <c r="D104" s="12">
        <v>630</v>
      </c>
      <c r="E104" s="12">
        <v>339</v>
      </c>
      <c r="F104" s="12">
        <v>291</v>
      </c>
      <c r="G104" s="12">
        <v>44</v>
      </c>
      <c r="H104" s="12">
        <v>33</v>
      </c>
      <c r="I104" s="12">
        <v>78</v>
      </c>
      <c r="J104" s="12">
        <v>84</v>
      </c>
      <c r="K104" s="12">
        <v>79</v>
      </c>
      <c r="L104" s="12">
        <v>97</v>
      </c>
      <c r="M104" s="12">
        <v>83</v>
      </c>
      <c r="N104" s="12">
        <v>132</v>
      </c>
      <c r="O104" s="12">
        <v>0</v>
      </c>
      <c r="P104" s="12">
        <v>60</v>
      </c>
      <c r="Q104" s="12">
        <v>394</v>
      </c>
      <c r="R104" s="12">
        <v>176</v>
      </c>
    </row>
    <row r="105" spans="1:18" s="4" customFormat="1" x14ac:dyDescent="0.15">
      <c r="A105" s="3"/>
      <c r="B105" s="3" t="s">
        <v>341</v>
      </c>
      <c r="C105" s="12">
        <v>272</v>
      </c>
      <c r="D105" s="12">
        <v>538</v>
      </c>
      <c r="E105" s="12">
        <v>258</v>
      </c>
      <c r="F105" s="12">
        <v>280</v>
      </c>
      <c r="G105" s="12">
        <v>31</v>
      </c>
      <c r="H105" s="12">
        <v>31</v>
      </c>
      <c r="I105" s="12">
        <v>50</v>
      </c>
      <c r="J105" s="12">
        <v>70</v>
      </c>
      <c r="K105" s="12">
        <v>68</v>
      </c>
      <c r="L105" s="12">
        <v>60</v>
      </c>
      <c r="M105" s="12">
        <v>65</v>
      </c>
      <c r="N105" s="12">
        <v>163</v>
      </c>
      <c r="O105" s="12">
        <v>0</v>
      </c>
      <c r="P105" s="12">
        <v>48</v>
      </c>
      <c r="Q105" s="12">
        <v>295</v>
      </c>
      <c r="R105" s="12">
        <v>195</v>
      </c>
    </row>
    <row r="106" spans="1:18" s="4" customFormat="1" x14ac:dyDescent="0.15">
      <c r="A106" s="3"/>
      <c r="B106" s="3" t="s">
        <v>342</v>
      </c>
      <c r="C106" s="12">
        <v>559</v>
      </c>
      <c r="D106" s="12">
        <v>1077</v>
      </c>
      <c r="E106" s="12">
        <v>507</v>
      </c>
      <c r="F106" s="12">
        <v>570</v>
      </c>
      <c r="G106" s="12">
        <v>97</v>
      </c>
      <c r="H106" s="12">
        <v>75</v>
      </c>
      <c r="I106" s="12">
        <v>113</v>
      </c>
      <c r="J106" s="12">
        <v>149</v>
      </c>
      <c r="K106" s="12">
        <v>153</v>
      </c>
      <c r="L106" s="12">
        <v>124</v>
      </c>
      <c r="M106" s="12">
        <v>84</v>
      </c>
      <c r="N106" s="12">
        <v>282</v>
      </c>
      <c r="O106" s="12">
        <v>0</v>
      </c>
      <c r="P106" s="12">
        <v>133</v>
      </c>
      <c r="Q106" s="12">
        <v>622</v>
      </c>
      <c r="R106" s="12">
        <v>322</v>
      </c>
    </row>
    <row r="107" spans="1:18" s="4" customFormat="1" x14ac:dyDescent="0.15">
      <c r="A107" s="3"/>
      <c r="B107" s="3" t="s">
        <v>343</v>
      </c>
      <c r="C107" s="12">
        <v>261</v>
      </c>
      <c r="D107" s="12">
        <v>511</v>
      </c>
      <c r="E107" s="12">
        <v>250</v>
      </c>
      <c r="F107" s="12">
        <v>261</v>
      </c>
      <c r="G107" s="12">
        <v>43</v>
      </c>
      <c r="H107" s="12">
        <v>45</v>
      </c>
      <c r="I107" s="12">
        <v>70</v>
      </c>
      <c r="J107" s="12">
        <v>75</v>
      </c>
      <c r="K107" s="12">
        <v>80</v>
      </c>
      <c r="L107" s="12">
        <v>68</v>
      </c>
      <c r="M107" s="12">
        <v>45</v>
      </c>
      <c r="N107" s="12">
        <v>85</v>
      </c>
      <c r="O107" s="12">
        <v>0</v>
      </c>
      <c r="P107" s="12">
        <v>65</v>
      </c>
      <c r="Q107" s="12">
        <v>342</v>
      </c>
      <c r="R107" s="12">
        <v>104</v>
      </c>
    </row>
    <row r="108" spans="1:18" s="4" customFormat="1" x14ac:dyDescent="0.15">
      <c r="A108" s="3"/>
      <c r="B108" s="3" t="s">
        <v>344</v>
      </c>
      <c r="C108" s="12">
        <v>316</v>
      </c>
      <c r="D108" s="12">
        <v>557</v>
      </c>
      <c r="E108" s="12">
        <v>282</v>
      </c>
      <c r="F108" s="12">
        <v>275</v>
      </c>
      <c r="G108" s="12">
        <v>36</v>
      </c>
      <c r="H108" s="12">
        <v>27</v>
      </c>
      <c r="I108" s="12">
        <v>86</v>
      </c>
      <c r="J108" s="12">
        <v>94</v>
      </c>
      <c r="K108" s="12">
        <v>79</v>
      </c>
      <c r="L108" s="12">
        <v>59</v>
      </c>
      <c r="M108" s="12">
        <v>62</v>
      </c>
      <c r="N108" s="12">
        <v>114</v>
      </c>
      <c r="O108" s="12">
        <v>0</v>
      </c>
      <c r="P108" s="12">
        <v>48</v>
      </c>
      <c r="Q108" s="12">
        <v>365</v>
      </c>
      <c r="R108" s="12">
        <v>144</v>
      </c>
    </row>
    <row r="109" spans="1:18" s="4" customFormat="1" x14ac:dyDescent="0.15">
      <c r="A109" s="3"/>
      <c r="B109" s="3" t="s">
        <v>345</v>
      </c>
      <c r="C109" s="12">
        <v>212</v>
      </c>
      <c r="D109" s="12">
        <v>534</v>
      </c>
      <c r="E109" s="12">
        <v>265</v>
      </c>
      <c r="F109" s="12">
        <v>269</v>
      </c>
      <c r="G109" s="12">
        <v>50</v>
      </c>
      <c r="H109" s="12">
        <v>70</v>
      </c>
      <c r="I109" s="12">
        <v>57</v>
      </c>
      <c r="J109" s="12">
        <v>65</v>
      </c>
      <c r="K109" s="12">
        <v>110</v>
      </c>
      <c r="L109" s="12">
        <v>72</v>
      </c>
      <c r="M109" s="12">
        <v>60</v>
      </c>
      <c r="N109" s="12">
        <v>50</v>
      </c>
      <c r="O109" s="12">
        <v>0</v>
      </c>
      <c r="P109" s="12">
        <v>86</v>
      </c>
      <c r="Q109" s="12">
        <v>364</v>
      </c>
      <c r="R109" s="12">
        <v>84</v>
      </c>
    </row>
    <row r="110" spans="1:18" s="4" customFormat="1" x14ac:dyDescent="0.15">
      <c r="A110" s="3"/>
      <c r="B110" s="3" t="s">
        <v>346</v>
      </c>
      <c r="C110" s="12">
        <v>228</v>
      </c>
      <c r="D110" s="12">
        <v>415</v>
      </c>
      <c r="E110" s="12">
        <v>207</v>
      </c>
      <c r="F110" s="12">
        <v>208</v>
      </c>
      <c r="G110" s="12">
        <v>25</v>
      </c>
      <c r="H110" s="12">
        <v>20</v>
      </c>
      <c r="I110" s="12">
        <v>67</v>
      </c>
      <c r="J110" s="12">
        <v>60</v>
      </c>
      <c r="K110" s="12">
        <v>58</v>
      </c>
      <c r="L110" s="12">
        <v>45</v>
      </c>
      <c r="M110" s="12">
        <v>53</v>
      </c>
      <c r="N110" s="12">
        <v>87</v>
      </c>
      <c r="O110" s="12">
        <v>0</v>
      </c>
      <c r="P110" s="12">
        <v>37</v>
      </c>
      <c r="Q110" s="12">
        <v>262</v>
      </c>
      <c r="R110" s="12">
        <v>116</v>
      </c>
    </row>
    <row r="111" spans="1:18" s="4" customFormat="1" x14ac:dyDescent="0.15">
      <c r="A111" s="3"/>
      <c r="B111" s="3" t="s">
        <v>347</v>
      </c>
      <c r="C111" s="12">
        <v>788</v>
      </c>
      <c r="D111" s="12">
        <v>1260</v>
      </c>
      <c r="E111" s="12">
        <v>603</v>
      </c>
      <c r="F111" s="12">
        <v>657</v>
      </c>
      <c r="G111" s="12">
        <v>76</v>
      </c>
      <c r="H111" s="12">
        <v>53</v>
      </c>
      <c r="I111" s="12">
        <v>226</v>
      </c>
      <c r="J111" s="12">
        <v>247</v>
      </c>
      <c r="K111" s="12">
        <v>188</v>
      </c>
      <c r="L111" s="12">
        <v>163</v>
      </c>
      <c r="M111" s="12">
        <v>127</v>
      </c>
      <c r="N111" s="12">
        <v>180</v>
      </c>
      <c r="O111" s="12">
        <v>0</v>
      </c>
      <c r="P111" s="12">
        <v>97</v>
      </c>
      <c r="Q111" s="12">
        <v>927</v>
      </c>
      <c r="R111" s="12">
        <v>236</v>
      </c>
    </row>
    <row r="112" spans="1:18" s="4" customFormat="1" x14ac:dyDescent="0.15">
      <c r="A112" s="3"/>
      <c r="B112" s="3" t="s">
        <v>348</v>
      </c>
      <c r="C112" s="12">
        <v>889</v>
      </c>
      <c r="D112" s="12">
        <v>1734</v>
      </c>
      <c r="E112" s="12">
        <v>834</v>
      </c>
      <c r="F112" s="12">
        <v>900</v>
      </c>
      <c r="G112" s="12">
        <v>119</v>
      </c>
      <c r="H112" s="12">
        <v>97</v>
      </c>
      <c r="I112" s="12">
        <v>167</v>
      </c>
      <c r="J112" s="12">
        <v>224</v>
      </c>
      <c r="K112" s="12">
        <v>225</v>
      </c>
      <c r="L112" s="12">
        <v>204</v>
      </c>
      <c r="M112" s="12">
        <v>264</v>
      </c>
      <c r="N112" s="12">
        <v>434</v>
      </c>
      <c r="O112" s="12">
        <v>0</v>
      </c>
      <c r="P112" s="12">
        <v>171</v>
      </c>
      <c r="Q112" s="12">
        <v>993</v>
      </c>
      <c r="R112" s="12">
        <v>570</v>
      </c>
    </row>
    <row r="113" spans="1:18" s="4" customFormat="1" x14ac:dyDescent="0.15">
      <c r="A113" s="3"/>
      <c r="B113" s="3" t="s">
        <v>349</v>
      </c>
      <c r="C113" s="12">
        <v>45</v>
      </c>
      <c r="D113" s="12">
        <v>102</v>
      </c>
      <c r="E113" s="12">
        <v>46</v>
      </c>
      <c r="F113" s="12">
        <v>56</v>
      </c>
      <c r="G113" s="12">
        <v>6</v>
      </c>
      <c r="H113" s="12">
        <v>7</v>
      </c>
      <c r="I113" s="12">
        <v>19</v>
      </c>
      <c r="J113" s="12">
        <v>12</v>
      </c>
      <c r="K113" s="12">
        <v>10</v>
      </c>
      <c r="L113" s="12">
        <v>15</v>
      </c>
      <c r="M113" s="12">
        <v>5</v>
      </c>
      <c r="N113" s="12">
        <v>28</v>
      </c>
      <c r="O113" s="12">
        <v>0</v>
      </c>
      <c r="P113" s="12">
        <v>11</v>
      </c>
      <c r="Q113" s="12">
        <v>60</v>
      </c>
      <c r="R113" s="12">
        <v>31</v>
      </c>
    </row>
    <row r="114" spans="1:18" s="4" customFormat="1" x14ac:dyDescent="0.15">
      <c r="A114" s="3"/>
      <c r="B114" s="3" t="s">
        <v>350</v>
      </c>
      <c r="C114" s="12">
        <v>1011</v>
      </c>
      <c r="D114" s="12">
        <v>1992</v>
      </c>
      <c r="E114" s="12">
        <v>913</v>
      </c>
      <c r="F114" s="12">
        <v>1079</v>
      </c>
      <c r="G114" s="12">
        <v>120</v>
      </c>
      <c r="H114" s="12">
        <v>126</v>
      </c>
      <c r="I114" s="12">
        <v>154</v>
      </c>
      <c r="J114" s="12">
        <v>234</v>
      </c>
      <c r="K114" s="12">
        <v>270</v>
      </c>
      <c r="L114" s="12">
        <v>226</v>
      </c>
      <c r="M114" s="12">
        <v>267</v>
      </c>
      <c r="N114" s="12">
        <v>595</v>
      </c>
      <c r="O114" s="12">
        <v>0</v>
      </c>
      <c r="P114" s="12">
        <v>183</v>
      </c>
      <c r="Q114" s="12">
        <v>1056</v>
      </c>
      <c r="R114" s="12">
        <v>753</v>
      </c>
    </row>
    <row r="115" spans="1:18" s="4" customFormat="1" x14ac:dyDescent="0.15">
      <c r="A115" s="3"/>
      <c r="B115" s="3" t="s">
        <v>242</v>
      </c>
      <c r="C115" s="12">
        <v>25</v>
      </c>
      <c r="D115" s="12">
        <v>36</v>
      </c>
      <c r="E115" s="12">
        <v>21</v>
      </c>
      <c r="F115" s="12">
        <v>15</v>
      </c>
      <c r="G115" s="12">
        <v>2</v>
      </c>
      <c r="H115" s="12">
        <v>1</v>
      </c>
      <c r="I115" s="12">
        <v>4</v>
      </c>
      <c r="J115" s="12">
        <v>2</v>
      </c>
      <c r="K115" s="12">
        <v>7</v>
      </c>
      <c r="L115" s="12">
        <v>8</v>
      </c>
      <c r="M115" s="12">
        <v>4</v>
      </c>
      <c r="N115" s="12">
        <v>8</v>
      </c>
      <c r="O115" s="12">
        <v>0</v>
      </c>
      <c r="P115" s="12">
        <v>2</v>
      </c>
      <c r="Q115" s="12">
        <v>25</v>
      </c>
      <c r="R115" s="12">
        <v>9</v>
      </c>
    </row>
    <row r="116" spans="1:18" s="4" customFormat="1" x14ac:dyDescent="0.15">
      <c r="A116" s="3"/>
      <c r="B116" s="3" t="s">
        <v>243</v>
      </c>
      <c r="C116" s="12">
        <v>43</v>
      </c>
      <c r="D116" s="12">
        <v>76</v>
      </c>
      <c r="E116" s="12">
        <v>33</v>
      </c>
      <c r="F116" s="12">
        <v>43</v>
      </c>
      <c r="G116" s="12">
        <v>7</v>
      </c>
      <c r="H116" s="12">
        <v>2</v>
      </c>
      <c r="I116" s="12">
        <v>17</v>
      </c>
      <c r="J116" s="12">
        <v>10</v>
      </c>
      <c r="K116" s="12">
        <v>10</v>
      </c>
      <c r="L116" s="12">
        <v>11</v>
      </c>
      <c r="M116" s="12">
        <v>9</v>
      </c>
      <c r="N116" s="12">
        <v>10</v>
      </c>
      <c r="O116" s="12">
        <v>0</v>
      </c>
      <c r="P116" s="12">
        <v>9</v>
      </c>
      <c r="Q116" s="12">
        <v>49</v>
      </c>
      <c r="R116" s="12">
        <v>18</v>
      </c>
    </row>
    <row r="117" spans="1:18" s="4" customFormat="1" x14ac:dyDescent="0.15">
      <c r="A117" s="3"/>
      <c r="B117" s="3" t="s">
        <v>351</v>
      </c>
      <c r="C117" s="12">
        <v>171</v>
      </c>
      <c r="D117" s="12">
        <v>333</v>
      </c>
      <c r="E117" s="12">
        <v>150</v>
      </c>
      <c r="F117" s="12">
        <v>183</v>
      </c>
      <c r="G117" s="12">
        <v>20</v>
      </c>
      <c r="H117" s="12">
        <v>25</v>
      </c>
      <c r="I117" s="12">
        <v>36</v>
      </c>
      <c r="J117" s="12">
        <v>38</v>
      </c>
      <c r="K117" s="12">
        <v>59</v>
      </c>
      <c r="L117" s="12">
        <v>54</v>
      </c>
      <c r="M117" s="12">
        <v>42</v>
      </c>
      <c r="N117" s="12">
        <v>59</v>
      </c>
      <c r="O117" s="12">
        <v>0</v>
      </c>
      <c r="P117" s="12">
        <v>32</v>
      </c>
      <c r="Q117" s="12">
        <v>224</v>
      </c>
      <c r="R117" s="12">
        <v>77</v>
      </c>
    </row>
    <row r="118" spans="1:18" s="4" customFormat="1" x14ac:dyDescent="0.15">
      <c r="A118" s="3"/>
      <c r="B118" s="3" t="s">
        <v>352</v>
      </c>
      <c r="C118" s="12">
        <v>837</v>
      </c>
      <c r="D118" s="12">
        <v>1486</v>
      </c>
      <c r="E118" s="12">
        <v>685</v>
      </c>
      <c r="F118" s="12">
        <v>801</v>
      </c>
      <c r="G118" s="12">
        <v>122</v>
      </c>
      <c r="H118" s="12">
        <v>94</v>
      </c>
      <c r="I118" s="12">
        <v>237</v>
      </c>
      <c r="J118" s="12">
        <v>297</v>
      </c>
      <c r="K118" s="12">
        <v>260</v>
      </c>
      <c r="L118" s="12">
        <v>185</v>
      </c>
      <c r="M118" s="12">
        <v>146</v>
      </c>
      <c r="N118" s="12">
        <v>145</v>
      </c>
      <c r="O118" s="12">
        <v>0</v>
      </c>
      <c r="P118" s="12">
        <v>164</v>
      </c>
      <c r="Q118" s="12">
        <v>1114</v>
      </c>
      <c r="R118" s="12">
        <v>208</v>
      </c>
    </row>
    <row r="119" spans="1:18" s="4" customFormat="1" x14ac:dyDescent="0.15">
      <c r="A119" s="3"/>
      <c r="B119" s="3" t="s">
        <v>353</v>
      </c>
      <c r="C119" s="12">
        <v>305</v>
      </c>
      <c r="D119" s="12">
        <v>709</v>
      </c>
      <c r="E119" s="12">
        <v>367</v>
      </c>
      <c r="F119" s="12">
        <v>342</v>
      </c>
      <c r="G119" s="12">
        <v>74</v>
      </c>
      <c r="H119" s="12">
        <v>86</v>
      </c>
      <c r="I119" s="12">
        <v>68</v>
      </c>
      <c r="J119" s="12">
        <v>82</v>
      </c>
      <c r="K119" s="12">
        <v>109</v>
      </c>
      <c r="L119" s="12">
        <v>113</v>
      </c>
      <c r="M119" s="12">
        <v>65</v>
      </c>
      <c r="N119" s="12">
        <v>112</v>
      </c>
      <c r="O119" s="12">
        <v>0</v>
      </c>
      <c r="P119" s="12">
        <v>116</v>
      </c>
      <c r="Q119" s="12">
        <v>447</v>
      </c>
      <c r="R119" s="12">
        <v>146</v>
      </c>
    </row>
    <row r="120" spans="1:18" s="4" customFormat="1" x14ac:dyDescent="0.15">
      <c r="A120" s="3"/>
      <c r="B120" s="3" t="s">
        <v>354</v>
      </c>
      <c r="C120" s="12">
        <v>312</v>
      </c>
      <c r="D120" s="12">
        <v>647</v>
      </c>
      <c r="E120" s="12">
        <v>337</v>
      </c>
      <c r="F120" s="12">
        <v>310</v>
      </c>
      <c r="G120" s="12">
        <v>53</v>
      </c>
      <c r="H120" s="12">
        <v>53</v>
      </c>
      <c r="I120" s="12">
        <v>91</v>
      </c>
      <c r="J120" s="12">
        <v>70</v>
      </c>
      <c r="K120" s="12">
        <v>123</v>
      </c>
      <c r="L120" s="12">
        <v>82</v>
      </c>
      <c r="M120" s="12">
        <v>49</v>
      </c>
      <c r="N120" s="12">
        <v>126</v>
      </c>
      <c r="O120" s="12">
        <v>0</v>
      </c>
      <c r="P120" s="12">
        <v>79</v>
      </c>
      <c r="Q120" s="12">
        <v>420</v>
      </c>
      <c r="R120" s="12">
        <v>148</v>
      </c>
    </row>
    <row r="121" spans="1:18" s="4" customFormat="1" x14ac:dyDescent="0.15">
      <c r="A121" s="3"/>
      <c r="B121" s="3" t="s">
        <v>355</v>
      </c>
      <c r="C121" s="12">
        <v>175</v>
      </c>
      <c r="D121" s="12">
        <v>272</v>
      </c>
      <c r="E121" s="12">
        <v>136</v>
      </c>
      <c r="F121" s="12">
        <v>136</v>
      </c>
      <c r="G121" s="12">
        <v>13</v>
      </c>
      <c r="H121" s="12">
        <v>9</v>
      </c>
      <c r="I121" s="12">
        <v>45</v>
      </c>
      <c r="J121" s="12">
        <v>31</v>
      </c>
      <c r="K121" s="12">
        <v>19</v>
      </c>
      <c r="L121" s="12">
        <v>35</v>
      </c>
      <c r="M121" s="12">
        <v>29</v>
      </c>
      <c r="N121" s="12">
        <v>91</v>
      </c>
      <c r="O121" s="12">
        <v>0</v>
      </c>
      <c r="P121" s="12">
        <v>20</v>
      </c>
      <c r="Q121" s="12">
        <v>146</v>
      </c>
      <c r="R121" s="12">
        <v>106</v>
      </c>
    </row>
    <row r="122" spans="1:18" s="4" customFormat="1" x14ac:dyDescent="0.15">
      <c r="A122" s="3"/>
      <c r="B122" s="3" t="s">
        <v>356</v>
      </c>
      <c r="C122" s="12">
        <v>476</v>
      </c>
      <c r="D122" s="12">
        <v>877</v>
      </c>
      <c r="E122" s="12">
        <v>444</v>
      </c>
      <c r="F122" s="12">
        <v>433</v>
      </c>
      <c r="G122" s="12">
        <v>49</v>
      </c>
      <c r="H122" s="12">
        <v>81</v>
      </c>
      <c r="I122" s="12">
        <v>78</v>
      </c>
      <c r="J122" s="12">
        <v>72</v>
      </c>
      <c r="K122" s="12">
        <v>141</v>
      </c>
      <c r="L122" s="12">
        <v>104</v>
      </c>
      <c r="M122" s="12">
        <v>109</v>
      </c>
      <c r="N122" s="12">
        <v>243</v>
      </c>
      <c r="O122" s="12">
        <v>0</v>
      </c>
      <c r="P122" s="12">
        <v>87</v>
      </c>
      <c r="Q122" s="12">
        <v>480</v>
      </c>
      <c r="R122" s="12">
        <v>310</v>
      </c>
    </row>
    <row r="123" spans="1:18" s="4" customFormat="1" x14ac:dyDescent="0.15">
      <c r="A123" s="3"/>
      <c r="B123" s="3" t="s">
        <v>357</v>
      </c>
      <c r="C123" s="12">
        <v>641</v>
      </c>
      <c r="D123" s="12">
        <v>1353</v>
      </c>
      <c r="E123" s="12">
        <v>699</v>
      </c>
      <c r="F123" s="12">
        <v>654</v>
      </c>
      <c r="G123" s="12">
        <v>77</v>
      </c>
      <c r="H123" s="12">
        <v>105</v>
      </c>
      <c r="I123" s="12">
        <v>147</v>
      </c>
      <c r="J123" s="12">
        <v>117</v>
      </c>
      <c r="K123" s="12">
        <v>201</v>
      </c>
      <c r="L123" s="12">
        <v>206</v>
      </c>
      <c r="M123" s="12">
        <v>138</v>
      </c>
      <c r="N123" s="12">
        <v>362</v>
      </c>
      <c r="O123" s="12">
        <v>0</v>
      </c>
      <c r="P123" s="12">
        <v>131</v>
      </c>
      <c r="Q123" s="12">
        <v>797</v>
      </c>
      <c r="R123" s="12">
        <v>425</v>
      </c>
    </row>
    <row r="124" spans="1:18" s="4" customFormat="1" x14ac:dyDescent="0.15">
      <c r="A124" s="3"/>
      <c r="B124" s="3" t="s">
        <v>358</v>
      </c>
      <c r="C124" s="12">
        <v>1121</v>
      </c>
      <c r="D124" s="12">
        <v>2291</v>
      </c>
      <c r="E124" s="12">
        <v>1024</v>
      </c>
      <c r="F124" s="12">
        <v>1267</v>
      </c>
      <c r="G124" s="12">
        <v>164</v>
      </c>
      <c r="H124" s="12">
        <v>240</v>
      </c>
      <c r="I124" s="12">
        <v>171</v>
      </c>
      <c r="J124" s="12">
        <v>182</v>
      </c>
      <c r="K124" s="12">
        <v>250</v>
      </c>
      <c r="L124" s="12">
        <v>323</v>
      </c>
      <c r="M124" s="12">
        <v>283</v>
      </c>
      <c r="N124" s="12">
        <v>678</v>
      </c>
      <c r="O124" s="12">
        <v>0</v>
      </c>
      <c r="P124" s="12">
        <v>282</v>
      </c>
      <c r="Q124" s="12">
        <v>1189</v>
      </c>
      <c r="R124" s="12">
        <v>820</v>
      </c>
    </row>
    <row r="125" spans="1:18" s="4" customFormat="1" x14ac:dyDescent="0.15">
      <c r="A125" s="3"/>
      <c r="B125" s="3" t="s">
        <v>359</v>
      </c>
      <c r="C125" s="12">
        <v>382</v>
      </c>
      <c r="D125" s="12">
        <v>862</v>
      </c>
      <c r="E125" s="12">
        <v>442</v>
      </c>
      <c r="F125" s="12">
        <v>420</v>
      </c>
      <c r="G125" s="12">
        <v>96</v>
      </c>
      <c r="H125" s="12">
        <v>65</v>
      </c>
      <c r="I125" s="12">
        <v>100</v>
      </c>
      <c r="J125" s="12">
        <v>97</v>
      </c>
      <c r="K125" s="12">
        <v>114</v>
      </c>
      <c r="L125" s="12">
        <v>121</v>
      </c>
      <c r="M125" s="12">
        <v>77</v>
      </c>
      <c r="N125" s="12">
        <v>192</v>
      </c>
      <c r="O125" s="12">
        <v>0</v>
      </c>
      <c r="P125" s="12">
        <v>128</v>
      </c>
      <c r="Q125" s="12">
        <v>506</v>
      </c>
      <c r="R125" s="12">
        <v>228</v>
      </c>
    </row>
    <row r="126" spans="1:18" s="4" customFormat="1" x14ac:dyDescent="0.15">
      <c r="A126" s="3"/>
      <c r="B126" s="3" t="s">
        <v>360</v>
      </c>
      <c r="C126" s="12">
        <v>730</v>
      </c>
      <c r="D126" s="12">
        <v>1534</v>
      </c>
      <c r="E126" s="12">
        <v>684</v>
      </c>
      <c r="F126" s="12">
        <v>850</v>
      </c>
      <c r="G126" s="12">
        <v>142</v>
      </c>
      <c r="H126" s="12">
        <v>168</v>
      </c>
      <c r="I126" s="12">
        <v>132</v>
      </c>
      <c r="J126" s="12">
        <v>147</v>
      </c>
      <c r="K126" s="12">
        <v>162</v>
      </c>
      <c r="L126" s="12">
        <v>241</v>
      </c>
      <c r="M126" s="12">
        <v>169</v>
      </c>
      <c r="N126" s="12">
        <v>373</v>
      </c>
      <c r="O126" s="12">
        <v>0</v>
      </c>
      <c r="P126" s="12">
        <v>235</v>
      </c>
      <c r="Q126" s="12">
        <v>839</v>
      </c>
      <c r="R126" s="12">
        <v>460</v>
      </c>
    </row>
    <row r="127" spans="1:18" s="4" customFormat="1" x14ac:dyDescent="0.15">
      <c r="A127" s="3"/>
      <c r="B127" s="3" t="s">
        <v>361</v>
      </c>
      <c r="C127" s="12">
        <v>2</v>
      </c>
      <c r="D127" s="12">
        <v>2</v>
      </c>
      <c r="E127" s="12">
        <v>2</v>
      </c>
      <c r="F127" s="12">
        <v>0</v>
      </c>
      <c r="G127" s="12" t="s">
        <v>132</v>
      </c>
      <c r="H127" s="12" t="s">
        <v>132</v>
      </c>
      <c r="I127" s="12" t="s">
        <v>132</v>
      </c>
      <c r="J127" s="12" t="s">
        <v>132</v>
      </c>
      <c r="K127" s="12" t="s">
        <v>132</v>
      </c>
      <c r="L127" s="12" t="s">
        <v>132</v>
      </c>
      <c r="M127" s="12" t="s">
        <v>132</v>
      </c>
      <c r="N127" s="12" t="s">
        <v>132</v>
      </c>
      <c r="O127" s="12" t="s">
        <v>132</v>
      </c>
      <c r="P127" s="12" t="s">
        <v>132</v>
      </c>
      <c r="Q127" s="12" t="s">
        <v>132</v>
      </c>
      <c r="R127" s="12" t="s">
        <v>132</v>
      </c>
    </row>
    <row r="128" spans="1:18" s="4" customFormat="1" x14ac:dyDescent="0.15">
      <c r="A128" s="3"/>
      <c r="B128" s="3" t="s">
        <v>362</v>
      </c>
      <c r="C128" s="12">
        <v>485</v>
      </c>
      <c r="D128" s="12">
        <v>1134</v>
      </c>
      <c r="E128" s="12">
        <v>574</v>
      </c>
      <c r="F128" s="12">
        <v>560</v>
      </c>
      <c r="G128" s="12">
        <v>102</v>
      </c>
      <c r="H128" s="12">
        <v>104</v>
      </c>
      <c r="I128" s="12">
        <v>136</v>
      </c>
      <c r="J128" s="12">
        <v>146</v>
      </c>
      <c r="K128" s="12">
        <v>169</v>
      </c>
      <c r="L128" s="12">
        <v>151</v>
      </c>
      <c r="M128" s="12">
        <v>106</v>
      </c>
      <c r="N128" s="12">
        <v>220</v>
      </c>
      <c r="O128" s="12">
        <v>0</v>
      </c>
      <c r="P128" s="12">
        <v>157</v>
      </c>
      <c r="Q128" s="12">
        <v>713</v>
      </c>
      <c r="R128" s="12">
        <v>264</v>
      </c>
    </row>
    <row r="129" spans="1:18" s="4" customFormat="1" x14ac:dyDescent="0.15">
      <c r="A129" s="3"/>
      <c r="B129" s="3" t="s">
        <v>363</v>
      </c>
      <c r="C129" s="12">
        <v>283</v>
      </c>
      <c r="D129" s="12">
        <v>735</v>
      </c>
      <c r="E129" s="12">
        <v>354</v>
      </c>
      <c r="F129" s="12">
        <v>381</v>
      </c>
      <c r="G129" s="12">
        <v>84</v>
      </c>
      <c r="H129" s="12">
        <v>80</v>
      </c>
      <c r="I129" s="12">
        <v>92</v>
      </c>
      <c r="J129" s="12">
        <v>86</v>
      </c>
      <c r="K129" s="12">
        <v>104</v>
      </c>
      <c r="L129" s="12">
        <v>101</v>
      </c>
      <c r="M129" s="12">
        <v>71</v>
      </c>
      <c r="N129" s="12">
        <v>117</v>
      </c>
      <c r="O129" s="12">
        <v>0</v>
      </c>
      <c r="P129" s="12">
        <v>127</v>
      </c>
      <c r="Q129" s="12">
        <v>455</v>
      </c>
      <c r="R129" s="12">
        <v>153</v>
      </c>
    </row>
    <row r="130" spans="1:18" s="4" customFormat="1" x14ac:dyDescent="0.15">
      <c r="A130" s="3"/>
      <c r="B130" s="3" t="s">
        <v>364</v>
      </c>
      <c r="C130" s="12">
        <v>582</v>
      </c>
      <c r="D130" s="12">
        <v>1406</v>
      </c>
      <c r="E130" s="12">
        <v>698</v>
      </c>
      <c r="F130" s="12">
        <v>708</v>
      </c>
      <c r="G130" s="12">
        <v>111</v>
      </c>
      <c r="H130" s="12">
        <v>160</v>
      </c>
      <c r="I130" s="12">
        <v>139</v>
      </c>
      <c r="J130" s="12">
        <v>142</v>
      </c>
      <c r="K130" s="12">
        <v>226</v>
      </c>
      <c r="L130" s="12">
        <v>225</v>
      </c>
      <c r="M130" s="12">
        <v>139</v>
      </c>
      <c r="N130" s="12">
        <v>264</v>
      </c>
      <c r="O130" s="12">
        <v>0</v>
      </c>
      <c r="P130" s="12">
        <v>180</v>
      </c>
      <c r="Q130" s="12">
        <v>894</v>
      </c>
      <c r="R130" s="12">
        <v>332</v>
      </c>
    </row>
    <row r="131" spans="1:18" s="4" customFormat="1" x14ac:dyDescent="0.15">
      <c r="A131" s="3"/>
      <c r="B131" s="3" t="s">
        <v>365</v>
      </c>
      <c r="C131" s="12">
        <v>454</v>
      </c>
      <c r="D131" s="12">
        <v>963</v>
      </c>
      <c r="E131" s="12">
        <v>466</v>
      </c>
      <c r="F131" s="12">
        <v>497</v>
      </c>
      <c r="G131" s="12">
        <v>74</v>
      </c>
      <c r="H131" s="12">
        <v>75</v>
      </c>
      <c r="I131" s="12">
        <v>107</v>
      </c>
      <c r="J131" s="12">
        <v>118</v>
      </c>
      <c r="K131" s="12">
        <v>110</v>
      </c>
      <c r="L131" s="12">
        <v>149</v>
      </c>
      <c r="M131" s="12">
        <v>87</v>
      </c>
      <c r="N131" s="12">
        <v>243</v>
      </c>
      <c r="O131" s="12">
        <v>0</v>
      </c>
      <c r="P131" s="12">
        <v>104</v>
      </c>
      <c r="Q131" s="12">
        <v>580</v>
      </c>
      <c r="R131" s="12">
        <v>279</v>
      </c>
    </row>
    <row r="132" spans="1:18" s="4" customFormat="1" x14ac:dyDescent="0.15">
      <c r="A132" s="3"/>
      <c r="B132" s="3" t="s">
        <v>366</v>
      </c>
      <c r="C132" s="12">
        <v>636</v>
      </c>
      <c r="D132" s="12">
        <v>1389</v>
      </c>
      <c r="E132" s="12">
        <v>682</v>
      </c>
      <c r="F132" s="12">
        <v>707</v>
      </c>
      <c r="G132" s="12">
        <v>98</v>
      </c>
      <c r="H132" s="12">
        <v>121</v>
      </c>
      <c r="I132" s="12">
        <v>148</v>
      </c>
      <c r="J132" s="12">
        <v>162</v>
      </c>
      <c r="K132" s="12">
        <v>203</v>
      </c>
      <c r="L132" s="12">
        <v>212</v>
      </c>
      <c r="M132" s="12">
        <v>146</v>
      </c>
      <c r="N132" s="12">
        <v>299</v>
      </c>
      <c r="O132" s="12">
        <v>0</v>
      </c>
      <c r="P132" s="12">
        <v>169</v>
      </c>
      <c r="Q132" s="12">
        <v>850</v>
      </c>
      <c r="R132" s="12">
        <v>370</v>
      </c>
    </row>
    <row r="133" spans="1:18" s="4" customFormat="1" x14ac:dyDescent="0.15">
      <c r="A133" s="3"/>
      <c r="B133" s="3" t="s">
        <v>367</v>
      </c>
      <c r="C133" s="12">
        <v>866</v>
      </c>
      <c r="D133" s="12">
        <v>2065</v>
      </c>
      <c r="E133" s="12">
        <v>1050</v>
      </c>
      <c r="F133" s="12">
        <v>1015</v>
      </c>
      <c r="G133" s="12">
        <v>234</v>
      </c>
      <c r="H133" s="12">
        <v>222</v>
      </c>
      <c r="I133" s="12">
        <v>255</v>
      </c>
      <c r="J133" s="12">
        <v>266</v>
      </c>
      <c r="K133" s="12">
        <v>355</v>
      </c>
      <c r="L133" s="12">
        <v>289</v>
      </c>
      <c r="M133" s="12">
        <v>169</v>
      </c>
      <c r="N133" s="12">
        <v>275</v>
      </c>
      <c r="O133" s="12">
        <v>0</v>
      </c>
      <c r="P133" s="12">
        <v>350</v>
      </c>
      <c r="Q133" s="12">
        <v>1358</v>
      </c>
      <c r="R133" s="12">
        <v>357</v>
      </c>
    </row>
    <row r="134" spans="1:18" s="4" customFormat="1" x14ac:dyDescent="0.15">
      <c r="A134" s="3"/>
      <c r="B134" s="3" t="s">
        <v>368</v>
      </c>
      <c r="C134" s="12">
        <v>817</v>
      </c>
      <c r="D134" s="12">
        <v>1730</v>
      </c>
      <c r="E134" s="12">
        <v>807</v>
      </c>
      <c r="F134" s="12">
        <v>923</v>
      </c>
      <c r="G134" s="12">
        <v>131</v>
      </c>
      <c r="H134" s="12">
        <v>170</v>
      </c>
      <c r="I134" s="12">
        <v>149</v>
      </c>
      <c r="J134" s="12">
        <v>182</v>
      </c>
      <c r="K134" s="12">
        <v>235</v>
      </c>
      <c r="L134" s="12">
        <v>227</v>
      </c>
      <c r="M134" s="12">
        <v>211</v>
      </c>
      <c r="N134" s="12">
        <v>425</v>
      </c>
      <c r="O134" s="12">
        <v>0</v>
      </c>
      <c r="P134" s="12">
        <v>212</v>
      </c>
      <c r="Q134" s="12">
        <v>985</v>
      </c>
      <c r="R134" s="12">
        <v>533</v>
      </c>
    </row>
    <row r="135" spans="1:18" s="4" customFormat="1" x14ac:dyDescent="0.15">
      <c r="A135" s="3"/>
      <c r="B135" s="3" t="s">
        <v>369</v>
      </c>
      <c r="C135" s="12">
        <v>446</v>
      </c>
      <c r="D135" s="12">
        <v>937</v>
      </c>
      <c r="E135" s="12">
        <v>461</v>
      </c>
      <c r="F135" s="12">
        <v>476</v>
      </c>
      <c r="G135" s="12">
        <v>46</v>
      </c>
      <c r="H135" s="12">
        <v>69</v>
      </c>
      <c r="I135" s="12">
        <v>94</v>
      </c>
      <c r="J135" s="12">
        <v>89</v>
      </c>
      <c r="K135" s="12">
        <v>118</v>
      </c>
      <c r="L135" s="12">
        <v>151</v>
      </c>
      <c r="M135" s="12">
        <v>129</v>
      </c>
      <c r="N135" s="12">
        <v>241</v>
      </c>
      <c r="O135" s="12">
        <v>0</v>
      </c>
      <c r="P135" s="12">
        <v>74</v>
      </c>
      <c r="Q135" s="12">
        <v>552</v>
      </c>
      <c r="R135" s="12">
        <v>311</v>
      </c>
    </row>
    <row r="136" spans="1:18" s="4" customFormat="1" x14ac:dyDescent="0.15">
      <c r="A136" s="3"/>
      <c r="B136" s="3" t="s">
        <v>370</v>
      </c>
      <c r="C136" s="12">
        <v>527</v>
      </c>
      <c r="D136" s="12">
        <v>1165</v>
      </c>
      <c r="E136" s="12">
        <v>573</v>
      </c>
      <c r="F136" s="12">
        <v>592</v>
      </c>
      <c r="G136" s="12">
        <v>107</v>
      </c>
      <c r="H136" s="12">
        <v>121</v>
      </c>
      <c r="I136" s="12">
        <v>139</v>
      </c>
      <c r="J136" s="12">
        <v>119</v>
      </c>
      <c r="K136" s="12">
        <v>180</v>
      </c>
      <c r="L136" s="12">
        <v>190</v>
      </c>
      <c r="M136" s="12">
        <v>104</v>
      </c>
      <c r="N136" s="12">
        <v>205</v>
      </c>
      <c r="O136" s="12">
        <v>0</v>
      </c>
      <c r="P136" s="12">
        <v>178</v>
      </c>
      <c r="Q136" s="12">
        <v>730</v>
      </c>
      <c r="R136" s="12">
        <v>257</v>
      </c>
    </row>
    <row r="137" spans="1:18" s="4" customFormat="1" x14ac:dyDescent="0.15">
      <c r="A137" s="3"/>
      <c r="B137" s="3" t="s">
        <v>371</v>
      </c>
      <c r="C137" s="12">
        <v>334</v>
      </c>
      <c r="D137" s="12">
        <v>762</v>
      </c>
      <c r="E137" s="12">
        <v>399</v>
      </c>
      <c r="F137" s="12">
        <v>363</v>
      </c>
      <c r="G137" s="12">
        <v>57</v>
      </c>
      <c r="H137" s="12">
        <v>69</v>
      </c>
      <c r="I137" s="12">
        <v>79</v>
      </c>
      <c r="J137" s="12">
        <v>80</v>
      </c>
      <c r="K137" s="12">
        <v>113</v>
      </c>
      <c r="L137" s="12">
        <v>128</v>
      </c>
      <c r="M137" s="12">
        <v>84</v>
      </c>
      <c r="N137" s="12">
        <v>152</v>
      </c>
      <c r="O137" s="12">
        <v>0</v>
      </c>
      <c r="P137" s="12">
        <v>89</v>
      </c>
      <c r="Q137" s="12">
        <v>482</v>
      </c>
      <c r="R137" s="12">
        <v>191</v>
      </c>
    </row>
    <row r="138" spans="1:18" s="4" customFormat="1" x14ac:dyDescent="0.15">
      <c r="A138" s="3"/>
      <c r="B138" s="3" t="s">
        <v>372</v>
      </c>
      <c r="C138" s="12">
        <v>240</v>
      </c>
      <c r="D138" s="12">
        <v>431</v>
      </c>
      <c r="E138" s="12">
        <v>241</v>
      </c>
      <c r="F138" s="12">
        <v>190</v>
      </c>
      <c r="G138" s="12">
        <v>22</v>
      </c>
      <c r="H138" s="12">
        <v>38</v>
      </c>
      <c r="I138" s="12">
        <v>36</v>
      </c>
      <c r="J138" s="12">
        <v>46</v>
      </c>
      <c r="K138" s="12">
        <v>91</v>
      </c>
      <c r="L138" s="12">
        <v>75</v>
      </c>
      <c r="M138" s="12">
        <v>28</v>
      </c>
      <c r="N138" s="12">
        <v>95</v>
      </c>
      <c r="O138" s="12">
        <v>0</v>
      </c>
      <c r="P138" s="12">
        <v>42</v>
      </c>
      <c r="Q138" s="12">
        <v>278</v>
      </c>
      <c r="R138" s="12">
        <v>111</v>
      </c>
    </row>
    <row r="139" spans="1:18" s="4" customFormat="1" x14ac:dyDescent="0.15">
      <c r="A139" s="3"/>
      <c r="B139" s="3" t="s">
        <v>373</v>
      </c>
      <c r="C139" s="12">
        <v>435</v>
      </c>
      <c r="D139" s="12">
        <v>716</v>
      </c>
      <c r="E139" s="12">
        <v>377</v>
      </c>
      <c r="F139" s="12">
        <v>339</v>
      </c>
      <c r="G139" s="12">
        <v>47</v>
      </c>
      <c r="H139" s="12">
        <v>52</v>
      </c>
      <c r="I139" s="12">
        <v>89</v>
      </c>
      <c r="J139" s="12">
        <v>70</v>
      </c>
      <c r="K139" s="12">
        <v>85</v>
      </c>
      <c r="L139" s="12">
        <v>98</v>
      </c>
      <c r="M139" s="12">
        <v>101</v>
      </c>
      <c r="N139" s="12">
        <v>174</v>
      </c>
      <c r="O139" s="12">
        <v>0</v>
      </c>
      <c r="P139" s="12">
        <v>71</v>
      </c>
      <c r="Q139" s="12">
        <v>410</v>
      </c>
      <c r="R139" s="12">
        <v>235</v>
      </c>
    </row>
    <row r="140" spans="1:18" s="4" customFormat="1" x14ac:dyDescent="0.15">
      <c r="A140" s="3"/>
      <c r="B140" s="3" t="s">
        <v>374</v>
      </c>
      <c r="C140" s="12">
        <v>555</v>
      </c>
      <c r="D140" s="12">
        <v>1209</v>
      </c>
      <c r="E140" s="12">
        <v>592</v>
      </c>
      <c r="F140" s="12">
        <v>617</v>
      </c>
      <c r="G140" s="12">
        <v>108</v>
      </c>
      <c r="H140" s="12">
        <v>89</v>
      </c>
      <c r="I140" s="12">
        <v>113</v>
      </c>
      <c r="J140" s="12">
        <v>161</v>
      </c>
      <c r="K140" s="12">
        <v>166</v>
      </c>
      <c r="L140" s="12">
        <v>184</v>
      </c>
      <c r="M140" s="12">
        <v>125</v>
      </c>
      <c r="N140" s="12">
        <v>263</v>
      </c>
      <c r="O140" s="12">
        <v>0</v>
      </c>
      <c r="P140" s="12">
        <v>141</v>
      </c>
      <c r="Q140" s="12">
        <v>745</v>
      </c>
      <c r="R140" s="12">
        <v>323</v>
      </c>
    </row>
    <row r="141" spans="1:18" s="4" customFormat="1" x14ac:dyDescent="0.15">
      <c r="A141" s="3"/>
      <c r="B141" s="3" t="s">
        <v>375</v>
      </c>
      <c r="C141" s="12">
        <v>39</v>
      </c>
      <c r="D141" s="12">
        <v>88</v>
      </c>
      <c r="E141" s="12">
        <v>42</v>
      </c>
      <c r="F141" s="12">
        <v>46</v>
      </c>
      <c r="G141" s="12">
        <v>10</v>
      </c>
      <c r="H141" s="12">
        <v>6</v>
      </c>
      <c r="I141" s="12">
        <v>10</v>
      </c>
      <c r="J141" s="12">
        <v>15</v>
      </c>
      <c r="K141" s="12">
        <v>8</v>
      </c>
      <c r="L141" s="12">
        <v>14</v>
      </c>
      <c r="M141" s="12">
        <v>5</v>
      </c>
      <c r="N141" s="12">
        <v>20</v>
      </c>
      <c r="O141" s="12">
        <v>0</v>
      </c>
      <c r="P141" s="12">
        <v>15</v>
      </c>
      <c r="Q141" s="12">
        <v>51</v>
      </c>
      <c r="R141" s="12">
        <v>22</v>
      </c>
    </row>
    <row r="142" spans="1:18" s="4" customFormat="1" x14ac:dyDescent="0.15">
      <c r="A142" s="3"/>
      <c r="B142" s="3" t="s">
        <v>376</v>
      </c>
      <c r="C142" s="12">
        <v>202</v>
      </c>
      <c r="D142" s="12">
        <v>467</v>
      </c>
      <c r="E142" s="12">
        <v>233</v>
      </c>
      <c r="F142" s="12">
        <v>234</v>
      </c>
      <c r="G142" s="12">
        <v>52</v>
      </c>
      <c r="H142" s="12">
        <v>63</v>
      </c>
      <c r="I142" s="12">
        <v>40</v>
      </c>
      <c r="J142" s="12">
        <v>73</v>
      </c>
      <c r="K142" s="12">
        <v>101</v>
      </c>
      <c r="L142" s="12">
        <v>41</v>
      </c>
      <c r="M142" s="12">
        <v>39</v>
      </c>
      <c r="N142" s="12">
        <v>58</v>
      </c>
      <c r="O142" s="12">
        <v>0</v>
      </c>
      <c r="P142" s="12">
        <v>82</v>
      </c>
      <c r="Q142" s="12">
        <v>305</v>
      </c>
      <c r="R142" s="12">
        <v>80</v>
      </c>
    </row>
    <row r="143" spans="1:18" s="4" customFormat="1" x14ac:dyDescent="0.15">
      <c r="A143" s="3"/>
      <c r="B143" s="3" t="s">
        <v>377</v>
      </c>
      <c r="C143" s="12">
        <v>523</v>
      </c>
      <c r="D143" s="12">
        <v>1113</v>
      </c>
      <c r="E143" s="12">
        <v>546</v>
      </c>
      <c r="F143" s="12">
        <v>567</v>
      </c>
      <c r="G143" s="12">
        <v>84</v>
      </c>
      <c r="H143" s="12">
        <v>80</v>
      </c>
      <c r="I143" s="12">
        <v>115</v>
      </c>
      <c r="J143" s="12">
        <v>109</v>
      </c>
      <c r="K143" s="12">
        <v>159</v>
      </c>
      <c r="L143" s="12">
        <v>167</v>
      </c>
      <c r="M143" s="12">
        <v>111</v>
      </c>
      <c r="N143" s="12">
        <v>288</v>
      </c>
      <c r="O143" s="12">
        <v>0</v>
      </c>
      <c r="P143" s="12">
        <v>118</v>
      </c>
      <c r="Q143" s="12">
        <v>647</v>
      </c>
      <c r="R143" s="12">
        <v>348</v>
      </c>
    </row>
    <row r="144" spans="1:18" s="4" customFormat="1" x14ac:dyDescent="0.15">
      <c r="A144" s="3"/>
      <c r="B144" s="3" t="s">
        <v>378</v>
      </c>
      <c r="C144" s="12">
        <v>463</v>
      </c>
      <c r="D144" s="12">
        <v>1055</v>
      </c>
      <c r="E144" s="12">
        <v>491</v>
      </c>
      <c r="F144" s="12">
        <v>564</v>
      </c>
      <c r="G144" s="12">
        <v>80</v>
      </c>
      <c r="H144" s="12">
        <v>105</v>
      </c>
      <c r="I144" s="12">
        <v>124</v>
      </c>
      <c r="J144" s="12">
        <v>112</v>
      </c>
      <c r="K144" s="12">
        <v>139</v>
      </c>
      <c r="L144" s="12">
        <v>175</v>
      </c>
      <c r="M144" s="12">
        <v>104</v>
      </c>
      <c r="N144" s="12">
        <v>216</v>
      </c>
      <c r="O144" s="12">
        <v>0</v>
      </c>
      <c r="P144" s="12">
        <v>134</v>
      </c>
      <c r="Q144" s="12">
        <v>657</v>
      </c>
      <c r="R144" s="12">
        <v>264</v>
      </c>
    </row>
    <row r="145" spans="1:18" s="4" customFormat="1" x14ac:dyDescent="0.15">
      <c r="A145" s="3"/>
      <c r="B145" s="3" t="s">
        <v>379</v>
      </c>
      <c r="C145" s="12">
        <v>883</v>
      </c>
      <c r="D145" s="12">
        <v>1886</v>
      </c>
      <c r="E145" s="12">
        <v>885</v>
      </c>
      <c r="F145" s="12">
        <v>1001</v>
      </c>
      <c r="G145" s="12">
        <v>118</v>
      </c>
      <c r="H145" s="12">
        <v>214</v>
      </c>
      <c r="I145" s="12">
        <v>204</v>
      </c>
      <c r="J145" s="12">
        <v>211</v>
      </c>
      <c r="K145" s="12">
        <v>256</v>
      </c>
      <c r="L145" s="12">
        <v>264</v>
      </c>
      <c r="M145" s="12">
        <v>201</v>
      </c>
      <c r="N145" s="12">
        <v>418</v>
      </c>
      <c r="O145" s="12">
        <v>0</v>
      </c>
      <c r="P145" s="12">
        <v>214</v>
      </c>
      <c r="Q145" s="12">
        <v>1154</v>
      </c>
      <c r="R145" s="12">
        <v>518</v>
      </c>
    </row>
    <row r="146" spans="1:18" s="4" customFormat="1" x14ac:dyDescent="0.15">
      <c r="A146" s="3"/>
      <c r="B146" s="3" t="s">
        <v>380</v>
      </c>
      <c r="C146" s="12">
        <v>463</v>
      </c>
      <c r="D146" s="12">
        <v>900</v>
      </c>
      <c r="E146" s="12">
        <v>448</v>
      </c>
      <c r="F146" s="12">
        <v>452</v>
      </c>
      <c r="G146" s="12">
        <v>52</v>
      </c>
      <c r="H146" s="12">
        <v>69</v>
      </c>
      <c r="I146" s="12">
        <v>84</v>
      </c>
      <c r="J146" s="12">
        <v>77</v>
      </c>
      <c r="K146" s="12">
        <v>115</v>
      </c>
      <c r="L146" s="12">
        <v>136</v>
      </c>
      <c r="M146" s="12">
        <v>110</v>
      </c>
      <c r="N146" s="12">
        <v>257</v>
      </c>
      <c r="O146" s="12">
        <v>0</v>
      </c>
      <c r="P146" s="12">
        <v>82</v>
      </c>
      <c r="Q146" s="12">
        <v>513</v>
      </c>
      <c r="R146" s="12">
        <v>305</v>
      </c>
    </row>
    <row r="147" spans="1:18" s="4" customFormat="1" x14ac:dyDescent="0.15">
      <c r="A147" s="3"/>
      <c r="B147" s="3" t="s">
        <v>381</v>
      </c>
      <c r="C147" s="12">
        <v>297</v>
      </c>
      <c r="D147" s="12">
        <v>621</v>
      </c>
      <c r="E147" s="12">
        <v>314</v>
      </c>
      <c r="F147" s="12">
        <v>307</v>
      </c>
      <c r="G147" s="12">
        <v>49</v>
      </c>
      <c r="H147" s="12">
        <v>53</v>
      </c>
      <c r="I147" s="12">
        <v>66</v>
      </c>
      <c r="J147" s="12">
        <v>78</v>
      </c>
      <c r="K147" s="12">
        <v>78</v>
      </c>
      <c r="L147" s="12">
        <v>105</v>
      </c>
      <c r="M147" s="12">
        <v>69</v>
      </c>
      <c r="N147" s="12">
        <v>123</v>
      </c>
      <c r="O147" s="12">
        <v>0</v>
      </c>
      <c r="P147" s="12">
        <v>70</v>
      </c>
      <c r="Q147" s="12">
        <v>390</v>
      </c>
      <c r="R147" s="12">
        <v>161</v>
      </c>
    </row>
    <row r="148" spans="1:18" s="4" customFormat="1" x14ac:dyDescent="0.15">
      <c r="A148" s="3"/>
      <c r="B148" s="3" t="s">
        <v>382</v>
      </c>
      <c r="C148" s="12">
        <v>542</v>
      </c>
      <c r="D148" s="12">
        <v>1182</v>
      </c>
      <c r="E148" s="12">
        <v>601</v>
      </c>
      <c r="F148" s="12">
        <v>581</v>
      </c>
      <c r="G148" s="12">
        <v>100</v>
      </c>
      <c r="H148" s="12">
        <v>107</v>
      </c>
      <c r="I148" s="12">
        <v>153</v>
      </c>
      <c r="J148" s="12">
        <v>144</v>
      </c>
      <c r="K148" s="12">
        <v>151</v>
      </c>
      <c r="L148" s="12">
        <v>170</v>
      </c>
      <c r="M148" s="12">
        <v>119</v>
      </c>
      <c r="N148" s="12">
        <v>238</v>
      </c>
      <c r="O148" s="12">
        <v>0</v>
      </c>
      <c r="P148" s="12">
        <v>146</v>
      </c>
      <c r="Q148" s="12">
        <v>735</v>
      </c>
      <c r="R148" s="12">
        <v>301</v>
      </c>
    </row>
    <row r="149" spans="1:18" s="4" customFormat="1" x14ac:dyDescent="0.15">
      <c r="A149" s="3"/>
      <c r="B149" s="3" t="s">
        <v>383</v>
      </c>
      <c r="C149" s="12">
        <v>917</v>
      </c>
      <c r="D149" s="12">
        <v>1798</v>
      </c>
      <c r="E149" s="12">
        <v>802</v>
      </c>
      <c r="F149" s="12">
        <v>996</v>
      </c>
      <c r="G149" s="12">
        <v>69</v>
      </c>
      <c r="H149" s="12">
        <v>197</v>
      </c>
      <c r="I149" s="12">
        <v>124</v>
      </c>
      <c r="J149" s="12">
        <v>135</v>
      </c>
      <c r="K149" s="12">
        <v>200</v>
      </c>
      <c r="L149" s="12">
        <v>228</v>
      </c>
      <c r="M149" s="12">
        <v>214</v>
      </c>
      <c r="N149" s="12">
        <v>631</v>
      </c>
      <c r="O149" s="12">
        <v>0</v>
      </c>
      <c r="P149" s="12">
        <v>164</v>
      </c>
      <c r="Q149" s="12">
        <v>888</v>
      </c>
      <c r="R149" s="12">
        <v>746</v>
      </c>
    </row>
    <row r="150" spans="1:18" s="4" customFormat="1" x14ac:dyDescent="0.15">
      <c r="A150" s="3"/>
      <c r="B150" s="3" t="s">
        <v>384</v>
      </c>
      <c r="C150" s="12">
        <v>295</v>
      </c>
      <c r="D150" s="12">
        <v>717</v>
      </c>
      <c r="E150" s="12">
        <v>354</v>
      </c>
      <c r="F150" s="12">
        <v>363</v>
      </c>
      <c r="G150" s="12">
        <v>83</v>
      </c>
      <c r="H150" s="12">
        <v>72</v>
      </c>
      <c r="I150" s="12">
        <v>48</v>
      </c>
      <c r="J150" s="12">
        <v>95</v>
      </c>
      <c r="K150" s="12">
        <v>103</v>
      </c>
      <c r="L150" s="12">
        <v>84</v>
      </c>
      <c r="M150" s="12">
        <v>77</v>
      </c>
      <c r="N150" s="12">
        <v>155</v>
      </c>
      <c r="O150" s="12">
        <v>0</v>
      </c>
      <c r="P150" s="12">
        <v>121</v>
      </c>
      <c r="Q150" s="12">
        <v>404</v>
      </c>
      <c r="R150" s="12">
        <v>192</v>
      </c>
    </row>
    <row r="151" spans="1:18" s="4" customFormat="1" x14ac:dyDescent="0.15">
      <c r="A151" s="3"/>
      <c r="B151" s="3" t="s">
        <v>385</v>
      </c>
      <c r="C151" s="12">
        <v>351</v>
      </c>
      <c r="D151" s="12">
        <v>751</v>
      </c>
      <c r="E151" s="12">
        <v>378</v>
      </c>
      <c r="F151" s="12">
        <v>373</v>
      </c>
      <c r="G151" s="12">
        <v>71</v>
      </c>
      <c r="H151" s="12">
        <v>62</v>
      </c>
      <c r="I151" s="12">
        <v>74</v>
      </c>
      <c r="J151" s="12">
        <v>113</v>
      </c>
      <c r="K151" s="12">
        <v>113</v>
      </c>
      <c r="L151" s="12">
        <v>93</v>
      </c>
      <c r="M151" s="12">
        <v>84</v>
      </c>
      <c r="N151" s="12">
        <v>141</v>
      </c>
      <c r="O151" s="12">
        <v>0</v>
      </c>
      <c r="P151" s="12">
        <v>102</v>
      </c>
      <c r="Q151" s="12">
        <v>466</v>
      </c>
      <c r="R151" s="12">
        <v>183</v>
      </c>
    </row>
    <row r="152" spans="1:18" s="4" customFormat="1" x14ac:dyDescent="0.15">
      <c r="A152" s="3"/>
      <c r="B152" s="3" t="s">
        <v>386</v>
      </c>
      <c r="C152" s="12">
        <v>252</v>
      </c>
      <c r="D152" s="12">
        <v>518</v>
      </c>
      <c r="E152" s="12">
        <v>258</v>
      </c>
      <c r="F152" s="12">
        <v>260</v>
      </c>
      <c r="G152" s="12">
        <v>38</v>
      </c>
      <c r="H152" s="12">
        <v>47</v>
      </c>
      <c r="I152" s="12">
        <v>69</v>
      </c>
      <c r="J152" s="12">
        <v>48</v>
      </c>
      <c r="K152" s="12">
        <v>71</v>
      </c>
      <c r="L152" s="12">
        <v>83</v>
      </c>
      <c r="M152" s="12">
        <v>57</v>
      </c>
      <c r="N152" s="12">
        <v>105</v>
      </c>
      <c r="O152" s="12">
        <v>0</v>
      </c>
      <c r="P152" s="12">
        <v>62</v>
      </c>
      <c r="Q152" s="12">
        <v>323</v>
      </c>
      <c r="R152" s="12">
        <v>133</v>
      </c>
    </row>
    <row r="153" spans="1:18" ht="10.5" customHeight="1" x14ac:dyDescent="0.15">
      <c r="A153" s="3"/>
      <c r="B153" s="3" t="s">
        <v>387</v>
      </c>
      <c r="C153" s="12">
        <v>281</v>
      </c>
      <c r="D153" s="12">
        <v>613</v>
      </c>
      <c r="E153" s="12">
        <v>303</v>
      </c>
      <c r="F153" s="12">
        <v>310</v>
      </c>
      <c r="G153" s="12">
        <v>50</v>
      </c>
      <c r="H153" s="12">
        <v>49</v>
      </c>
      <c r="I153" s="12">
        <v>71</v>
      </c>
      <c r="J153" s="12">
        <v>67</v>
      </c>
      <c r="K153" s="12">
        <v>112</v>
      </c>
      <c r="L153" s="12">
        <v>69</v>
      </c>
      <c r="M153" s="12">
        <v>72</v>
      </c>
      <c r="N153" s="12">
        <v>123</v>
      </c>
      <c r="O153" s="12">
        <v>0</v>
      </c>
      <c r="P153" s="12">
        <v>75</v>
      </c>
      <c r="Q153" s="12">
        <v>369</v>
      </c>
      <c r="R153" s="12">
        <v>169</v>
      </c>
    </row>
    <row r="154" spans="1:18" ht="10.5" customHeight="1" x14ac:dyDescent="0.15">
      <c r="A154" s="3"/>
      <c r="B154" s="3" t="s">
        <v>388</v>
      </c>
      <c r="C154" s="12">
        <v>237</v>
      </c>
      <c r="D154" s="12">
        <v>544</v>
      </c>
      <c r="E154" s="12">
        <v>256</v>
      </c>
      <c r="F154" s="12">
        <v>288</v>
      </c>
      <c r="G154" s="12">
        <v>35</v>
      </c>
      <c r="H154" s="12">
        <v>51</v>
      </c>
      <c r="I154" s="12">
        <v>54</v>
      </c>
      <c r="J154" s="12">
        <v>59</v>
      </c>
      <c r="K154" s="12">
        <v>69</v>
      </c>
      <c r="L154" s="12">
        <v>80</v>
      </c>
      <c r="M154" s="12">
        <v>68</v>
      </c>
      <c r="N154" s="12">
        <v>128</v>
      </c>
      <c r="O154" s="12">
        <v>0</v>
      </c>
      <c r="P154" s="12">
        <v>52</v>
      </c>
      <c r="Q154" s="12">
        <v>325</v>
      </c>
      <c r="R154" s="12">
        <v>167</v>
      </c>
    </row>
    <row r="155" spans="1:18" ht="10.5" customHeight="1" x14ac:dyDescent="0.15">
      <c r="A155" s="3"/>
      <c r="B155" s="3" t="s">
        <v>389</v>
      </c>
      <c r="C155" s="12">
        <v>375</v>
      </c>
      <c r="D155" s="12">
        <v>905</v>
      </c>
      <c r="E155" s="12">
        <v>468</v>
      </c>
      <c r="F155" s="12">
        <v>437</v>
      </c>
      <c r="G155" s="12">
        <v>112</v>
      </c>
      <c r="H155" s="12">
        <v>69</v>
      </c>
      <c r="I155" s="12">
        <v>94</v>
      </c>
      <c r="J155" s="12">
        <v>108</v>
      </c>
      <c r="K155" s="12">
        <v>133</v>
      </c>
      <c r="L155" s="12">
        <v>125</v>
      </c>
      <c r="M155" s="12">
        <v>68</v>
      </c>
      <c r="N155" s="12">
        <v>196</v>
      </c>
      <c r="O155" s="12">
        <v>0</v>
      </c>
      <c r="P155" s="12">
        <v>147</v>
      </c>
      <c r="Q155" s="12">
        <v>529</v>
      </c>
      <c r="R155" s="12">
        <v>229</v>
      </c>
    </row>
    <row r="156" spans="1:18" ht="10.5" customHeight="1" x14ac:dyDescent="0.15">
      <c r="A156" s="3"/>
      <c r="B156" s="3" t="s">
        <v>390</v>
      </c>
      <c r="C156" s="12">
        <v>282</v>
      </c>
      <c r="D156" s="12">
        <v>661</v>
      </c>
      <c r="E156" s="12">
        <v>335</v>
      </c>
      <c r="F156" s="12">
        <v>326</v>
      </c>
      <c r="G156" s="12">
        <v>67</v>
      </c>
      <c r="H156" s="12">
        <v>90</v>
      </c>
      <c r="I156" s="12">
        <v>81</v>
      </c>
      <c r="J156" s="12">
        <v>71</v>
      </c>
      <c r="K156" s="12">
        <v>124</v>
      </c>
      <c r="L156" s="12">
        <v>93</v>
      </c>
      <c r="M156" s="12">
        <v>60</v>
      </c>
      <c r="N156" s="12">
        <v>75</v>
      </c>
      <c r="O156" s="12">
        <v>0</v>
      </c>
      <c r="P156" s="12">
        <v>110</v>
      </c>
      <c r="Q156" s="12">
        <v>438</v>
      </c>
      <c r="R156" s="12">
        <v>113</v>
      </c>
    </row>
    <row r="157" spans="1:18" ht="10.5" customHeight="1" x14ac:dyDescent="0.15">
      <c r="A157" s="3"/>
      <c r="B157" s="3" t="s">
        <v>391</v>
      </c>
      <c r="C157" s="12">
        <v>607</v>
      </c>
      <c r="D157" s="12">
        <v>1241</v>
      </c>
      <c r="E157" s="12">
        <v>630</v>
      </c>
      <c r="F157" s="12">
        <v>611</v>
      </c>
      <c r="G157" s="12">
        <v>71</v>
      </c>
      <c r="H157" s="12">
        <v>89</v>
      </c>
      <c r="I157" s="12">
        <v>167</v>
      </c>
      <c r="J157" s="12">
        <v>130</v>
      </c>
      <c r="K157" s="12">
        <v>153</v>
      </c>
      <c r="L157" s="12">
        <v>181</v>
      </c>
      <c r="M157" s="12">
        <v>126</v>
      </c>
      <c r="N157" s="12">
        <v>324</v>
      </c>
      <c r="O157" s="12">
        <v>0</v>
      </c>
      <c r="P157" s="12">
        <v>114</v>
      </c>
      <c r="Q157" s="12">
        <v>743</v>
      </c>
      <c r="R157" s="12">
        <v>384</v>
      </c>
    </row>
    <row r="158" spans="1:18" ht="10.5" customHeight="1" x14ac:dyDescent="0.15">
      <c r="A158" s="3"/>
      <c r="B158" s="3" t="s">
        <v>392</v>
      </c>
      <c r="C158" s="12">
        <v>564</v>
      </c>
      <c r="D158" s="12">
        <v>1225</v>
      </c>
      <c r="E158" s="12">
        <v>641</v>
      </c>
      <c r="F158" s="12">
        <v>584</v>
      </c>
      <c r="G158" s="12">
        <v>130</v>
      </c>
      <c r="H158" s="12">
        <v>71</v>
      </c>
      <c r="I158" s="12">
        <v>220</v>
      </c>
      <c r="J158" s="12">
        <v>161</v>
      </c>
      <c r="K158" s="12">
        <v>157</v>
      </c>
      <c r="L158" s="12">
        <v>135</v>
      </c>
      <c r="M158" s="12">
        <v>104</v>
      </c>
      <c r="N158" s="12">
        <v>247</v>
      </c>
      <c r="O158" s="12">
        <v>0</v>
      </c>
      <c r="P158" s="12">
        <v>173</v>
      </c>
      <c r="Q158" s="12">
        <v>740</v>
      </c>
      <c r="R158" s="12">
        <v>312</v>
      </c>
    </row>
    <row r="159" spans="1:18" ht="10.5" customHeight="1" x14ac:dyDescent="0.15">
      <c r="A159" s="3"/>
      <c r="B159" s="3" t="s">
        <v>393</v>
      </c>
      <c r="C159" s="12">
        <v>342</v>
      </c>
      <c r="D159" s="12">
        <v>715</v>
      </c>
      <c r="E159" s="12">
        <v>344</v>
      </c>
      <c r="F159" s="12">
        <v>371</v>
      </c>
      <c r="G159" s="12">
        <v>33</v>
      </c>
      <c r="H159" s="12">
        <v>51</v>
      </c>
      <c r="I159" s="12">
        <v>83</v>
      </c>
      <c r="J159" s="12">
        <v>58</v>
      </c>
      <c r="K159" s="12">
        <v>73</v>
      </c>
      <c r="L159" s="12">
        <v>123</v>
      </c>
      <c r="M159" s="12">
        <v>84</v>
      </c>
      <c r="N159" s="12">
        <v>210</v>
      </c>
      <c r="O159" s="12">
        <v>0</v>
      </c>
      <c r="P159" s="12">
        <v>52</v>
      </c>
      <c r="Q159" s="12">
        <v>412</v>
      </c>
      <c r="R159" s="12">
        <v>251</v>
      </c>
    </row>
    <row r="160" spans="1:18" ht="10.5" customHeight="1" x14ac:dyDescent="0.15">
      <c r="A160" s="3"/>
      <c r="B160" s="3" t="s">
        <v>394</v>
      </c>
      <c r="C160" s="12">
        <v>388</v>
      </c>
      <c r="D160" s="12">
        <v>877</v>
      </c>
      <c r="E160" s="12">
        <v>453</v>
      </c>
      <c r="F160" s="12">
        <v>424</v>
      </c>
      <c r="G160" s="12">
        <v>94</v>
      </c>
      <c r="H160" s="12">
        <v>72</v>
      </c>
      <c r="I160" s="12">
        <v>117</v>
      </c>
      <c r="J160" s="12">
        <v>97</v>
      </c>
      <c r="K160" s="12">
        <v>148</v>
      </c>
      <c r="L160" s="12">
        <v>117</v>
      </c>
      <c r="M160" s="12">
        <v>82</v>
      </c>
      <c r="N160" s="12">
        <v>150</v>
      </c>
      <c r="O160" s="12">
        <v>0</v>
      </c>
      <c r="P160" s="12">
        <v>127</v>
      </c>
      <c r="Q160" s="12">
        <v>557</v>
      </c>
      <c r="R160" s="12">
        <v>193</v>
      </c>
    </row>
    <row r="161" spans="1:18" ht="10.5" customHeight="1" x14ac:dyDescent="0.15">
      <c r="A161" s="3"/>
      <c r="B161" s="3" t="s">
        <v>395</v>
      </c>
      <c r="C161" s="12">
        <v>473</v>
      </c>
      <c r="D161" s="12">
        <v>1041</v>
      </c>
      <c r="E161" s="12">
        <v>513</v>
      </c>
      <c r="F161" s="12">
        <v>528</v>
      </c>
      <c r="G161" s="12">
        <v>62</v>
      </c>
      <c r="H161" s="12">
        <v>90</v>
      </c>
      <c r="I161" s="12">
        <v>109</v>
      </c>
      <c r="J161" s="12">
        <v>96</v>
      </c>
      <c r="K161" s="12">
        <v>141</v>
      </c>
      <c r="L161" s="12">
        <v>160</v>
      </c>
      <c r="M161" s="12">
        <v>94</v>
      </c>
      <c r="N161" s="12">
        <v>289</v>
      </c>
      <c r="O161" s="12">
        <v>0</v>
      </c>
      <c r="P161" s="12">
        <v>98</v>
      </c>
      <c r="Q161" s="12">
        <v>601</v>
      </c>
      <c r="R161" s="12">
        <v>342</v>
      </c>
    </row>
    <row r="162" spans="1:18" ht="10.5" customHeight="1" x14ac:dyDescent="0.15">
      <c r="A162" s="3"/>
      <c r="B162" s="3" t="s">
        <v>396</v>
      </c>
      <c r="C162" s="12">
        <v>459</v>
      </c>
      <c r="D162" s="12">
        <v>1018</v>
      </c>
      <c r="E162" s="12">
        <v>514</v>
      </c>
      <c r="F162" s="12">
        <v>504</v>
      </c>
      <c r="G162" s="12">
        <v>103</v>
      </c>
      <c r="H162" s="12">
        <v>120</v>
      </c>
      <c r="I162" s="12">
        <v>147</v>
      </c>
      <c r="J162" s="12">
        <v>111</v>
      </c>
      <c r="K162" s="12">
        <v>158</v>
      </c>
      <c r="L162" s="12">
        <v>161</v>
      </c>
      <c r="M162" s="12">
        <v>92</v>
      </c>
      <c r="N162" s="12">
        <v>126</v>
      </c>
      <c r="O162" s="12">
        <v>0</v>
      </c>
      <c r="P162" s="12">
        <v>165</v>
      </c>
      <c r="Q162" s="12">
        <v>691</v>
      </c>
      <c r="R162" s="12">
        <v>162</v>
      </c>
    </row>
    <row r="163" spans="1:18" ht="10.5" customHeight="1" x14ac:dyDescent="0.15">
      <c r="A163" s="3"/>
      <c r="B163" s="3"/>
      <c r="C163" s="12"/>
      <c r="D163" s="12"/>
      <c r="E163" s="12"/>
      <c r="F163" s="12"/>
      <c r="G163" s="12"/>
      <c r="H163" s="12"/>
      <c r="I163" s="12"/>
      <c r="J163" s="12"/>
      <c r="K163" s="12"/>
      <c r="L163" s="12"/>
      <c r="M163" s="12"/>
      <c r="N163" s="12"/>
      <c r="O163" s="12"/>
      <c r="P163" s="12"/>
      <c r="Q163" s="12"/>
      <c r="R163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36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397</v>
      </c>
      <c r="B6" s="3"/>
      <c r="C6" s="12">
        <v>73706</v>
      </c>
      <c r="D6" s="12">
        <v>146518</v>
      </c>
      <c r="E6" s="12">
        <v>72980</v>
      </c>
      <c r="F6" s="12">
        <v>73538</v>
      </c>
      <c r="G6" s="12">
        <v>11340</v>
      </c>
      <c r="H6" s="12">
        <v>11569</v>
      </c>
      <c r="I6" s="12">
        <v>18074</v>
      </c>
      <c r="J6" s="12">
        <v>18897</v>
      </c>
      <c r="K6" s="12">
        <v>22357</v>
      </c>
      <c r="L6" s="12">
        <v>20769</v>
      </c>
      <c r="M6" s="12">
        <v>15018</v>
      </c>
      <c r="N6" s="12">
        <v>28494</v>
      </c>
      <c r="O6" s="12">
        <v>0</v>
      </c>
      <c r="P6" s="12">
        <v>16922</v>
      </c>
      <c r="Q6" s="12">
        <v>93664</v>
      </c>
      <c r="R6" s="12">
        <v>35932</v>
      </c>
    </row>
    <row r="7" spans="1:18" s="4" customFormat="1" x14ac:dyDescent="0.15">
      <c r="A7" s="3"/>
      <c r="B7" s="3" t="s">
        <v>398</v>
      </c>
      <c r="C7" s="12">
        <v>1206</v>
      </c>
      <c r="D7" s="12">
        <v>2556</v>
      </c>
      <c r="E7" s="12">
        <v>1246</v>
      </c>
      <c r="F7" s="12">
        <v>1310</v>
      </c>
      <c r="G7" s="12">
        <v>201</v>
      </c>
      <c r="H7" s="12">
        <v>194</v>
      </c>
      <c r="I7" s="12">
        <v>265</v>
      </c>
      <c r="J7" s="12">
        <v>326</v>
      </c>
      <c r="K7" s="12">
        <v>387</v>
      </c>
      <c r="L7" s="12">
        <v>349</v>
      </c>
      <c r="M7" s="12">
        <v>301</v>
      </c>
      <c r="N7" s="12">
        <v>533</v>
      </c>
      <c r="O7" s="12">
        <v>0</v>
      </c>
      <c r="P7" s="12">
        <v>299</v>
      </c>
      <c r="Q7" s="12">
        <v>1558</v>
      </c>
      <c r="R7" s="12">
        <v>699</v>
      </c>
    </row>
    <row r="8" spans="1:18" s="4" customFormat="1" x14ac:dyDescent="0.15">
      <c r="A8" s="3"/>
      <c r="B8" s="3" t="s">
        <v>399</v>
      </c>
      <c r="C8" s="12">
        <v>1442</v>
      </c>
      <c r="D8" s="12">
        <v>3307</v>
      </c>
      <c r="E8" s="12">
        <v>1665</v>
      </c>
      <c r="F8" s="12">
        <v>1642</v>
      </c>
      <c r="G8" s="12">
        <v>351</v>
      </c>
      <c r="H8" s="12">
        <v>374</v>
      </c>
      <c r="I8" s="12">
        <v>269</v>
      </c>
      <c r="J8" s="12">
        <v>380</v>
      </c>
      <c r="K8" s="12">
        <v>618</v>
      </c>
      <c r="L8" s="12">
        <v>462</v>
      </c>
      <c r="M8" s="12">
        <v>311</v>
      </c>
      <c r="N8" s="12">
        <v>542</v>
      </c>
      <c r="O8" s="12">
        <v>0</v>
      </c>
      <c r="P8" s="12">
        <v>569</v>
      </c>
      <c r="Q8" s="12">
        <v>2025</v>
      </c>
      <c r="R8" s="12">
        <v>713</v>
      </c>
    </row>
    <row r="9" spans="1:18" s="4" customFormat="1" x14ac:dyDescent="0.15">
      <c r="A9" s="3"/>
      <c r="B9" s="3" t="s">
        <v>400</v>
      </c>
      <c r="C9" s="12">
        <v>177</v>
      </c>
      <c r="D9" s="12">
        <v>225</v>
      </c>
      <c r="E9" s="12">
        <v>134</v>
      </c>
      <c r="F9" s="12">
        <v>91</v>
      </c>
      <c r="G9" s="12">
        <v>8</v>
      </c>
      <c r="H9" s="12">
        <v>16</v>
      </c>
      <c r="I9" s="12">
        <v>74</v>
      </c>
      <c r="J9" s="12">
        <v>60</v>
      </c>
      <c r="K9" s="12">
        <v>27</v>
      </c>
      <c r="L9" s="12">
        <v>13</v>
      </c>
      <c r="M9" s="12">
        <v>15</v>
      </c>
      <c r="N9" s="12">
        <v>12</v>
      </c>
      <c r="O9" s="12">
        <v>0</v>
      </c>
      <c r="P9" s="12">
        <v>13</v>
      </c>
      <c r="Q9" s="12">
        <v>193</v>
      </c>
      <c r="R9" s="12">
        <v>19</v>
      </c>
    </row>
    <row r="10" spans="1:18" s="4" customFormat="1" x14ac:dyDescent="0.15">
      <c r="A10" s="3"/>
      <c r="B10" s="3" t="s">
        <v>401</v>
      </c>
      <c r="C10" s="12">
        <v>1006</v>
      </c>
      <c r="D10" s="12">
        <v>1907</v>
      </c>
      <c r="E10" s="12">
        <v>976</v>
      </c>
      <c r="F10" s="12">
        <v>931</v>
      </c>
      <c r="G10" s="12">
        <v>151</v>
      </c>
      <c r="H10" s="12">
        <v>137</v>
      </c>
      <c r="I10" s="12">
        <v>220</v>
      </c>
      <c r="J10" s="12">
        <v>278</v>
      </c>
      <c r="K10" s="12">
        <v>305</v>
      </c>
      <c r="L10" s="12">
        <v>257</v>
      </c>
      <c r="M10" s="12">
        <v>215</v>
      </c>
      <c r="N10" s="12">
        <v>344</v>
      </c>
      <c r="O10" s="12">
        <v>0</v>
      </c>
      <c r="P10" s="12">
        <v>214</v>
      </c>
      <c r="Q10" s="12">
        <v>1240</v>
      </c>
      <c r="R10" s="12">
        <v>453</v>
      </c>
    </row>
    <row r="11" spans="1:18" s="4" customFormat="1" x14ac:dyDescent="0.15">
      <c r="A11" s="3"/>
      <c r="B11" s="3" t="s">
        <v>402</v>
      </c>
      <c r="C11" s="12">
        <v>683</v>
      </c>
      <c r="D11" s="12">
        <v>1286</v>
      </c>
      <c r="E11" s="12">
        <v>644</v>
      </c>
      <c r="F11" s="12">
        <v>642</v>
      </c>
      <c r="G11" s="12">
        <v>81</v>
      </c>
      <c r="H11" s="12">
        <v>78</v>
      </c>
      <c r="I11" s="12">
        <v>145</v>
      </c>
      <c r="J11" s="12">
        <v>150</v>
      </c>
      <c r="K11" s="12">
        <v>218</v>
      </c>
      <c r="L11" s="12">
        <v>200</v>
      </c>
      <c r="M11" s="12">
        <v>157</v>
      </c>
      <c r="N11" s="12">
        <v>257</v>
      </c>
      <c r="O11" s="12">
        <v>0</v>
      </c>
      <c r="P11" s="12">
        <v>118</v>
      </c>
      <c r="Q11" s="12">
        <v>835</v>
      </c>
      <c r="R11" s="12">
        <v>333</v>
      </c>
    </row>
    <row r="12" spans="1:18" s="4" customFormat="1" x14ac:dyDescent="0.15">
      <c r="A12" s="3"/>
      <c r="B12" s="3" t="s">
        <v>403</v>
      </c>
      <c r="C12" s="12">
        <v>242</v>
      </c>
      <c r="D12" s="12">
        <v>452</v>
      </c>
      <c r="E12" s="12">
        <v>204</v>
      </c>
      <c r="F12" s="12">
        <v>248</v>
      </c>
      <c r="G12" s="12">
        <v>28</v>
      </c>
      <c r="H12" s="12">
        <v>36</v>
      </c>
      <c r="I12" s="12">
        <v>51</v>
      </c>
      <c r="J12" s="12">
        <v>54</v>
      </c>
      <c r="K12" s="12">
        <v>69</v>
      </c>
      <c r="L12" s="12">
        <v>61</v>
      </c>
      <c r="M12" s="12">
        <v>52</v>
      </c>
      <c r="N12" s="12">
        <v>101</v>
      </c>
      <c r="O12" s="12">
        <v>0</v>
      </c>
      <c r="P12" s="12">
        <v>50</v>
      </c>
      <c r="Q12" s="12">
        <v>275</v>
      </c>
      <c r="R12" s="12">
        <v>127</v>
      </c>
    </row>
    <row r="13" spans="1:18" s="4" customFormat="1" x14ac:dyDescent="0.15">
      <c r="A13" s="3"/>
      <c r="B13" s="3" t="s">
        <v>404</v>
      </c>
      <c r="C13" s="12">
        <v>200</v>
      </c>
      <c r="D13" s="12">
        <v>434</v>
      </c>
      <c r="E13" s="12">
        <v>207</v>
      </c>
      <c r="F13" s="12">
        <v>227</v>
      </c>
      <c r="G13" s="12">
        <v>19</v>
      </c>
      <c r="H13" s="12">
        <v>47</v>
      </c>
      <c r="I13" s="12">
        <v>49</v>
      </c>
      <c r="J13" s="12">
        <v>41</v>
      </c>
      <c r="K13" s="12">
        <v>84</v>
      </c>
      <c r="L13" s="12">
        <v>66</v>
      </c>
      <c r="M13" s="12">
        <v>49</v>
      </c>
      <c r="N13" s="12">
        <v>79</v>
      </c>
      <c r="O13" s="12">
        <v>0</v>
      </c>
      <c r="P13" s="12">
        <v>40</v>
      </c>
      <c r="Q13" s="12">
        <v>287</v>
      </c>
      <c r="R13" s="12">
        <v>107</v>
      </c>
    </row>
    <row r="14" spans="1:18" s="4" customFormat="1" x14ac:dyDescent="0.15">
      <c r="A14" s="3"/>
      <c r="B14" s="3" t="s">
        <v>405</v>
      </c>
      <c r="C14" s="12">
        <v>461</v>
      </c>
      <c r="D14" s="12">
        <v>931</v>
      </c>
      <c r="E14" s="12">
        <v>427</v>
      </c>
      <c r="F14" s="12">
        <v>504</v>
      </c>
      <c r="G14" s="12">
        <v>70</v>
      </c>
      <c r="H14" s="12">
        <v>67</v>
      </c>
      <c r="I14" s="12">
        <v>71</v>
      </c>
      <c r="J14" s="12">
        <v>88</v>
      </c>
      <c r="K14" s="12">
        <v>126</v>
      </c>
      <c r="L14" s="12">
        <v>102</v>
      </c>
      <c r="M14" s="12">
        <v>121</v>
      </c>
      <c r="N14" s="12">
        <v>286</v>
      </c>
      <c r="O14" s="12">
        <v>0</v>
      </c>
      <c r="P14" s="12">
        <v>99</v>
      </c>
      <c r="Q14" s="12">
        <v>487</v>
      </c>
      <c r="R14" s="12">
        <v>345</v>
      </c>
    </row>
    <row r="15" spans="1:18" s="4" customFormat="1" x14ac:dyDescent="0.15">
      <c r="A15" s="3"/>
      <c r="B15" s="3" t="s">
        <v>406</v>
      </c>
      <c r="C15" s="12">
        <v>1180</v>
      </c>
      <c r="D15" s="12">
        <v>2569</v>
      </c>
      <c r="E15" s="12">
        <v>1237</v>
      </c>
      <c r="F15" s="12">
        <v>1332</v>
      </c>
      <c r="G15" s="12">
        <v>235</v>
      </c>
      <c r="H15" s="12">
        <v>252</v>
      </c>
      <c r="I15" s="12">
        <v>217</v>
      </c>
      <c r="J15" s="12">
        <v>289</v>
      </c>
      <c r="K15" s="12">
        <v>442</v>
      </c>
      <c r="L15" s="12">
        <v>357</v>
      </c>
      <c r="M15" s="12">
        <v>315</v>
      </c>
      <c r="N15" s="12">
        <v>462</v>
      </c>
      <c r="O15" s="12">
        <v>0</v>
      </c>
      <c r="P15" s="12">
        <v>364</v>
      </c>
      <c r="Q15" s="12">
        <v>1589</v>
      </c>
      <c r="R15" s="12">
        <v>616</v>
      </c>
    </row>
    <row r="16" spans="1:18" s="4" customFormat="1" x14ac:dyDescent="0.15">
      <c r="A16" s="3"/>
      <c r="B16" s="3" t="s">
        <v>407</v>
      </c>
      <c r="C16" s="12">
        <v>366</v>
      </c>
      <c r="D16" s="12">
        <v>726</v>
      </c>
      <c r="E16" s="12">
        <v>336</v>
      </c>
      <c r="F16" s="12">
        <v>390</v>
      </c>
      <c r="G16" s="12">
        <v>58</v>
      </c>
      <c r="H16" s="12">
        <v>44</v>
      </c>
      <c r="I16" s="12">
        <v>58</v>
      </c>
      <c r="J16" s="12">
        <v>96</v>
      </c>
      <c r="K16" s="12">
        <v>98</v>
      </c>
      <c r="L16" s="12">
        <v>85</v>
      </c>
      <c r="M16" s="12">
        <v>94</v>
      </c>
      <c r="N16" s="12">
        <v>193</v>
      </c>
      <c r="O16" s="12">
        <v>0</v>
      </c>
      <c r="P16" s="12">
        <v>79</v>
      </c>
      <c r="Q16" s="12">
        <v>415</v>
      </c>
      <c r="R16" s="12">
        <v>232</v>
      </c>
    </row>
    <row r="17" spans="1:18" s="4" customFormat="1" x14ac:dyDescent="0.15">
      <c r="A17" s="3"/>
      <c r="B17" s="3" t="s">
        <v>408</v>
      </c>
      <c r="C17" s="12">
        <v>743</v>
      </c>
      <c r="D17" s="12">
        <v>1415</v>
      </c>
      <c r="E17" s="12">
        <v>700</v>
      </c>
      <c r="F17" s="12">
        <v>715</v>
      </c>
      <c r="G17" s="12">
        <v>125</v>
      </c>
      <c r="H17" s="12">
        <v>94</v>
      </c>
      <c r="I17" s="12">
        <v>169</v>
      </c>
      <c r="J17" s="12">
        <v>231</v>
      </c>
      <c r="K17" s="12">
        <v>231</v>
      </c>
      <c r="L17" s="12">
        <v>183</v>
      </c>
      <c r="M17" s="12">
        <v>118</v>
      </c>
      <c r="N17" s="12">
        <v>264</v>
      </c>
      <c r="O17" s="12">
        <v>0</v>
      </c>
      <c r="P17" s="12">
        <v>178</v>
      </c>
      <c r="Q17" s="12">
        <v>917</v>
      </c>
      <c r="R17" s="12">
        <v>320</v>
      </c>
    </row>
    <row r="18" spans="1:18" s="4" customFormat="1" x14ac:dyDescent="0.15">
      <c r="A18" s="3"/>
      <c r="B18" s="3" t="s">
        <v>409</v>
      </c>
      <c r="C18" s="12">
        <v>959</v>
      </c>
      <c r="D18" s="12">
        <v>1885</v>
      </c>
      <c r="E18" s="12">
        <v>895</v>
      </c>
      <c r="F18" s="12">
        <v>990</v>
      </c>
      <c r="G18" s="12">
        <v>119</v>
      </c>
      <c r="H18" s="12">
        <v>149</v>
      </c>
      <c r="I18" s="12">
        <v>217</v>
      </c>
      <c r="J18" s="12">
        <v>193</v>
      </c>
      <c r="K18" s="12">
        <v>258</v>
      </c>
      <c r="L18" s="12">
        <v>317</v>
      </c>
      <c r="M18" s="12">
        <v>204</v>
      </c>
      <c r="N18" s="12">
        <v>428</v>
      </c>
      <c r="O18" s="12">
        <v>0</v>
      </c>
      <c r="P18" s="12">
        <v>209</v>
      </c>
      <c r="Q18" s="12">
        <v>1160</v>
      </c>
      <c r="R18" s="12">
        <v>516</v>
      </c>
    </row>
    <row r="19" spans="1:18" s="4" customFormat="1" x14ac:dyDescent="0.15">
      <c r="A19" s="3"/>
      <c r="B19" s="3" t="s">
        <v>410</v>
      </c>
      <c r="C19" s="12">
        <v>629</v>
      </c>
      <c r="D19" s="12">
        <v>1218</v>
      </c>
      <c r="E19" s="12">
        <v>610</v>
      </c>
      <c r="F19" s="12">
        <v>608</v>
      </c>
      <c r="G19" s="12">
        <v>86</v>
      </c>
      <c r="H19" s="12">
        <v>75</v>
      </c>
      <c r="I19" s="12">
        <v>125</v>
      </c>
      <c r="J19" s="12">
        <v>129</v>
      </c>
      <c r="K19" s="12">
        <v>153</v>
      </c>
      <c r="L19" s="12">
        <v>193</v>
      </c>
      <c r="M19" s="12">
        <v>140</v>
      </c>
      <c r="N19" s="12">
        <v>317</v>
      </c>
      <c r="O19" s="12">
        <v>0</v>
      </c>
      <c r="P19" s="12">
        <v>121</v>
      </c>
      <c r="Q19" s="12">
        <v>705</v>
      </c>
      <c r="R19" s="12">
        <v>392</v>
      </c>
    </row>
    <row r="20" spans="1:18" s="4" customFormat="1" x14ac:dyDescent="0.15">
      <c r="A20" s="3"/>
      <c r="B20" s="3" t="s">
        <v>411</v>
      </c>
      <c r="C20" s="12">
        <v>517</v>
      </c>
      <c r="D20" s="12">
        <v>1004</v>
      </c>
      <c r="E20" s="12">
        <v>517</v>
      </c>
      <c r="F20" s="12">
        <v>487</v>
      </c>
      <c r="G20" s="12">
        <v>57</v>
      </c>
      <c r="H20" s="12">
        <v>104</v>
      </c>
      <c r="I20" s="12">
        <v>119</v>
      </c>
      <c r="J20" s="12">
        <v>118</v>
      </c>
      <c r="K20" s="12">
        <v>125</v>
      </c>
      <c r="L20" s="12">
        <v>149</v>
      </c>
      <c r="M20" s="12">
        <v>95</v>
      </c>
      <c r="N20" s="12">
        <v>237</v>
      </c>
      <c r="O20" s="12">
        <v>0</v>
      </c>
      <c r="P20" s="12">
        <v>106</v>
      </c>
      <c r="Q20" s="12">
        <v>617</v>
      </c>
      <c r="R20" s="12">
        <v>281</v>
      </c>
    </row>
    <row r="21" spans="1:18" s="4" customFormat="1" x14ac:dyDescent="0.15">
      <c r="A21" s="3"/>
      <c r="B21" s="3" t="s">
        <v>412</v>
      </c>
      <c r="C21" s="12">
        <v>981</v>
      </c>
      <c r="D21" s="12">
        <v>1691</v>
      </c>
      <c r="E21" s="12">
        <v>837</v>
      </c>
      <c r="F21" s="12">
        <v>854</v>
      </c>
      <c r="G21" s="12">
        <v>90</v>
      </c>
      <c r="H21" s="12">
        <v>84</v>
      </c>
      <c r="I21" s="12">
        <v>262</v>
      </c>
      <c r="J21" s="12">
        <v>196</v>
      </c>
      <c r="K21" s="12">
        <v>218</v>
      </c>
      <c r="L21" s="12">
        <v>258</v>
      </c>
      <c r="M21" s="12">
        <v>195</v>
      </c>
      <c r="N21" s="12">
        <v>388</v>
      </c>
      <c r="O21" s="12">
        <v>0</v>
      </c>
      <c r="P21" s="12">
        <v>127</v>
      </c>
      <c r="Q21" s="12">
        <v>1071</v>
      </c>
      <c r="R21" s="12">
        <v>493</v>
      </c>
    </row>
    <row r="22" spans="1:18" s="4" customFormat="1" x14ac:dyDescent="0.15">
      <c r="A22" s="3"/>
      <c r="B22" s="3" t="s">
        <v>413</v>
      </c>
      <c r="C22" s="12">
        <v>817</v>
      </c>
      <c r="D22" s="12">
        <v>1308</v>
      </c>
      <c r="E22" s="12">
        <v>679</v>
      </c>
      <c r="F22" s="12">
        <v>629</v>
      </c>
      <c r="G22" s="12">
        <v>91</v>
      </c>
      <c r="H22" s="12">
        <v>59</v>
      </c>
      <c r="I22" s="12">
        <v>254</v>
      </c>
      <c r="J22" s="12">
        <v>265</v>
      </c>
      <c r="K22" s="12">
        <v>230</v>
      </c>
      <c r="L22" s="12">
        <v>131</v>
      </c>
      <c r="M22" s="12">
        <v>96</v>
      </c>
      <c r="N22" s="12">
        <v>182</v>
      </c>
      <c r="O22" s="12">
        <v>0</v>
      </c>
      <c r="P22" s="12">
        <v>117</v>
      </c>
      <c r="Q22" s="12">
        <v>968</v>
      </c>
      <c r="R22" s="12">
        <v>223</v>
      </c>
    </row>
    <row r="23" spans="1:18" s="4" customFormat="1" x14ac:dyDescent="0.15">
      <c r="A23" s="3"/>
      <c r="B23" s="3" t="s">
        <v>414</v>
      </c>
      <c r="C23" s="12">
        <v>167</v>
      </c>
      <c r="D23" s="12">
        <v>288</v>
      </c>
      <c r="E23" s="12">
        <v>137</v>
      </c>
      <c r="F23" s="12">
        <v>151</v>
      </c>
      <c r="G23" s="12">
        <v>7</v>
      </c>
      <c r="H23" s="12">
        <v>16</v>
      </c>
      <c r="I23" s="12">
        <v>63</v>
      </c>
      <c r="J23" s="12">
        <v>37</v>
      </c>
      <c r="K23" s="12">
        <v>37</v>
      </c>
      <c r="L23" s="12">
        <v>55</v>
      </c>
      <c r="M23" s="12">
        <v>35</v>
      </c>
      <c r="N23" s="12">
        <v>38</v>
      </c>
      <c r="O23" s="12">
        <v>0</v>
      </c>
      <c r="P23" s="12">
        <v>14</v>
      </c>
      <c r="Q23" s="12">
        <v>221</v>
      </c>
      <c r="R23" s="12">
        <v>53</v>
      </c>
    </row>
    <row r="24" spans="1:18" s="4" customFormat="1" x14ac:dyDescent="0.15">
      <c r="A24" s="3"/>
      <c r="B24" s="3" t="s">
        <v>415</v>
      </c>
      <c r="C24" s="12">
        <v>1277</v>
      </c>
      <c r="D24" s="12">
        <v>2509</v>
      </c>
      <c r="E24" s="12">
        <v>1213</v>
      </c>
      <c r="F24" s="12">
        <v>1296</v>
      </c>
      <c r="G24" s="12">
        <v>174</v>
      </c>
      <c r="H24" s="12">
        <v>201</v>
      </c>
      <c r="I24" s="12">
        <v>275</v>
      </c>
      <c r="J24" s="12">
        <v>339</v>
      </c>
      <c r="K24" s="12">
        <v>361</v>
      </c>
      <c r="L24" s="12">
        <v>334</v>
      </c>
      <c r="M24" s="12">
        <v>297</v>
      </c>
      <c r="N24" s="12">
        <v>528</v>
      </c>
      <c r="O24" s="12">
        <v>0</v>
      </c>
      <c r="P24" s="12">
        <v>271</v>
      </c>
      <c r="Q24" s="12">
        <v>1559</v>
      </c>
      <c r="R24" s="12">
        <v>679</v>
      </c>
    </row>
    <row r="25" spans="1:18" s="4" customFormat="1" x14ac:dyDescent="0.15">
      <c r="A25" s="3"/>
      <c r="B25" s="3" t="s">
        <v>416</v>
      </c>
      <c r="C25" s="12">
        <v>625</v>
      </c>
      <c r="D25" s="12">
        <v>1243</v>
      </c>
      <c r="E25" s="12">
        <v>612</v>
      </c>
      <c r="F25" s="12">
        <v>631</v>
      </c>
      <c r="G25" s="12">
        <v>88</v>
      </c>
      <c r="H25" s="12">
        <v>101</v>
      </c>
      <c r="I25" s="12">
        <v>213</v>
      </c>
      <c r="J25" s="12">
        <v>136</v>
      </c>
      <c r="K25" s="12">
        <v>168</v>
      </c>
      <c r="L25" s="12">
        <v>183</v>
      </c>
      <c r="M25" s="12">
        <v>116</v>
      </c>
      <c r="N25" s="12">
        <v>238</v>
      </c>
      <c r="O25" s="12">
        <v>0</v>
      </c>
      <c r="P25" s="12">
        <v>134</v>
      </c>
      <c r="Q25" s="12">
        <v>821</v>
      </c>
      <c r="R25" s="12">
        <v>288</v>
      </c>
    </row>
    <row r="26" spans="1:18" s="4" customFormat="1" x14ac:dyDescent="0.15">
      <c r="A26" s="3"/>
      <c r="B26" s="3" t="s">
        <v>417</v>
      </c>
      <c r="C26" s="12">
        <v>654</v>
      </c>
      <c r="D26" s="12">
        <v>1344</v>
      </c>
      <c r="E26" s="12">
        <v>657</v>
      </c>
      <c r="F26" s="12">
        <v>687</v>
      </c>
      <c r="G26" s="12">
        <v>113</v>
      </c>
      <c r="H26" s="12">
        <v>110</v>
      </c>
      <c r="I26" s="12">
        <v>141</v>
      </c>
      <c r="J26" s="12">
        <v>147</v>
      </c>
      <c r="K26" s="12">
        <v>178</v>
      </c>
      <c r="L26" s="12">
        <v>186</v>
      </c>
      <c r="M26" s="12">
        <v>165</v>
      </c>
      <c r="N26" s="12">
        <v>304</v>
      </c>
      <c r="O26" s="12">
        <v>0</v>
      </c>
      <c r="P26" s="12">
        <v>167</v>
      </c>
      <c r="Q26" s="12">
        <v>793</v>
      </c>
      <c r="R26" s="12">
        <v>384</v>
      </c>
    </row>
    <row r="27" spans="1:18" s="4" customFormat="1" x14ac:dyDescent="0.15">
      <c r="A27" s="3"/>
      <c r="B27" s="3" t="s">
        <v>418</v>
      </c>
      <c r="C27" s="12">
        <v>852</v>
      </c>
      <c r="D27" s="12">
        <v>1615</v>
      </c>
      <c r="E27" s="12">
        <v>813</v>
      </c>
      <c r="F27" s="12">
        <v>802</v>
      </c>
      <c r="G27" s="12">
        <v>124</v>
      </c>
      <c r="H27" s="12">
        <v>117</v>
      </c>
      <c r="I27" s="12">
        <v>229</v>
      </c>
      <c r="J27" s="12">
        <v>197</v>
      </c>
      <c r="K27" s="12">
        <v>233</v>
      </c>
      <c r="L27" s="12">
        <v>210</v>
      </c>
      <c r="M27" s="12">
        <v>185</v>
      </c>
      <c r="N27" s="12">
        <v>320</v>
      </c>
      <c r="O27" s="12">
        <v>0</v>
      </c>
      <c r="P27" s="12">
        <v>180</v>
      </c>
      <c r="Q27" s="12">
        <v>1016</v>
      </c>
      <c r="R27" s="12">
        <v>419</v>
      </c>
    </row>
    <row r="28" spans="1:18" s="4" customFormat="1" x14ac:dyDescent="0.15">
      <c r="A28" s="3"/>
      <c r="B28" s="3" t="s">
        <v>419</v>
      </c>
      <c r="C28" s="12">
        <v>898</v>
      </c>
      <c r="D28" s="12">
        <v>1978</v>
      </c>
      <c r="E28" s="12">
        <v>923</v>
      </c>
      <c r="F28" s="12">
        <v>1055</v>
      </c>
      <c r="G28" s="12">
        <v>133</v>
      </c>
      <c r="H28" s="12">
        <v>163</v>
      </c>
      <c r="I28" s="12">
        <v>168</v>
      </c>
      <c r="J28" s="12">
        <v>185</v>
      </c>
      <c r="K28" s="12">
        <v>295</v>
      </c>
      <c r="L28" s="12">
        <v>303</v>
      </c>
      <c r="M28" s="12">
        <v>307</v>
      </c>
      <c r="N28" s="12">
        <v>424</v>
      </c>
      <c r="O28" s="12">
        <v>0</v>
      </c>
      <c r="P28" s="12">
        <v>211</v>
      </c>
      <c r="Q28" s="12">
        <v>1195</v>
      </c>
      <c r="R28" s="12">
        <v>572</v>
      </c>
    </row>
    <row r="29" spans="1:18" s="4" customFormat="1" x14ac:dyDescent="0.15">
      <c r="A29" s="3"/>
      <c r="B29" s="3" t="s">
        <v>420</v>
      </c>
      <c r="C29" s="12">
        <v>993</v>
      </c>
      <c r="D29" s="12">
        <v>1778</v>
      </c>
      <c r="E29" s="12">
        <v>850</v>
      </c>
      <c r="F29" s="12">
        <v>928</v>
      </c>
      <c r="G29" s="12">
        <v>124</v>
      </c>
      <c r="H29" s="12">
        <v>109</v>
      </c>
      <c r="I29" s="12">
        <v>280</v>
      </c>
      <c r="J29" s="12">
        <v>242</v>
      </c>
      <c r="K29" s="12">
        <v>246</v>
      </c>
      <c r="L29" s="12">
        <v>211</v>
      </c>
      <c r="M29" s="12">
        <v>160</v>
      </c>
      <c r="N29" s="12">
        <v>406</v>
      </c>
      <c r="O29" s="12">
        <v>0</v>
      </c>
      <c r="P29" s="12">
        <v>171</v>
      </c>
      <c r="Q29" s="12">
        <v>1119</v>
      </c>
      <c r="R29" s="12">
        <v>488</v>
      </c>
    </row>
    <row r="30" spans="1:18" s="4" customFormat="1" x14ac:dyDescent="0.15">
      <c r="A30" s="3"/>
      <c r="B30" s="3" t="s">
        <v>421</v>
      </c>
      <c r="C30" s="12">
        <v>658</v>
      </c>
      <c r="D30" s="12">
        <v>1079</v>
      </c>
      <c r="E30" s="12">
        <v>535</v>
      </c>
      <c r="F30" s="12">
        <v>544</v>
      </c>
      <c r="G30" s="12">
        <v>54</v>
      </c>
      <c r="H30" s="12">
        <v>48</v>
      </c>
      <c r="I30" s="12">
        <v>204</v>
      </c>
      <c r="J30" s="12">
        <v>146</v>
      </c>
      <c r="K30" s="12">
        <v>119</v>
      </c>
      <c r="L30" s="12">
        <v>128</v>
      </c>
      <c r="M30" s="12">
        <v>137</v>
      </c>
      <c r="N30" s="12">
        <v>243</v>
      </c>
      <c r="O30" s="12">
        <v>0</v>
      </c>
      <c r="P30" s="12">
        <v>75</v>
      </c>
      <c r="Q30" s="12">
        <v>695</v>
      </c>
      <c r="R30" s="12">
        <v>309</v>
      </c>
    </row>
    <row r="31" spans="1:18" s="4" customFormat="1" x14ac:dyDescent="0.15">
      <c r="A31" s="3"/>
      <c r="B31" s="3" t="s">
        <v>422</v>
      </c>
      <c r="C31" s="12">
        <v>647</v>
      </c>
      <c r="D31" s="12">
        <v>1037</v>
      </c>
      <c r="E31" s="12">
        <v>534</v>
      </c>
      <c r="F31" s="12">
        <v>503</v>
      </c>
      <c r="G31" s="12">
        <v>51</v>
      </c>
      <c r="H31" s="12">
        <v>55</v>
      </c>
      <c r="I31" s="12">
        <v>228</v>
      </c>
      <c r="J31" s="12">
        <v>143</v>
      </c>
      <c r="K31" s="12">
        <v>139</v>
      </c>
      <c r="L31" s="12">
        <v>99</v>
      </c>
      <c r="M31" s="12">
        <v>115</v>
      </c>
      <c r="N31" s="12">
        <v>207</v>
      </c>
      <c r="O31" s="12">
        <v>0</v>
      </c>
      <c r="P31" s="12">
        <v>77</v>
      </c>
      <c r="Q31" s="12">
        <v>692</v>
      </c>
      <c r="R31" s="12">
        <v>268</v>
      </c>
    </row>
    <row r="32" spans="1:18" s="4" customFormat="1" x14ac:dyDescent="0.15">
      <c r="A32" s="3"/>
      <c r="B32" s="3" t="s">
        <v>423</v>
      </c>
      <c r="C32" s="12">
        <v>786</v>
      </c>
      <c r="D32" s="12">
        <v>1259</v>
      </c>
      <c r="E32" s="12">
        <v>631</v>
      </c>
      <c r="F32" s="12">
        <v>628</v>
      </c>
      <c r="G32" s="12">
        <v>79</v>
      </c>
      <c r="H32" s="12">
        <v>38</v>
      </c>
      <c r="I32" s="12">
        <v>177</v>
      </c>
      <c r="J32" s="12">
        <v>227</v>
      </c>
      <c r="K32" s="12">
        <v>190</v>
      </c>
      <c r="L32" s="12">
        <v>187</v>
      </c>
      <c r="M32" s="12">
        <v>135</v>
      </c>
      <c r="N32" s="12">
        <v>226</v>
      </c>
      <c r="O32" s="12">
        <v>0</v>
      </c>
      <c r="P32" s="12">
        <v>100</v>
      </c>
      <c r="Q32" s="12">
        <v>872</v>
      </c>
      <c r="R32" s="12">
        <v>287</v>
      </c>
    </row>
    <row r="33" spans="1:18" s="4" customFormat="1" x14ac:dyDescent="0.15">
      <c r="A33" s="3"/>
      <c r="B33" s="3" t="s">
        <v>424</v>
      </c>
      <c r="C33" s="12">
        <v>263</v>
      </c>
      <c r="D33" s="12">
        <v>493</v>
      </c>
      <c r="E33" s="12">
        <v>244</v>
      </c>
      <c r="F33" s="12">
        <v>249</v>
      </c>
      <c r="G33" s="12">
        <v>31</v>
      </c>
      <c r="H33" s="12">
        <v>50</v>
      </c>
      <c r="I33" s="12">
        <v>69</v>
      </c>
      <c r="J33" s="12">
        <v>56</v>
      </c>
      <c r="K33" s="12">
        <v>85</v>
      </c>
      <c r="L33" s="12">
        <v>69</v>
      </c>
      <c r="M33" s="12">
        <v>42</v>
      </c>
      <c r="N33" s="12">
        <v>91</v>
      </c>
      <c r="O33" s="12">
        <v>0</v>
      </c>
      <c r="P33" s="12">
        <v>59</v>
      </c>
      <c r="Q33" s="12">
        <v>317</v>
      </c>
      <c r="R33" s="12">
        <v>117</v>
      </c>
    </row>
    <row r="34" spans="1:18" s="4" customFormat="1" x14ac:dyDescent="0.15">
      <c r="A34" s="3"/>
      <c r="B34" s="3" t="s">
        <v>425</v>
      </c>
      <c r="C34" s="12">
        <v>1395</v>
      </c>
      <c r="D34" s="12">
        <v>2346</v>
      </c>
      <c r="E34" s="12">
        <v>1134</v>
      </c>
      <c r="F34" s="12">
        <v>1212</v>
      </c>
      <c r="G34" s="12">
        <v>155</v>
      </c>
      <c r="H34" s="12">
        <v>126</v>
      </c>
      <c r="I34" s="12">
        <v>391</v>
      </c>
      <c r="J34" s="12">
        <v>357</v>
      </c>
      <c r="K34" s="12">
        <v>382</v>
      </c>
      <c r="L34" s="12">
        <v>310</v>
      </c>
      <c r="M34" s="12">
        <v>211</v>
      </c>
      <c r="N34" s="12">
        <v>414</v>
      </c>
      <c r="O34" s="12">
        <v>0</v>
      </c>
      <c r="P34" s="12">
        <v>220</v>
      </c>
      <c r="Q34" s="12">
        <v>1618</v>
      </c>
      <c r="R34" s="12">
        <v>508</v>
      </c>
    </row>
    <row r="35" spans="1:18" s="4" customFormat="1" x14ac:dyDescent="0.15">
      <c r="A35" s="3"/>
      <c r="B35" s="3" t="s">
        <v>426</v>
      </c>
      <c r="C35" s="12">
        <v>543</v>
      </c>
      <c r="D35" s="12">
        <v>973</v>
      </c>
      <c r="E35" s="12">
        <v>502</v>
      </c>
      <c r="F35" s="12">
        <v>471</v>
      </c>
      <c r="G35" s="12">
        <v>81</v>
      </c>
      <c r="H35" s="12">
        <v>56</v>
      </c>
      <c r="I35" s="12">
        <v>115</v>
      </c>
      <c r="J35" s="12">
        <v>146</v>
      </c>
      <c r="K35" s="12">
        <v>194</v>
      </c>
      <c r="L35" s="12">
        <v>106</v>
      </c>
      <c r="M35" s="12">
        <v>118</v>
      </c>
      <c r="N35" s="12">
        <v>157</v>
      </c>
      <c r="O35" s="12">
        <v>0</v>
      </c>
      <c r="P35" s="12">
        <v>116</v>
      </c>
      <c r="Q35" s="12">
        <v>654</v>
      </c>
      <c r="R35" s="12">
        <v>203</v>
      </c>
    </row>
    <row r="36" spans="1:18" s="4" customFormat="1" x14ac:dyDescent="0.15">
      <c r="A36" s="3"/>
      <c r="B36" s="3" t="s">
        <v>427</v>
      </c>
      <c r="C36" s="12">
        <v>350</v>
      </c>
      <c r="D36" s="12">
        <v>548</v>
      </c>
      <c r="E36" s="12">
        <v>274</v>
      </c>
      <c r="F36" s="12">
        <v>274</v>
      </c>
      <c r="G36" s="12">
        <v>31</v>
      </c>
      <c r="H36" s="12">
        <v>26</v>
      </c>
      <c r="I36" s="12">
        <v>133</v>
      </c>
      <c r="J36" s="12">
        <v>97</v>
      </c>
      <c r="K36" s="12">
        <v>72</v>
      </c>
      <c r="L36" s="12">
        <v>54</v>
      </c>
      <c r="M36" s="12">
        <v>50</v>
      </c>
      <c r="N36" s="12">
        <v>85</v>
      </c>
      <c r="O36" s="12">
        <v>0</v>
      </c>
      <c r="P36" s="12">
        <v>42</v>
      </c>
      <c r="Q36" s="12">
        <v>389</v>
      </c>
      <c r="R36" s="12">
        <v>117</v>
      </c>
    </row>
    <row r="37" spans="1:18" s="4" customFormat="1" x14ac:dyDescent="0.15">
      <c r="A37" s="3"/>
      <c r="B37" s="3" t="s">
        <v>428</v>
      </c>
      <c r="C37" s="12">
        <v>713</v>
      </c>
      <c r="D37" s="12">
        <v>1423</v>
      </c>
      <c r="E37" s="12">
        <v>746</v>
      </c>
      <c r="F37" s="12">
        <v>677</v>
      </c>
      <c r="G37" s="12">
        <v>145</v>
      </c>
      <c r="H37" s="12">
        <v>107</v>
      </c>
      <c r="I37" s="12">
        <v>182</v>
      </c>
      <c r="J37" s="12">
        <v>236</v>
      </c>
      <c r="K37" s="12">
        <v>201</v>
      </c>
      <c r="L37" s="12">
        <v>179</v>
      </c>
      <c r="M37" s="12">
        <v>128</v>
      </c>
      <c r="N37" s="12">
        <v>245</v>
      </c>
      <c r="O37" s="12">
        <v>0</v>
      </c>
      <c r="P37" s="12">
        <v>192</v>
      </c>
      <c r="Q37" s="12">
        <v>914</v>
      </c>
      <c r="R37" s="12">
        <v>317</v>
      </c>
    </row>
    <row r="38" spans="1:18" s="4" customFormat="1" x14ac:dyDescent="0.15">
      <c r="A38" s="3"/>
      <c r="B38" s="3" t="s">
        <v>429</v>
      </c>
      <c r="C38" s="12">
        <v>581</v>
      </c>
      <c r="D38" s="12">
        <v>1158</v>
      </c>
      <c r="E38" s="12">
        <v>553</v>
      </c>
      <c r="F38" s="12">
        <v>605</v>
      </c>
      <c r="G38" s="12">
        <v>109</v>
      </c>
      <c r="H38" s="12">
        <v>85</v>
      </c>
      <c r="I38" s="12">
        <v>123</v>
      </c>
      <c r="J38" s="12">
        <v>198</v>
      </c>
      <c r="K38" s="12">
        <v>188</v>
      </c>
      <c r="L38" s="12">
        <v>156</v>
      </c>
      <c r="M38" s="12">
        <v>120</v>
      </c>
      <c r="N38" s="12">
        <v>179</v>
      </c>
      <c r="O38" s="12">
        <v>0</v>
      </c>
      <c r="P38" s="12">
        <v>158</v>
      </c>
      <c r="Q38" s="12">
        <v>758</v>
      </c>
      <c r="R38" s="12">
        <v>242</v>
      </c>
    </row>
    <row r="39" spans="1:18" s="4" customFormat="1" x14ac:dyDescent="0.15">
      <c r="A39" s="3"/>
      <c r="B39" s="3" t="s">
        <v>430</v>
      </c>
      <c r="C39" s="12">
        <v>718</v>
      </c>
      <c r="D39" s="12">
        <v>1493</v>
      </c>
      <c r="E39" s="12">
        <v>732</v>
      </c>
      <c r="F39" s="12">
        <v>761</v>
      </c>
      <c r="G39" s="12">
        <v>135</v>
      </c>
      <c r="H39" s="12">
        <v>108</v>
      </c>
      <c r="I39" s="12">
        <v>182</v>
      </c>
      <c r="J39" s="12">
        <v>179</v>
      </c>
      <c r="K39" s="12">
        <v>206</v>
      </c>
      <c r="L39" s="12">
        <v>204</v>
      </c>
      <c r="M39" s="12">
        <v>179</v>
      </c>
      <c r="N39" s="12">
        <v>300</v>
      </c>
      <c r="O39" s="12">
        <v>0</v>
      </c>
      <c r="P39" s="12">
        <v>192</v>
      </c>
      <c r="Q39" s="12">
        <v>914</v>
      </c>
      <c r="R39" s="12">
        <v>387</v>
      </c>
    </row>
    <row r="40" spans="1:18" s="4" customFormat="1" x14ac:dyDescent="0.15">
      <c r="A40" s="3"/>
      <c r="B40" s="3" t="s">
        <v>431</v>
      </c>
      <c r="C40" s="12">
        <v>720</v>
      </c>
      <c r="D40" s="12">
        <v>1499</v>
      </c>
      <c r="E40" s="12">
        <v>720</v>
      </c>
      <c r="F40" s="12">
        <v>779</v>
      </c>
      <c r="G40" s="12">
        <v>98</v>
      </c>
      <c r="H40" s="12">
        <v>115</v>
      </c>
      <c r="I40" s="12">
        <v>155</v>
      </c>
      <c r="J40" s="12">
        <v>181</v>
      </c>
      <c r="K40" s="12">
        <v>220</v>
      </c>
      <c r="L40" s="12">
        <v>241</v>
      </c>
      <c r="M40" s="12">
        <v>191</v>
      </c>
      <c r="N40" s="12">
        <v>298</v>
      </c>
      <c r="O40" s="12">
        <v>0</v>
      </c>
      <c r="P40" s="12">
        <v>149</v>
      </c>
      <c r="Q40" s="12">
        <v>973</v>
      </c>
      <c r="R40" s="12">
        <v>377</v>
      </c>
    </row>
    <row r="41" spans="1:18" s="4" customFormat="1" x14ac:dyDescent="0.15">
      <c r="A41" s="3"/>
      <c r="B41" s="3" t="s">
        <v>432</v>
      </c>
      <c r="C41" s="12">
        <v>559</v>
      </c>
      <c r="D41" s="12">
        <v>1051</v>
      </c>
      <c r="E41" s="12">
        <v>460</v>
      </c>
      <c r="F41" s="12">
        <v>591</v>
      </c>
      <c r="G41" s="12">
        <v>43</v>
      </c>
      <c r="H41" s="12">
        <v>72</v>
      </c>
      <c r="I41" s="12">
        <v>137</v>
      </c>
      <c r="J41" s="12">
        <v>112</v>
      </c>
      <c r="K41" s="12">
        <v>118</v>
      </c>
      <c r="L41" s="12">
        <v>170</v>
      </c>
      <c r="M41" s="12">
        <v>155</v>
      </c>
      <c r="N41" s="12">
        <v>244</v>
      </c>
      <c r="O41" s="12">
        <v>0</v>
      </c>
      <c r="P41" s="12">
        <v>77</v>
      </c>
      <c r="Q41" s="12">
        <v>656</v>
      </c>
      <c r="R41" s="12">
        <v>318</v>
      </c>
    </row>
    <row r="42" spans="1:18" s="4" customFormat="1" x14ac:dyDescent="0.15">
      <c r="A42" s="3"/>
      <c r="B42" s="3" t="s">
        <v>433</v>
      </c>
      <c r="C42" s="12">
        <v>324</v>
      </c>
      <c r="D42" s="12">
        <v>583</v>
      </c>
      <c r="E42" s="12">
        <v>289</v>
      </c>
      <c r="F42" s="12">
        <v>294</v>
      </c>
      <c r="G42" s="12">
        <v>35</v>
      </c>
      <c r="H42" s="12">
        <v>39</v>
      </c>
      <c r="I42" s="12">
        <v>64</v>
      </c>
      <c r="J42" s="12">
        <v>77</v>
      </c>
      <c r="K42" s="12">
        <v>81</v>
      </c>
      <c r="L42" s="12">
        <v>94</v>
      </c>
      <c r="M42" s="12">
        <v>67</v>
      </c>
      <c r="N42" s="12">
        <v>126</v>
      </c>
      <c r="O42" s="12">
        <v>0</v>
      </c>
      <c r="P42" s="12">
        <v>56</v>
      </c>
      <c r="Q42" s="12">
        <v>360</v>
      </c>
      <c r="R42" s="12">
        <v>167</v>
      </c>
    </row>
    <row r="43" spans="1:18" s="4" customFormat="1" x14ac:dyDescent="0.15">
      <c r="A43" s="3"/>
      <c r="B43" s="3" t="s">
        <v>434</v>
      </c>
      <c r="C43" s="12">
        <v>327</v>
      </c>
      <c r="D43" s="12">
        <v>651</v>
      </c>
      <c r="E43" s="12">
        <v>321</v>
      </c>
      <c r="F43" s="12">
        <v>330</v>
      </c>
      <c r="G43" s="12">
        <v>55</v>
      </c>
      <c r="H43" s="12">
        <v>50</v>
      </c>
      <c r="I43" s="12">
        <v>66</v>
      </c>
      <c r="J43" s="12">
        <v>94</v>
      </c>
      <c r="K43" s="12">
        <v>118</v>
      </c>
      <c r="L43" s="12">
        <v>101</v>
      </c>
      <c r="M43" s="12">
        <v>68</v>
      </c>
      <c r="N43" s="12">
        <v>99</v>
      </c>
      <c r="O43" s="12">
        <v>0</v>
      </c>
      <c r="P43" s="12">
        <v>80</v>
      </c>
      <c r="Q43" s="12">
        <v>449</v>
      </c>
      <c r="R43" s="12">
        <v>122</v>
      </c>
    </row>
    <row r="44" spans="1:18" s="4" customFormat="1" x14ac:dyDescent="0.15">
      <c r="A44" s="3"/>
      <c r="B44" s="3" t="s">
        <v>435</v>
      </c>
      <c r="C44" s="12">
        <v>673</v>
      </c>
      <c r="D44" s="12">
        <v>1427</v>
      </c>
      <c r="E44" s="12">
        <v>709</v>
      </c>
      <c r="F44" s="12">
        <v>718</v>
      </c>
      <c r="G44" s="12">
        <v>140</v>
      </c>
      <c r="H44" s="12">
        <v>100</v>
      </c>
      <c r="I44" s="12">
        <v>121</v>
      </c>
      <c r="J44" s="12">
        <v>149</v>
      </c>
      <c r="K44" s="12">
        <v>216</v>
      </c>
      <c r="L44" s="12">
        <v>178</v>
      </c>
      <c r="M44" s="12">
        <v>169</v>
      </c>
      <c r="N44" s="12">
        <v>354</v>
      </c>
      <c r="O44" s="12">
        <v>0</v>
      </c>
      <c r="P44" s="12">
        <v>187</v>
      </c>
      <c r="Q44" s="12">
        <v>803</v>
      </c>
      <c r="R44" s="12">
        <v>437</v>
      </c>
    </row>
    <row r="45" spans="1:18" s="4" customFormat="1" x14ac:dyDescent="0.15">
      <c r="A45" s="3"/>
      <c r="B45" s="3" t="s">
        <v>436</v>
      </c>
      <c r="C45" s="12">
        <v>180</v>
      </c>
      <c r="D45" s="12">
        <v>340</v>
      </c>
      <c r="E45" s="12">
        <v>181</v>
      </c>
      <c r="F45" s="12">
        <v>159</v>
      </c>
      <c r="G45" s="12">
        <v>20</v>
      </c>
      <c r="H45" s="12">
        <v>15</v>
      </c>
      <c r="I45" s="12">
        <v>35</v>
      </c>
      <c r="J45" s="12">
        <v>42</v>
      </c>
      <c r="K45" s="12">
        <v>30</v>
      </c>
      <c r="L45" s="12">
        <v>51</v>
      </c>
      <c r="M45" s="12">
        <v>56</v>
      </c>
      <c r="N45" s="12">
        <v>91</v>
      </c>
      <c r="O45" s="12">
        <v>0</v>
      </c>
      <c r="P45" s="12">
        <v>26</v>
      </c>
      <c r="Q45" s="12">
        <v>196</v>
      </c>
      <c r="R45" s="12">
        <v>118</v>
      </c>
    </row>
    <row r="46" spans="1:18" s="4" customFormat="1" x14ac:dyDescent="0.15">
      <c r="A46" s="3"/>
      <c r="B46" s="3" t="s">
        <v>437</v>
      </c>
      <c r="C46" s="12">
        <v>99</v>
      </c>
      <c r="D46" s="12">
        <v>164</v>
      </c>
      <c r="E46" s="12">
        <v>68</v>
      </c>
      <c r="F46" s="12">
        <v>96</v>
      </c>
      <c r="G46" s="12">
        <v>10</v>
      </c>
      <c r="H46" s="12">
        <v>12</v>
      </c>
      <c r="I46" s="12">
        <v>26</v>
      </c>
      <c r="J46" s="12">
        <v>11</v>
      </c>
      <c r="K46" s="12">
        <v>15</v>
      </c>
      <c r="L46" s="12">
        <v>16</v>
      </c>
      <c r="M46" s="12">
        <v>18</v>
      </c>
      <c r="N46" s="12">
        <v>56</v>
      </c>
      <c r="O46" s="12">
        <v>0</v>
      </c>
      <c r="P46" s="12">
        <v>16</v>
      </c>
      <c r="Q46" s="12">
        <v>83</v>
      </c>
      <c r="R46" s="12">
        <v>65</v>
      </c>
    </row>
    <row r="47" spans="1:18" s="4" customFormat="1" x14ac:dyDescent="0.15">
      <c r="A47" s="3"/>
      <c r="B47" s="3" t="s">
        <v>438</v>
      </c>
      <c r="C47" s="12">
        <v>336</v>
      </c>
      <c r="D47" s="12">
        <v>655</v>
      </c>
      <c r="E47" s="12">
        <v>317</v>
      </c>
      <c r="F47" s="12">
        <v>338</v>
      </c>
      <c r="G47" s="12">
        <v>55</v>
      </c>
      <c r="H47" s="12">
        <v>21</v>
      </c>
      <c r="I47" s="12">
        <v>73</v>
      </c>
      <c r="J47" s="12">
        <v>110</v>
      </c>
      <c r="K47" s="12">
        <v>86</v>
      </c>
      <c r="L47" s="12">
        <v>70</v>
      </c>
      <c r="M47" s="12">
        <v>80</v>
      </c>
      <c r="N47" s="12">
        <v>160</v>
      </c>
      <c r="O47" s="12">
        <v>0</v>
      </c>
      <c r="P47" s="12">
        <v>63</v>
      </c>
      <c r="Q47" s="12">
        <v>394</v>
      </c>
      <c r="R47" s="12">
        <v>198</v>
      </c>
    </row>
    <row r="48" spans="1:18" s="4" customFormat="1" x14ac:dyDescent="0.15">
      <c r="A48" s="3"/>
      <c r="B48" s="3" t="s">
        <v>439</v>
      </c>
      <c r="C48" s="12">
        <v>8</v>
      </c>
      <c r="D48" s="12">
        <v>18</v>
      </c>
      <c r="E48" s="12">
        <v>10</v>
      </c>
      <c r="F48" s="12">
        <v>8</v>
      </c>
      <c r="G48" s="12">
        <v>0</v>
      </c>
      <c r="H48" s="12">
        <v>1</v>
      </c>
      <c r="I48" s="12">
        <v>2</v>
      </c>
      <c r="J48" s="12">
        <v>2</v>
      </c>
      <c r="K48" s="12">
        <v>2</v>
      </c>
      <c r="L48" s="12">
        <v>4</v>
      </c>
      <c r="M48" s="12">
        <v>2</v>
      </c>
      <c r="N48" s="12">
        <v>5</v>
      </c>
      <c r="O48" s="12">
        <v>0</v>
      </c>
      <c r="P48" s="12">
        <v>0</v>
      </c>
      <c r="Q48" s="12">
        <v>12</v>
      </c>
      <c r="R48" s="12">
        <v>6</v>
      </c>
    </row>
    <row r="49" spans="1:18" s="4" customFormat="1" x14ac:dyDescent="0.15">
      <c r="A49" s="3"/>
      <c r="B49" s="3" t="s">
        <v>440</v>
      </c>
      <c r="C49" s="12">
        <v>161</v>
      </c>
      <c r="D49" s="12">
        <v>264</v>
      </c>
      <c r="E49" s="12">
        <v>136</v>
      </c>
      <c r="F49" s="12">
        <v>128</v>
      </c>
      <c r="G49" s="12">
        <v>12</v>
      </c>
      <c r="H49" s="12">
        <v>13</v>
      </c>
      <c r="I49" s="12">
        <v>59</v>
      </c>
      <c r="J49" s="12">
        <v>40</v>
      </c>
      <c r="K49" s="12">
        <v>32</v>
      </c>
      <c r="L49" s="12">
        <v>39</v>
      </c>
      <c r="M49" s="12">
        <v>20</v>
      </c>
      <c r="N49" s="12">
        <v>49</v>
      </c>
      <c r="O49" s="12">
        <v>0</v>
      </c>
      <c r="P49" s="12">
        <v>16</v>
      </c>
      <c r="Q49" s="12">
        <v>189</v>
      </c>
      <c r="R49" s="12">
        <v>59</v>
      </c>
    </row>
    <row r="50" spans="1:18" s="4" customFormat="1" x14ac:dyDescent="0.15">
      <c r="A50" s="3"/>
      <c r="B50" s="3" t="s">
        <v>441</v>
      </c>
      <c r="C50" s="12">
        <v>161</v>
      </c>
      <c r="D50" s="12">
        <v>270</v>
      </c>
      <c r="E50" s="12">
        <v>142</v>
      </c>
      <c r="F50" s="12">
        <v>128</v>
      </c>
      <c r="G50" s="12">
        <v>17</v>
      </c>
      <c r="H50" s="12">
        <v>10</v>
      </c>
      <c r="I50" s="12">
        <v>38</v>
      </c>
      <c r="J50" s="12">
        <v>41</v>
      </c>
      <c r="K50" s="12">
        <v>38</v>
      </c>
      <c r="L50" s="12">
        <v>33</v>
      </c>
      <c r="M50" s="12">
        <v>23</v>
      </c>
      <c r="N50" s="12">
        <v>70</v>
      </c>
      <c r="O50" s="12">
        <v>0</v>
      </c>
      <c r="P50" s="12">
        <v>23</v>
      </c>
      <c r="Q50" s="12">
        <v>162</v>
      </c>
      <c r="R50" s="12">
        <v>85</v>
      </c>
    </row>
    <row r="51" spans="1:18" s="4" customFormat="1" x14ac:dyDescent="0.15">
      <c r="A51" s="3"/>
      <c r="B51" s="3" t="s">
        <v>442</v>
      </c>
      <c r="C51" s="12">
        <v>82</v>
      </c>
      <c r="D51" s="12">
        <v>136</v>
      </c>
      <c r="E51" s="12">
        <v>70</v>
      </c>
      <c r="F51" s="12">
        <v>66</v>
      </c>
      <c r="G51" s="12">
        <v>9</v>
      </c>
      <c r="H51" s="12">
        <v>2</v>
      </c>
      <c r="I51" s="12">
        <v>34</v>
      </c>
      <c r="J51" s="12">
        <v>21</v>
      </c>
      <c r="K51" s="12">
        <v>13</v>
      </c>
      <c r="L51" s="12">
        <v>13</v>
      </c>
      <c r="M51" s="12">
        <v>11</v>
      </c>
      <c r="N51" s="12">
        <v>33</v>
      </c>
      <c r="O51" s="12">
        <v>0</v>
      </c>
      <c r="P51" s="12">
        <v>11</v>
      </c>
      <c r="Q51" s="12">
        <v>86</v>
      </c>
      <c r="R51" s="12">
        <v>39</v>
      </c>
    </row>
    <row r="52" spans="1:18" s="4" customFormat="1" x14ac:dyDescent="0.15">
      <c r="A52" s="3"/>
      <c r="B52" s="3" t="s">
        <v>443</v>
      </c>
      <c r="C52" s="12">
        <v>1155</v>
      </c>
      <c r="D52" s="12">
        <v>2303</v>
      </c>
      <c r="E52" s="12">
        <v>1125</v>
      </c>
      <c r="F52" s="12">
        <v>1178</v>
      </c>
      <c r="G52" s="12">
        <v>131</v>
      </c>
      <c r="H52" s="12">
        <v>138</v>
      </c>
      <c r="I52" s="12">
        <v>191</v>
      </c>
      <c r="J52" s="12">
        <v>274</v>
      </c>
      <c r="K52" s="12">
        <v>280</v>
      </c>
      <c r="L52" s="12">
        <v>312</v>
      </c>
      <c r="M52" s="12">
        <v>421</v>
      </c>
      <c r="N52" s="12">
        <v>556</v>
      </c>
      <c r="O52" s="12">
        <v>0</v>
      </c>
      <c r="P52" s="12">
        <v>201</v>
      </c>
      <c r="Q52" s="12">
        <v>1330</v>
      </c>
      <c r="R52" s="12">
        <v>772</v>
      </c>
    </row>
    <row r="53" spans="1:18" s="4" customFormat="1" x14ac:dyDescent="0.15">
      <c r="A53" s="3"/>
      <c r="B53" s="3" t="s">
        <v>444</v>
      </c>
      <c r="C53" s="12">
        <v>893</v>
      </c>
      <c r="D53" s="12">
        <v>1414</v>
      </c>
      <c r="E53" s="12">
        <v>721</v>
      </c>
      <c r="F53" s="12">
        <v>693</v>
      </c>
      <c r="G53" s="12">
        <v>61</v>
      </c>
      <c r="H53" s="12">
        <v>60</v>
      </c>
      <c r="I53" s="12">
        <v>209</v>
      </c>
      <c r="J53" s="12">
        <v>183</v>
      </c>
      <c r="K53" s="12">
        <v>204</v>
      </c>
      <c r="L53" s="12">
        <v>185</v>
      </c>
      <c r="M53" s="12">
        <v>131</v>
      </c>
      <c r="N53" s="12">
        <v>381</v>
      </c>
      <c r="O53" s="12">
        <v>0</v>
      </c>
      <c r="P53" s="12">
        <v>93</v>
      </c>
      <c r="Q53" s="12">
        <v>862</v>
      </c>
      <c r="R53" s="12">
        <v>459</v>
      </c>
    </row>
    <row r="54" spans="1:18" s="4" customFormat="1" x14ac:dyDescent="0.15">
      <c r="A54" s="3"/>
      <c r="B54" s="3" t="s">
        <v>445</v>
      </c>
      <c r="C54" s="12">
        <v>827</v>
      </c>
      <c r="D54" s="12">
        <v>1356</v>
      </c>
      <c r="E54" s="12">
        <v>661</v>
      </c>
      <c r="F54" s="12">
        <v>695</v>
      </c>
      <c r="G54" s="12">
        <v>60</v>
      </c>
      <c r="H54" s="12">
        <v>74</v>
      </c>
      <c r="I54" s="12">
        <v>243</v>
      </c>
      <c r="J54" s="12">
        <v>193</v>
      </c>
      <c r="K54" s="12">
        <v>183</v>
      </c>
      <c r="L54" s="12">
        <v>195</v>
      </c>
      <c r="M54" s="12">
        <v>145</v>
      </c>
      <c r="N54" s="12">
        <v>263</v>
      </c>
      <c r="O54" s="12">
        <v>0</v>
      </c>
      <c r="P54" s="12">
        <v>86</v>
      </c>
      <c r="Q54" s="12">
        <v>932</v>
      </c>
      <c r="R54" s="12">
        <v>338</v>
      </c>
    </row>
    <row r="55" spans="1:18" s="4" customFormat="1" x14ac:dyDescent="0.15">
      <c r="A55" s="3"/>
      <c r="B55" s="3" t="s">
        <v>446</v>
      </c>
      <c r="C55" s="12">
        <v>718</v>
      </c>
      <c r="D55" s="12">
        <v>1505</v>
      </c>
      <c r="E55" s="12">
        <v>758</v>
      </c>
      <c r="F55" s="12">
        <v>747</v>
      </c>
      <c r="G55" s="12">
        <v>87</v>
      </c>
      <c r="H55" s="12">
        <v>125</v>
      </c>
      <c r="I55" s="12">
        <v>177</v>
      </c>
      <c r="J55" s="12">
        <v>176</v>
      </c>
      <c r="K55" s="12">
        <v>204</v>
      </c>
      <c r="L55" s="12">
        <v>247</v>
      </c>
      <c r="M55" s="12">
        <v>161</v>
      </c>
      <c r="N55" s="12">
        <v>328</v>
      </c>
      <c r="O55" s="12">
        <v>0</v>
      </c>
      <c r="P55" s="12">
        <v>142</v>
      </c>
      <c r="Q55" s="12">
        <v>955</v>
      </c>
      <c r="R55" s="12">
        <v>408</v>
      </c>
    </row>
    <row r="56" spans="1:18" s="4" customFormat="1" x14ac:dyDescent="0.15">
      <c r="A56" s="3"/>
      <c r="B56" s="3" t="s">
        <v>447</v>
      </c>
      <c r="C56" s="12">
        <v>595</v>
      </c>
      <c r="D56" s="12">
        <v>1150</v>
      </c>
      <c r="E56" s="12">
        <v>586</v>
      </c>
      <c r="F56" s="12">
        <v>564</v>
      </c>
      <c r="G56" s="12">
        <v>66</v>
      </c>
      <c r="H56" s="12">
        <v>103</v>
      </c>
      <c r="I56" s="12">
        <v>151</v>
      </c>
      <c r="J56" s="12">
        <v>113</v>
      </c>
      <c r="K56" s="12">
        <v>176</v>
      </c>
      <c r="L56" s="12">
        <v>173</v>
      </c>
      <c r="M56" s="12">
        <v>142</v>
      </c>
      <c r="N56" s="12">
        <v>226</v>
      </c>
      <c r="O56" s="12">
        <v>0</v>
      </c>
      <c r="P56" s="12">
        <v>105</v>
      </c>
      <c r="Q56" s="12">
        <v>751</v>
      </c>
      <c r="R56" s="12">
        <v>294</v>
      </c>
    </row>
    <row r="57" spans="1:18" s="4" customFormat="1" x14ac:dyDescent="0.15">
      <c r="A57" s="3"/>
      <c r="B57" s="3" t="s">
        <v>448</v>
      </c>
      <c r="C57" s="12">
        <v>349</v>
      </c>
      <c r="D57" s="12">
        <v>569</v>
      </c>
      <c r="E57" s="12">
        <v>289</v>
      </c>
      <c r="F57" s="12">
        <v>280</v>
      </c>
      <c r="G57" s="12">
        <v>16</v>
      </c>
      <c r="H57" s="12">
        <v>38</v>
      </c>
      <c r="I57" s="12">
        <v>87</v>
      </c>
      <c r="J57" s="12">
        <v>93</v>
      </c>
      <c r="K57" s="12">
        <v>97</v>
      </c>
      <c r="L57" s="12">
        <v>83</v>
      </c>
      <c r="M57" s="12">
        <v>64</v>
      </c>
      <c r="N57" s="12">
        <v>91</v>
      </c>
      <c r="O57" s="12">
        <v>0</v>
      </c>
      <c r="P57" s="12">
        <v>34</v>
      </c>
      <c r="Q57" s="12">
        <v>414</v>
      </c>
      <c r="R57" s="12">
        <v>121</v>
      </c>
    </row>
    <row r="58" spans="1:18" s="4" customFormat="1" x14ac:dyDescent="0.15">
      <c r="A58" s="3"/>
      <c r="B58" s="3" t="s">
        <v>449</v>
      </c>
      <c r="C58" s="12">
        <v>230</v>
      </c>
      <c r="D58" s="12">
        <v>274</v>
      </c>
      <c r="E58" s="12">
        <v>140</v>
      </c>
      <c r="F58" s="12">
        <v>134</v>
      </c>
      <c r="G58" s="12">
        <v>4</v>
      </c>
      <c r="H58" s="12">
        <v>4</v>
      </c>
      <c r="I58" s="12">
        <v>79</v>
      </c>
      <c r="J58" s="12">
        <v>76</v>
      </c>
      <c r="K58" s="12">
        <v>27</v>
      </c>
      <c r="L58" s="12">
        <v>19</v>
      </c>
      <c r="M58" s="12">
        <v>13</v>
      </c>
      <c r="N58" s="12">
        <v>52</v>
      </c>
      <c r="O58" s="12">
        <v>0</v>
      </c>
      <c r="P58" s="12">
        <v>5</v>
      </c>
      <c r="Q58" s="12">
        <v>208</v>
      </c>
      <c r="R58" s="12">
        <v>61</v>
      </c>
    </row>
    <row r="59" spans="1:18" s="4" customFormat="1" x14ac:dyDescent="0.15">
      <c r="A59" s="3"/>
      <c r="B59" s="3" t="s">
        <v>450</v>
      </c>
      <c r="C59" s="12">
        <v>752</v>
      </c>
      <c r="D59" s="12">
        <v>1489</v>
      </c>
      <c r="E59" s="12">
        <v>710</v>
      </c>
      <c r="F59" s="12">
        <v>779</v>
      </c>
      <c r="G59" s="12">
        <v>98</v>
      </c>
      <c r="H59" s="12">
        <v>130</v>
      </c>
      <c r="I59" s="12">
        <v>108</v>
      </c>
      <c r="J59" s="12">
        <v>156</v>
      </c>
      <c r="K59" s="12">
        <v>192</v>
      </c>
      <c r="L59" s="12">
        <v>222</v>
      </c>
      <c r="M59" s="12">
        <v>187</v>
      </c>
      <c r="N59" s="12">
        <v>396</v>
      </c>
      <c r="O59" s="12">
        <v>0</v>
      </c>
      <c r="P59" s="12">
        <v>164</v>
      </c>
      <c r="Q59" s="12">
        <v>838</v>
      </c>
      <c r="R59" s="12">
        <v>487</v>
      </c>
    </row>
    <row r="60" spans="1:18" s="4" customFormat="1" x14ac:dyDescent="0.15">
      <c r="A60" s="3"/>
      <c r="B60" s="3" t="s">
        <v>451</v>
      </c>
      <c r="C60" s="12">
        <v>665</v>
      </c>
      <c r="D60" s="12">
        <v>1138</v>
      </c>
      <c r="E60" s="12">
        <v>589</v>
      </c>
      <c r="F60" s="12">
        <v>549</v>
      </c>
      <c r="G60" s="12">
        <v>108</v>
      </c>
      <c r="H60" s="12">
        <v>47</v>
      </c>
      <c r="I60" s="12">
        <v>150</v>
      </c>
      <c r="J60" s="12">
        <v>218</v>
      </c>
      <c r="K60" s="12">
        <v>150</v>
      </c>
      <c r="L60" s="12">
        <v>143</v>
      </c>
      <c r="M60" s="12">
        <v>128</v>
      </c>
      <c r="N60" s="12">
        <v>194</v>
      </c>
      <c r="O60" s="12">
        <v>0</v>
      </c>
      <c r="P60" s="12">
        <v>129</v>
      </c>
      <c r="Q60" s="12">
        <v>765</v>
      </c>
      <c r="R60" s="12">
        <v>244</v>
      </c>
    </row>
    <row r="61" spans="1:18" s="4" customFormat="1" x14ac:dyDescent="0.15">
      <c r="A61" s="3"/>
      <c r="B61" s="3" t="s">
        <v>452</v>
      </c>
      <c r="C61" s="12">
        <v>585</v>
      </c>
      <c r="D61" s="12">
        <v>1050</v>
      </c>
      <c r="E61" s="12">
        <v>513</v>
      </c>
      <c r="F61" s="12">
        <v>537</v>
      </c>
      <c r="G61" s="12">
        <v>95</v>
      </c>
      <c r="H61" s="12">
        <v>60</v>
      </c>
      <c r="I61" s="12">
        <v>145</v>
      </c>
      <c r="J61" s="12">
        <v>169</v>
      </c>
      <c r="K61" s="12">
        <v>164</v>
      </c>
      <c r="L61" s="12">
        <v>106</v>
      </c>
      <c r="M61" s="12">
        <v>134</v>
      </c>
      <c r="N61" s="12">
        <v>177</v>
      </c>
      <c r="O61" s="12">
        <v>0</v>
      </c>
      <c r="P61" s="12">
        <v>128</v>
      </c>
      <c r="Q61" s="12">
        <v>659</v>
      </c>
      <c r="R61" s="12">
        <v>263</v>
      </c>
    </row>
    <row r="62" spans="1:18" s="4" customFormat="1" x14ac:dyDescent="0.15">
      <c r="A62" s="3"/>
      <c r="B62" s="3" t="s">
        <v>453</v>
      </c>
      <c r="C62" s="12">
        <v>646</v>
      </c>
      <c r="D62" s="12">
        <v>1176</v>
      </c>
      <c r="E62" s="12">
        <v>552</v>
      </c>
      <c r="F62" s="12">
        <v>624</v>
      </c>
      <c r="G62" s="12">
        <v>118</v>
      </c>
      <c r="H62" s="12">
        <v>46</v>
      </c>
      <c r="I62" s="12">
        <v>158</v>
      </c>
      <c r="J62" s="12">
        <v>199</v>
      </c>
      <c r="K62" s="12">
        <v>172</v>
      </c>
      <c r="L62" s="12">
        <v>126</v>
      </c>
      <c r="M62" s="12">
        <v>130</v>
      </c>
      <c r="N62" s="12">
        <v>227</v>
      </c>
      <c r="O62" s="12">
        <v>0</v>
      </c>
      <c r="P62" s="12">
        <v>139</v>
      </c>
      <c r="Q62" s="12">
        <v>737</v>
      </c>
      <c r="R62" s="12">
        <v>300</v>
      </c>
    </row>
    <row r="63" spans="1:18" s="4" customFormat="1" x14ac:dyDescent="0.15">
      <c r="A63" s="3"/>
      <c r="B63" s="3" t="s">
        <v>454</v>
      </c>
      <c r="C63" s="12">
        <v>700</v>
      </c>
      <c r="D63" s="12">
        <v>1097</v>
      </c>
      <c r="E63" s="12">
        <v>551</v>
      </c>
      <c r="F63" s="12">
        <v>546</v>
      </c>
      <c r="G63" s="12">
        <v>51</v>
      </c>
      <c r="H63" s="12">
        <v>48</v>
      </c>
      <c r="I63" s="12">
        <v>218</v>
      </c>
      <c r="J63" s="12">
        <v>178</v>
      </c>
      <c r="K63" s="12">
        <v>152</v>
      </c>
      <c r="L63" s="12">
        <v>147</v>
      </c>
      <c r="M63" s="12">
        <v>118</v>
      </c>
      <c r="N63" s="12">
        <v>185</v>
      </c>
      <c r="O63" s="12">
        <v>0</v>
      </c>
      <c r="P63" s="12">
        <v>69</v>
      </c>
      <c r="Q63" s="12">
        <v>795</v>
      </c>
      <c r="R63" s="12">
        <v>233</v>
      </c>
    </row>
    <row r="64" spans="1:18" s="4" customFormat="1" x14ac:dyDescent="0.15">
      <c r="A64" s="3"/>
      <c r="B64" s="3" t="s">
        <v>455</v>
      </c>
      <c r="C64" s="12">
        <v>765</v>
      </c>
      <c r="D64" s="12">
        <v>1380</v>
      </c>
      <c r="E64" s="12">
        <v>670</v>
      </c>
      <c r="F64" s="12">
        <v>710</v>
      </c>
      <c r="G64" s="12">
        <v>134</v>
      </c>
      <c r="H64" s="12">
        <v>96</v>
      </c>
      <c r="I64" s="12">
        <v>222</v>
      </c>
      <c r="J64" s="12">
        <v>265</v>
      </c>
      <c r="K64" s="12">
        <v>214</v>
      </c>
      <c r="L64" s="12">
        <v>152</v>
      </c>
      <c r="M64" s="12">
        <v>123</v>
      </c>
      <c r="N64" s="12">
        <v>174</v>
      </c>
      <c r="O64" s="12">
        <v>0</v>
      </c>
      <c r="P64" s="12">
        <v>186</v>
      </c>
      <c r="Q64" s="12">
        <v>960</v>
      </c>
      <c r="R64" s="12">
        <v>234</v>
      </c>
    </row>
    <row r="65" spans="1:18" s="4" customFormat="1" x14ac:dyDescent="0.15">
      <c r="A65" s="3"/>
      <c r="B65" s="3" t="s">
        <v>456</v>
      </c>
      <c r="C65" s="12">
        <v>32</v>
      </c>
      <c r="D65" s="12">
        <v>63</v>
      </c>
      <c r="E65" s="12">
        <v>28</v>
      </c>
      <c r="F65" s="12">
        <v>35</v>
      </c>
      <c r="G65" s="12">
        <v>3</v>
      </c>
      <c r="H65" s="12">
        <v>2</v>
      </c>
      <c r="I65" s="12">
        <v>10</v>
      </c>
      <c r="J65" s="12">
        <v>3</v>
      </c>
      <c r="K65" s="12">
        <v>6</v>
      </c>
      <c r="L65" s="12">
        <v>12</v>
      </c>
      <c r="M65" s="12">
        <v>6</v>
      </c>
      <c r="N65" s="12">
        <v>21</v>
      </c>
      <c r="O65" s="12">
        <v>0</v>
      </c>
      <c r="P65" s="12">
        <v>3</v>
      </c>
      <c r="Q65" s="12">
        <v>34</v>
      </c>
      <c r="R65" s="12">
        <v>26</v>
      </c>
    </row>
    <row r="66" spans="1:18" s="4" customFormat="1" x14ac:dyDescent="0.15">
      <c r="A66" s="3"/>
      <c r="B66" s="3" t="s">
        <v>457</v>
      </c>
      <c r="C66" s="12">
        <v>633</v>
      </c>
      <c r="D66" s="12">
        <v>1202</v>
      </c>
      <c r="E66" s="12">
        <v>581</v>
      </c>
      <c r="F66" s="12">
        <v>621</v>
      </c>
      <c r="G66" s="12">
        <v>69</v>
      </c>
      <c r="H66" s="12">
        <v>88</v>
      </c>
      <c r="I66" s="12">
        <v>102</v>
      </c>
      <c r="J66" s="12">
        <v>126</v>
      </c>
      <c r="K66" s="12">
        <v>155</v>
      </c>
      <c r="L66" s="12">
        <v>164</v>
      </c>
      <c r="M66" s="12">
        <v>163</v>
      </c>
      <c r="N66" s="12">
        <v>335</v>
      </c>
      <c r="O66" s="12">
        <v>0</v>
      </c>
      <c r="P66" s="12">
        <v>118</v>
      </c>
      <c r="Q66" s="12">
        <v>662</v>
      </c>
      <c r="R66" s="12">
        <v>422</v>
      </c>
    </row>
    <row r="67" spans="1:18" s="4" customFormat="1" x14ac:dyDescent="0.15">
      <c r="A67" s="3"/>
      <c r="B67" s="3" t="s">
        <v>458</v>
      </c>
      <c r="C67" s="12">
        <v>431</v>
      </c>
      <c r="D67" s="12">
        <v>772</v>
      </c>
      <c r="E67" s="12">
        <v>396</v>
      </c>
      <c r="F67" s="12">
        <v>376</v>
      </c>
      <c r="G67" s="12">
        <v>27</v>
      </c>
      <c r="H67" s="12">
        <v>36</v>
      </c>
      <c r="I67" s="12">
        <v>120</v>
      </c>
      <c r="J67" s="12">
        <v>97</v>
      </c>
      <c r="K67" s="12">
        <v>89</v>
      </c>
      <c r="L67" s="12">
        <v>110</v>
      </c>
      <c r="M67" s="12">
        <v>95</v>
      </c>
      <c r="N67" s="12">
        <v>198</v>
      </c>
      <c r="O67" s="12">
        <v>0</v>
      </c>
      <c r="P67" s="12">
        <v>46</v>
      </c>
      <c r="Q67" s="12">
        <v>480</v>
      </c>
      <c r="R67" s="12">
        <v>246</v>
      </c>
    </row>
    <row r="68" spans="1:18" s="4" customFormat="1" x14ac:dyDescent="0.15">
      <c r="A68" s="3"/>
      <c r="B68" s="3" t="s">
        <v>459</v>
      </c>
      <c r="C68" s="12">
        <v>671</v>
      </c>
      <c r="D68" s="12">
        <v>1388</v>
      </c>
      <c r="E68" s="12">
        <v>700</v>
      </c>
      <c r="F68" s="12">
        <v>688</v>
      </c>
      <c r="G68" s="12">
        <v>123</v>
      </c>
      <c r="H68" s="12">
        <v>112</v>
      </c>
      <c r="I68" s="12">
        <v>140</v>
      </c>
      <c r="J68" s="12">
        <v>190</v>
      </c>
      <c r="K68" s="12">
        <v>187</v>
      </c>
      <c r="L68" s="12">
        <v>167</v>
      </c>
      <c r="M68" s="12">
        <v>147</v>
      </c>
      <c r="N68" s="12">
        <v>322</v>
      </c>
      <c r="O68" s="12">
        <v>0</v>
      </c>
      <c r="P68" s="12">
        <v>176</v>
      </c>
      <c r="Q68" s="12">
        <v>819</v>
      </c>
      <c r="R68" s="12">
        <v>393</v>
      </c>
    </row>
    <row r="69" spans="1:18" s="4" customFormat="1" x14ac:dyDescent="0.15">
      <c r="A69" s="3"/>
      <c r="B69" s="3" t="s">
        <v>460</v>
      </c>
      <c r="C69" s="12">
        <v>765</v>
      </c>
      <c r="D69" s="12">
        <v>1514</v>
      </c>
      <c r="E69" s="12">
        <v>768</v>
      </c>
      <c r="F69" s="12">
        <v>746</v>
      </c>
      <c r="G69" s="12">
        <v>113</v>
      </c>
      <c r="H69" s="12">
        <v>107</v>
      </c>
      <c r="I69" s="12">
        <v>161</v>
      </c>
      <c r="J69" s="12">
        <v>176</v>
      </c>
      <c r="K69" s="12">
        <v>193</v>
      </c>
      <c r="L69" s="12">
        <v>206</v>
      </c>
      <c r="M69" s="12">
        <v>181</v>
      </c>
      <c r="N69" s="12">
        <v>377</v>
      </c>
      <c r="O69" s="12">
        <v>0</v>
      </c>
      <c r="P69" s="12">
        <v>165</v>
      </c>
      <c r="Q69" s="12">
        <v>891</v>
      </c>
      <c r="R69" s="12">
        <v>458</v>
      </c>
    </row>
    <row r="70" spans="1:18" s="4" customFormat="1" x14ac:dyDescent="0.15">
      <c r="A70" s="3"/>
      <c r="B70" s="3" t="s">
        <v>461</v>
      </c>
      <c r="C70" s="12">
        <v>1033</v>
      </c>
      <c r="D70" s="12">
        <v>2277</v>
      </c>
      <c r="E70" s="12">
        <v>1127</v>
      </c>
      <c r="F70" s="12">
        <v>1150</v>
      </c>
      <c r="G70" s="12">
        <v>214</v>
      </c>
      <c r="H70" s="12">
        <v>211</v>
      </c>
      <c r="I70" s="12">
        <v>254</v>
      </c>
      <c r="J70" s="12">
        <v>273</v>
      </c>
      <c r="K70" s="12">
        <v>344</v>
      </c>
      <c r="L70" s="12">
        <v>334</v>
      </c>
      <c r="M70" s="12">
        <v>210</v>
      </c>
      <c r="N70" s="12">
        <v>437</v>
      </c>
      <c r="O70" s="12">
        <v>0</v>
      </c>
      <c r="P70" s="12">
        <v>313</v>
      </c>
      <c r="Q70" s="12">
        <v>1414</v>
      </c>
      <c r="R70" s="12">
        <v>550</v>
      </c>
    </row>
    <row r="71" spans="1:18" s="4" customFormat="1" x14ac:dyDescent="0.15">
      <c r="A71" s="3"/>
      <c r="B71" s="3" t="s">
        <v>462</v>
      </c>
      <c r="C71" s="12">
        <v>21</v>
      </c>
      <c r="D71" s="12">
        <v>21</v>
      </c>
      <c r="E71" s="12">
        <v>21</v>
      </c>
      <c r="F71" s="12">
        <v>0</v>
      </c>
      <c r="G71" s="12">
        <v>0</v>
      </c>
      <c r="H71" s="12">
        <v>0</v>
      </c>
      <c r="I71" s="12">
        <v>13</v>
      </c>
      <c r="J71" s="12">
        <v>8</v>
      </c>
      <c r="K71" s="12">
        <v>0</v>
      </c>
      <c r="L71" s="12">
        <v>0</v>
      </c>
      <c r="M71" s="12">
        <v>0</v>
      </c>
      <c r="N71" s="12">
        <v>0</v>
      </c>
      <c r="O71" s="12">
        <v>0</v>
      </c>
      <c r="P71" s="12">
        <v>0</v>
      </c>
      <c r="Q71" s="12">
        <v>21</v>
      </c>
      <c r="R71" s="12">
        <v>0</v>
      </c>
    </row>
    <row r="72" spans="1:18" s="4" customFormat="1" x14ac:dyDescent="0.15">
      <c r="A72" s="3"/>
      <c r="B72" s="3" t="s">
        <v>463</v>
      </c>
      <c r="C72" s="12">
        <v>109</v>
      </c>
      <c r="D72" s="12">
        <v>260</v>
      </c>
      <c r="E72" s="12">
        <v>133</v>
      </c>
      <c r="F72" s="12">
        <v>127</v>
      </c>
      <c r="G72" s="12">
        <v>28</v>
      </c>
      <c r="H72" s="12">
        <v>10</v>
      </c>
      <c r="I72" s="12">
        <v>31</v>
      </c>
      <c r="J72" s="12">
        <v>41</v>
      </c>
      <c r="K72" s="12">
        <v>47</v>
      </c>
      <c r="L72" s="12">
        <v>34</v>
      </c>
      <c r="M72" s="12">
        <v>22</v>
      </c>
      <c r="N72" s="12">
        <v>47</v>
      </c>
      <c r="O72" s="12">
        <v>0</v>
      </c>
      <c r="P72" s="12">
        <v>35</v>
      </c>
      <c r="Q72" s="12">
        <v>170</v>
      </c>
      <c r="R72" s="12">
        <v>55</v>
      </c>
    </row>
    <row r="73" spans="1:18" s="4" customFormat="1" x14ac:dyDescent="0.15">
      <c r="A73" s="3"/>
      <c r="B73" s="3" t="s">
        <v>464</v>
      </c>
      <c r="C73" s="12">
        <v>183</v>
      </c>
      <c r="D73" s="12">
        <v>394</v>
      </c>
      <c r="E73" s="12">
        <v>192</v>
      </c>
      <c r="F73" s="12">
        <v>202</v>
      </c>
      <c r="G73" s="12">
        <v>40</v>
      </c>
      <c r="H73" s="12">
        <v>31</v>
      </c>
      <c r="I73" s="12">
        <v>27</v>
      </c>
      <c r="J73" s="12">
        <v>70</v>
      </c>
      <c r="K73" s="12">
        <v>64</v>
      </c>
      <c r="L73" s="12">
        <v>38</v>
      </c>
      <c r="M73" s="12">
        <v>25</v>
      </c>
      <c r="N73" s="12">
        <v>99</v>
      </c>
      <c r="O73" s="12">
        <v>0</v>
      </c>
      <c r="P73" s="12">
        <v>59</v>
      </c>
      <c r="Q73" s="12">
        <v>223</v>
      </c>
      <c r="R73" s="12">
        <v>112</v>
      </c>
    </row>
    <row r="74" spans="1:18" s="4" customFormat="1" x14ac:dyDescent="0.15">
      <c r="A74" s="3"/>
      <c r="B74" s="3" t="s">
        <v>465</v>
      </c>
      <c r="C74" s="12">
        <v>71</v>
      </c>
      <c r="D74" s="12">
        <v>152</v>
      </c>
      <c r="E74" s="12">
        <v>70</v>
      </c>
      <c r="F74" s="12">
        <v>82</v>
      </c>
      <c r="G74" s="12">
        <v>7</v>
      </c>
      <c r="H74" s="12">
        <v>9</v>
      </c>
      <c r="I74" s="12">
        <v>12</v>
      </c>
      <c r="J74" s="12">
        <v>14</v>
      </c>
      <c r="K74" s="12">
        <v>14</v>
      </c>
      <c r="L74" s="12">
        <v>15</v>
      </c>
      <c r="M74" s="12">
        <v>34</v>
      </c>
      <c r="N74" s="12">
        <v>47</v>
      </c>
      <c r="O74" s="12">
        <v>0</v>
      </c>
      <c r="P74" s="12">
        <v>13</v>
      </c>
      <c r="Q74" s="12">
        <v>76</v>
      </c>
      <c r="R74" s="12">
        <v>63</v>
      </c>
    </row>
    <row r="75" spans="1:18" s="4" customFormat="1" x14ac:dyDescent="0.15">
      <c r="A75" s="3"/>
      <c r="B75" s="3" t="s">
        <v>328</v>
      </c>
      <c r="C75" s="12">
        <v>44</v>
      </c>
      <c r="D75" s="12">
        <v>95</v>
      </c>
      <c r="E75" s="12">
        <v>51</v>
      </c>
      <c r="F75" s="12">
        <v>44</v>
      </c>
      <c r="G75" s="12">
        <v>4</v>
      </c>
      <c r="H75" s="12">
        <v>6</v>
      </c>
      <c r="I75" s="12">
        <v>9</v>
      </c>
      <c r="J75" s="12">
        <v>3</v>
      </c>
      <c r="K75" s="12">
        <v>9</v>
      </c>
      <c r="L75" s="12">
        <v>18</v>
      </c>
      <c r="M75" s="12">
        <v>10</v>
      </c>
      <c r="N75" s="12">
        <v>36</v>
      </c>
      <c r="O75" s="12">
        <v>0</v>
      </c>
      <c r="P75" s="12">
        <v>5</v>
      </c>
      <c r="Q75" s="12">
        <v>46</v>
      </c>
      <c r="R75" s="12">
        <v>44</v>
      </c>
    </row>
    <row r="76" spans="1:18" s="4" customFormat="1" x14ac:dyDescent="0.15">
      <c r="A76" s="3"/>
      <c r="B76" s="3" t="s">
        <v>466</v>
      </c>
      <c r="C76" s="12">
        <v>995</v>
      </c>
      <c r="D76" s="12">
        <v>1774</v>
      </c>
      <c r="E76" s="12">
        <v>885</v>
      </c>
      <c r="F76" s="12">
        <v>889</v>
      </c>
      <c r="G76" s="12">
        <v>93</v>
      </c>
      <c r="H76" s="12">
        <v>95</v>
      </c>
      <c r="I76" s="12">
        <v>203</v>
      </c>
      <c r="J76" s="12">
        <v>220</v>
      </c>
      <c r="K76" s="12">
        <v>240</v>
      </c>
      <c r="L76" s="12">
        <v>222</v>
      </c>
      <c r="M76" s="12">
        <v>221</v>
      </c>
      <c r="N76" s="12">
        <v>480</v>
      </c>
      <c r="O76" s="12">
        <v>0</v>
      </c>
      <c r="P76" s="12">
        <v>148</v>
      </c>
      <c r="Q76" s="12">
        <v>1040</v>
      </c>
      <c r="R76" s="12">
        <v>586</v>
      </c>
    </row>
    <row r="77" spans="1:18" s="4" customFormat="1" x14ac:dyDescent="0.15">
      <c r="A77" s="3"/>
      <c r="B77" s="3" t="s">
        <v>467</v>
      </c>
      <c r="C77" s="12">
        <v>318</v>
      </c>
      <c r="D77" s="12">
        <v>595</v>
      </c>
      <c r="E77" s="12">
        <v>314</v>
      </c>
      <c r="F77" s="12">
        <v>281</v>
      </c>
      <c r="G77" s="12">
        <v>52</v>
      </c>
      <c r="H77" s="12">
        <v>40</v>
      </c>
      <c r="I77" s="12">
        <v>104</v>
      </c>
      <c r="J77" s="12">
        <v>77</v>
      </c>
      <c r="K77" s="12">
        <v>81</v>
      </c>
      <c r="L77" s="12">
        <v>84</v>
      </c>
      <c r="M77" s="12">
        <v>52</v>
      </c>
      <c r="N77" s="12">
        <v>105</v>
      </c>
      <c r="O77" s="12">
        <v>0</v>
      </c>
      <c r="P77" s="12">
        <v>67</v>
      </c>
      <c r="Q77" s="12">
        <v>397</v>
      </c>
      <c r="R77" s="12">
        <v>131</v>
      </c>
    </row>
    <row r="78" spans="1:18" s="4" customFormat="1" x14ac:dyDescent="0.15">
      <c r="A78" s="3"/>
      <c r="B78" s="3" t="s">
        <v>468</v>
      </c>
      <c r="C78" s="12">
        <v>547</v>
      </c>
      <c r="D78" s="12">
        <v>1191</v>
      </c>
      <c r="E78" s="12">
        <v>615</v>
      </c>
      <c r="F78" s="12">
        <v>576</v>
      </c>
      <c r="G78" s="12">
        <v>113</v>
      </c>
      <c r="H78" s="12">
        <v>113</v>
      </c>
      <c r="I78" s="12">
        <v>114</v>
      </c>
      <c r="J78" s="12">
        <v>154</v>
      </c>
      <c r="K78" s="12">
        <v>213</v>
      </c>
      <c r="L78" s="12">
        <v>173</v>
      </c>
      <c r="M78" s="12">
        <v>115</v>
      </c>
      <c r="N78" s="12">
        <v>196</v>
      </c>
      <c r="O78" s="12">
        <v>0</v>
      </c>
      <c r="P78" s="12">
        <v>174</v>
      </c>
      <c r="Q78" s="12">
        <v>767</v>
      </c>
      <c r="R78" s="12">
        <v>250</v>
      </c>
    </row>
    <row r="79" spans="1:18" s="4" customFormat="1" x14ac:dyDescent="0.15">
      <c r="A79" s="3"/>
      <c r="B79" s="3" t="s">
        <v>469</v>
      </c>
      <c r="C79" s="12">
        <v>108</v>
      </c>
      <c r="D79" s="12">
        <v>247</v>
      </c>
      <c r="E79" s="12">
        <v>122</v>
      </c>
      <c r="F79" s="12">
        <v>125</v>
      </c>
      <c r="G79" s="12">
        <v>38</v>
      </c>
      <c r="H79" s="12">
        <v>27</v>
      </c>
      <c r="I79" s="12">
        <v>33</v>
      </c>
      <c r="J79" s="12">
        <v>44</v>
      </c>
      <c r="K79" s="12">
        <v>41</v>
      </c>
      <c r="L79" s="12">
        <v>26</v>
      </c>
      <c r="M79" s="12">
        <v>16</v>
      </c>
      <c r="N79" s="12">
        <v>22</v>
      </c>
      <c r="O79" s="12">
        <v>0</v>
      </c>
      <c r="P79" s="12">
        <v>55</v>
      </c>
      <c r="Q79" s="12">
        <v>162</v>
      </c>
      <c r="R79" s="12">
        <v>30</v>
      </c>
    </row>
    <row r="80" spans="1:18" s="4" customFormat="1" x14ac:dyDescent="0.15">
      <c r="A80" s="3"/>
      <c r="B80" s="3" t="s">
        <v>470</v>
      </c>
      <c r="C80" s="12">
        <v>24</v>
      </c>
      <c r="D80" s="12">
        <v>27</v>
      </c>
      <c r="E80" s="12">
        <v>13</v>
      </c>
      <c r="F80" s="12">
        <v>14</v>
      </c>
      <c r="G80" s="12">
        <v>0</v>
      </c>
      <c r="H80" s="12">
        <v>1</v>
      </c>
      <c r="I80" s="12">
        <v>9</v>
      </c>
      <c r="J80" s="12">
        <v>2</v>
      </c>
      <c r="K80" s="12">
        <v>3</v>
      </c>
      <c r="L80" s="12">
        <v>6</v>
      </c>
      <c r="M80" s="12">
        <v>1</v>
      </c>
      <c r="N80" s="12">
        <v>5</v>
      </c>
      <c r="O80" s="12">
        <v>0</v>
      </c>
      <c r="P80" s="12">
        <v>0</v>
      </c>
      <c r="Q80" s="12">
        <v>21</v>
      </c>
      <c r="R80" s="12">
        <v>6</v>
      </c>
    </row>
    <row r="81" spans="1:18" s="4" customFormat="1" x14ac:dyDescent="0.15">
      <c r="A81" s="3"/>
      <c r="B81" s="3" t="s">
        <v>471</v>
      </c>
      <c r="C81" s="12">
        <v>1100</v>
      </c>
      <c r="D81" s="12">
        <v>1689</v>
      </c>
      <c r="E81" s="12">
        <v>845</v>
      </c>
      <c r="F81" s="12">
        <v>844</v>
      </c>
      <c r="G81" s="12">
        <v>91</v>
      </c>
      <c r="H81" s="12">
        <v>69</v>
      </c>
      <c r="I81" s="12">
        <v>318</v>
      </c>
      <c r="J81" s="12">
        <v>309</v>
      </c>
      <c r="K81" s="12">
        <v>242</v>
      </c>
      <c r="L81" s="12">
        <v>240</v>
      </c>
      <c r="M81" s="12">
        <v>165</v>
      </c>
      <c r="N81" s="12">
        <v>255</v>
      </c>
      <c r="O81" s="12">
        <v>0</v>
      </c>
      <c r="P81" s="12">
        <v>121</v>
      </c>
      <c r="Q81" s="12">
        <v>1225</v>
      </c>
      <c r="R81" s="12">
        <v>343</v>
      </c>
    </row>
    <row r="82" spans="1:18" s="4" customFormat="1" x14ac:dyDescent="0.15">
      <c r="A82" s="3"/>
      <c r="B82" s="3" t="s">
        <v>472</v>
      </c>
      <c r="C82" s="12">
        <v>102</v>
      </c>
      <c r="D82" s="12">
        <v>171</v>
      </c>
      <c r="E82" s="12">
        <v>88</v>
      </c>
      <c r="F82" s="12">
        <v>83</v>
      </c>
      <c r="G82" s="12">
        <v>2</v>
      </c>
      <c r="H82" s="12">
        <v>11</v>
      </c>
      <c r="I82" s="12">
        <v>28</v>
      </c>
      <c r="J82" s="12">
        <v>23</v>
      </c>
      <c r="K82" s="12">
        <v>17</v>
      </c>
      <c r="L82" s="12">
        <v>26</v>
      </c>
      <c r="M82" s="12">
        <v>32</v>
      </c>
      <c r="N82" s="12">
        <v>32</v>
      </c>
      <c r="O82" s="12">
        <v>0</v>
      </c>
      <c r="P82" s="12">
        <v>4</v>
      </c>
      <c r="Q82" s="12">
        <v>118</v>
      </c>
      <c r="R82" s="12">
        <v>49</v>
      </c>
    </row>
    <row r="83" spans="1:18" s="4" customFormat="1" x14ac:dyDescent="0.15">
      <c r="A83" s="3"/>
      <c r="B83" s="3" t="s">
        <v>473</v>
      </c>
      <c r="C83" s="12">
        <v>862</v>
      </c>
      <c r="D83" s="12">
        <v>1486</v>
      </c>
      <c r="E83" s="12">
        <v>728</v>
      </c>
      <c r="F83" s="12">
        <v>758</v>
      </c>
      <c r="G83" s="12">
        <v>75</v>
      </c>
      <c r="H83" s="12">
        <v>104</v>
      </c>
      <c r="I83" s="12">
        <v>252</v>
      </c>
      <c r="J83" s="12">
        <v>172</v>
      </c>
      <c r="K83" s="12">
        <v>198</v>
      </c>
      <c r="L83" s="12">
        <v>190</v>
      </c>
      <c r="M83" s="12">
        <v>148</v>
      </c>
      <c r="N83" s="12">
        <v>347</v>
      </c>
      <c r="O83" s="12">
        <v>0</v>
      </c>
      <c r="P83" s="12">
        <v>120</v>
      </c>
      <c r="Q83" s="12">
        <v>926</v>
      </c>
      <c r="R83" s="12">
        <v>440</v>
      </c>
    </row>
    <row r="84" spans="1:18" s="4" customFormat="1" x14ac:dyDescent="0.15">
      <c r="A84" s="3"/>
      <c r="B84" s="3" t="s">
        <v>474</v>
      </c>
      <c r="C84" s="12">
        <v>1184</v>
      </c>
      <c r="D84" s="12">
        <v>2689</v>
      </c>
      <c r="E84" s="12">
        <v>1303</v>
      </c>
      <c r="F84" s="12">
        <v>1386</v>
      </c>
      <c r="G84" s="12">
        <v>309</v>
      </c>
      <c r="H84" s="12">
        <v>258</v>
      </c>
      <c r="I84" s="12">
        <v>190</v>
      </c>
      <c r="J84" s="12">
        <v>344</v>
      </c>
      <c r="K84" s="12">
        <v>510</v>
      </c>
      <c r="L84" s="12">
        <v>336</v>
      </c>
      <c r="M84" s="12">
        <v>246</v>
      </c>
      <c r="N84" s="12">
        <v>496</v>
      </c>
      <c r="O84" s="12">
        <v>0</v>
      </c>
      <c r="P84" s="12">
        <v>467</v>
      </c>
      <c r="Q84" s="12">
        <v>1600</v>
      </c>
      <c r="R84" s="12">
        <v>622</v>
      </c>
    </row>
    <row r="85" spans="1:18" s="4" customFormat="1" x14ac:dyDescent="0.15">
      <c r="A85" s="3"/>
      <c r="B85" s="3" t="s">
        <v>475</v>
      </c>
      <c r="C85" s="12">
        <v>605</v>
      </c>
      <c r="D85" s="12">
        <v>1267</v>
      </c>
      <c r="E85" s="12">
        <v>658</v>
      </c>
      <c r="F85" s="12">
        <v>609</v>
      </c>
      <c r="G85" s="12">
        <v>107</v>
      </c>
      <c r="H85" s="12">
        <v>129</v>
      </c>
      <c r="I85" s="12">
        <v>175</v>
      </c>
      <c r="J85" s="12">
        <v>191</v>
      </c>
      <c r="K85" s="12">
        <v>201</v>
      </c>
      <c r="L85" s="12">
        <v>188</v>
      </c>
      <c r="M85" s="12">
        <v>103</v>
      </c>
      <c r="N85" s="12">
        <v>173</v>
      </c>
      <c r="O85" s="12">
        <v>0</v>
      </c>
      <c r="P85" s="12">
        <v>171</v>
      </c>
      <c r="Q85" s="12">
        <v>879</v>
      </c>
      <c r="R85" s="12">
        <v>217</v>
      </c>
    </row>
    <row r="86" spans="1:18" s="4" customFormat="1" x14ac:dyDescent="0.15">
      <c r="A86" s="3"/>
      <c r="B86" s="3" t="s">
        <v>476</v>
      </c>
      <c r="C86" s="12">
        <v>213</v>
      </c>
      <c r="D86" s="12">
        <v>438</v>
      </c>
      <c r="E86" s="12">
        <v>214</v>
      </c>
      <c r="F86" s="12">
        <v>224</v>
      </c>
      <c r="G86" s="12">
        <v>25</v>
      </c>
      <c r="H86" s="12">
        <v>29</v>
      </c>
      <c r="I86" s="12">
        <v>39</v>
      </c>
      <c r="J86" s="12">
        <v>60</v>
      </c>
      <c r="K86" s="12">
        <v>69</v>
      </c>
      <c r="L86" s="12">
        <v>54</v>
      </c>
      <c r="M86" s="12">
        <v>52</v>
      </c>
      <c r="N86" s="12">
        <v>110</v>
      </c>
      <c r="O86" s="12">
        <v>0</v>
      </c>
      <c r="P86" s="12">
        <v>41</v>
      </c>
      <c r="Q86" s="12">
        <v>262</v>
      </c>
      <c r="R86" s="12">
        <v>135</v>
      </c>
    </row>
    <row r="87" spans="1:18" s="4" customFormat="1" x14ac:dyDescent="0.15">
      <c r="A87" s="3"/>
      <c r="B87" s="3" t="s">
        <v>477</v>
      </c>
      <c r="C87" s="12">
        <v>35</v>
      </c>
      <c r="D87" s="12">
        <v>53</v>
      </c>
      <c r="E87" s="12">
        <v>32</v>
      </c>
      <c r="F87" s="12">
        <v>21</v>
      </c>
      <c r="G87" s="12">
        <v>2</v>
      </c>
      <c r="H87" s="12">
        <v>3</v>
      </c>
      <c r="I87" s="12">
        <v>12</v>
      </c>
      <c r="J87" s="12">
        <v>4</v>
      </c>
      <c r="K87" s="12">
        <v>10</v>
      </c>
      <c r="L87" s="12">
        <v>5</v>
      </c>
      <c r="M87" s="12">
        <v>10</v>
      </c>
      <c r="N87" s="12">
        <v>7</v>
      </c>
      <c r="O87" s="12">
        <v>0</v>
      </c>
      <c r="P87" s="12">
        <v>4</v>
      </c>
      <c r="Q87" s="12">
        <v>36</v>
      </c>
      <c r="R87" s="12">
        <v>13</v>
      </c>
    </row>
    <row r="88" spans="1:18" s="4" customFormat="1" x14ac:dyDescent="0.15">
      <c r="A88" s="3"/>
      <c r="B88" s="3" t="s">
        <v>478</v>
      </c>
      <c r="C88" s="12">
        <v>1159</v>
      </c>
      <c r="D88" s="12">
        <v>2322</v>
      </c>
      <c r="E88" s="12">
        <v>1164</v>
      </c>
      <c r="F88" s="12">
        <v>1158</v>
      </c>
      <c r="G88" s="12">
        <v>158</v>
      </c>
      <c r="H88" s="12">
        <v>210</v>
      </c>
      <c r="I88" s="12">
        <v>348</v>
      </c>
      <c r="J88" s="12">
        <v>270</v>
      </c>
      <c r="K88" s="12">
        <v>377</v>
      </c>
      <c r="L88" s="12">
        <v>416</v>
      </c>
      <c r="M88" s="12">
        <v>170</v>
      </c>
      <c r="N88" s="12">
        <v>373</v>
      </c>
      <c r="O88" s="12">
        <v>0</v>
      </c>
      <c r="P88" s="12">
        <v>243</v>
      </c>
      <c r="Q88" s="12">
        <v>1626</v>
      </c>
      <c r="R88" s="12">
        <v>453</v>
      </c>
    </row>
    <row r="89" spans="1:18" s="4" customFormat="1" x14ac:dyDescent="0.15">
      <c r="A89" s="3"/>
      <c r="B89" s="3" t="s">
        <v>479</v>
      </c>
      <c r="C89" s="12">
        <v>495</v>
      </c>
      <c r="D89" s="12">
        <v>952</v>
      </c>
      <c r="E89" s="12">
        <v>449</v>
      </c>
      <c r="F89" s="12">
        <v>503</v>
      </c>
      <c r="G89" s="12">
        <v>70</v>
      </c>
      <c r="H89" s="12">
        <v>60</v>
      </c>
      <c r="I89" s="12">
        <v>60</v>
      </c>
      <c r="J89" s="12">
        <v>100</v>
      </c>
      <c r="K89" s="12">
        <v>135</v>
      </c>
      <c r="L89" s="12">
        <v>131</v>
      </c>
      <c r="M89" s="12">
        <v>97</v>
      </c>
      <c r="N89" s="12">
        <v>299</v>
      </c>
      <c r="O89" s="12">
        <v>0</v>
      </c>
      <c r="P89" s="12">
        <v>103</v>
      </c>
      <c r="Q89" s="12">
        <v>503</v>
      </c>
      <c r="R89" s="12">
        <v>346</v>
      </c>
    </row>
    <row r="90" spans="1:18" s="4" customFormat="1" x14ac:dyDescent="0.15">
      <c r="A90" s="3"/>
      <c r="B90" s="3" t="s">
        <v>480</v>
      </c>
      <c r="C90" s="12">
        <v>799</v>
      </c>
      <c r="D90" s="12">
        <v>1838</v>
      </c>
      <c r="E90" s="12">
        <v>927</v>
      </c>
      <c r="F90" s="12">
        <v>911</v>
      </c>
      <c r="G90" s="12">
        <v>167</v>
      </c>
      <c r="H90" s="12">
        <v>188</v>
      </c>
      <c r="I90" s="12">
        <v>221</v>
      </c>
      <c r="J90" s="12">
        <v>220</v>
      </c>
      <c r="K90" s="12">
        <v>349</v>
      </c>
      <c r="L90" s="12">
        <v>252</v>
      </c>
      <c r="M90" s="12">
        <v>139</v>
      </c>
      <c r="N90" s="12">
        <v>302</v>
      </c>
      <c r="O90" s="12">
        <v>0</v>
      </c>
      <c r="P90" s="12">
        <v>247</v>
      </c>
      <c r="Q90" s="12">
        <v>1230</v>
      </c>
      <c r="R90" s="12">
        <v>361</v>
      </c>
    </row>
    <row r="91" spans="1:18" s="4" customFormat="1" x14ac:dyDescent="0.15">
      <c r="A91" s="3"/>
      <c r="B91" s="3" t="s">
        <v>481</v>
      </c>
      <c r="C91" s="12">
        <v>346</v>
      </c>
      <c r="D91" s="12">
        <v>726</v>
      </c>
      <c r="E91" s="12">
        <v>369</v>
      </c>
      <c r="F91" s="12">
        <v>357</v>
      </c>
      <c r="G91" s="12">
        <v>49</v>
      </c>
      <c r="H91" s="12">
        <v>46</v>
      </c>
      <c r="I91" s="12">
        <v>106</v>
      </c>
      <c r="J91" s="12">
        <v>83</v>
      </c>
      <c r="K91" s="12">
        <v>93</v>
      </c>
      <c r="L91" s="12">
        <v>105</v>
      </c>
      <c r="M91" s="12">
        <v>58</v>
      </c>
      <c r="N91" s="12">
        <v>186</v>
      </c>
      <c r="O91" s="12">
        <v>0</v>
      </c>
      <c r="P91" s="12">
        <v>71</v>
      </c>
      <c r="Q91" s="12">
        <v>442</v>
      </c>
      <c r="R91" s="12">
        <v>213</v>
      </c>
    </row>
    <row r="92" spans="1:18" s="4" customFormat="1" x14ac:dyDescent="0.15">
      <c r="A92" s="3"/>
      <c r="B92" s="3" t="s">
        <v>482</v>
      </c>
      <c r="C92" s="12">
        <v>491</v>
      </c>
      <c r="D92" s="12">
        <v>1060</v>
      </c>
      <c r="E92" s="12">
        <v>538</v>
      </c>
      <c r="F92" s="12">
        <v>522</v>
      </c>
      <c r="G92" s="12">
        <v>89</v>
      </c>
      <c r="H92" s="12">
        <v>104</v>
      </c>
      <c r="I92" s="12">
        <v>118</v>
      </c>
      <c r="J92" s="12">
        <v>145</v>
      </c>
      <c r="K92" s="12">
        <v>178</v>
      </c>
      <c r="L92" s="12">
        <v>137</v>
      </c>
      <c r="M92" s="12">
        <v>96</v>
      </c>
      <c r="N92" s="12">
        <v>193</v>
      </c>
      <c r="O92" s="12">
        <v>0</v>
      </c>
      <c r="P92" s="12">
        <v>138</v>
      </c>
      <c r="Q92" s="12">
        <v>677</v>
      </c>
      <c r="R92" s="12">
        <v>245</v>
      </c>
    </row>
    <row r="93" spans="1:18" s="4" customFormat="1" x14ac:dyDescent="0.15">
      <c r="A93" s="3"/>
      <c r="B93" s="3" t="s">
        <v>483</v>
      </c>
      <c r="C93" s="12">
        <v>435</v>
      </c>
      <c r="D93" s="12">
        <v>865</v>
      </c>
      <c r="E93" s="12">
        <v>493</v>
      </c>
      <c r="F93" s="12">
        <v>372</v>
      </c>
      <c r="G93" s="12">
        <v>76</v>
      </c>
      <c r="H93" s="12">
        <v>55</v>
      </c>
      <c r="I93" s="12">
        <v>81</v>
      </c>
      <c r="J93" s="12">
        <v>102</v>
      </c>
      <c r="K93" s="12">
        <v>119</v>
      </c>
      <c r="L93" s="12">
        <v>128</v>
      </c>
      <c r="M93" s="12">
        <v>114</v>
      </c>
      <c r="N93" s="12">
        <v>190</v>
      </c>
      <c r="O93" s="12">
        <v>0</v>
      </c>
      <c r="P93" s="12">
        <v>102</v>
      </c>
      <c r="Q93" s="12">
        <v>517</v>
      </c>
      <c r="R93" s="12">
        <v>246</v>
      </c>
    </row>
    <row r="94" spans="1:18" s="4" customFormat="1" x14ac:dyDescent="0.15">
      <c r="A94" s="3"/>
      <c r="B94" s="3" t="s">
        <v>484</v>
      </c>
      <c r="C94" s="12">
        <v>586</v>
      </c>
      <c r="D94" s="12">
        <v>1345</v>
      </c>
      <c r="E94" s="12">
        <v>655</v>
      </c>
      <c r="F94" s="12">
        <v>690</v>
      </c>
      <c r="G94" s="12">
        <v>127</v>
      </c>
      <c r="H94" s="12">
        <v>107</v>
      </c>
      <c r="I94" s="12">
        <v>115</v>
      </c>
      <c r="J94" s="12">
        <v>156</v>
      </c>
      <c r="K94" s="12">
        <v>182</v>
      </c>
      <c r="L94" s="12">
        <v>214</v>
      </c>
      <c r="M94" s="12">
        <v>158</v>
      </c>
      <c r="N94" s="12">
        <v>286</v>
      </c>
      <c r="O94" s="12">
        <v>0</v>
      </c>
      <c r="P94" s="12">
        <v>182</v>
      </c>
      <c r="Q94" s="12">
        <v>806</v>
      </c>
      <c r="R94" s="12">
        <v>357</v>
      </c>
    </row>
    <row r="95" spans="1:18" s="4" customFormat="1" x14ac:dyDescent="0.15">
      <c r="A95" s="3"/>
      <c r="B95" s="3" t="s">
        <v>485</v>
      </c>
      <c r="C95" s="12">
        <v>953</v>
      </c>
      <c r="D95" s="12">
        <v>2123</v>
      </c>
      <c r="E95" s="12">
        <v>1057</v>
      </c>
      <c r="F95" s="12">
        <v>1066</v>
      </c>
      <c r="G95" s="12">
        <v>185</v>
      </c>
      <c r="H95" s="12">
        <v>212</v>
      </c>
      <c r="I95" s="12">
        <v>220</v>
      </c>
      <c r="J95" s="12">
        <v>234</v>
      </c>
      <c r="K95" s="12">
        <v>327</v>
      </c>
      <c r="L95" s="12">
        <v>295</v>
      </c>
      <c r="M95" s="12">
        <v>176</v>
      </c>
      <c r="N95" s="12">
        <v>474</v>
      </c>
      <c r="O95" s="12">
        <v>0</v>
      </c>
      <c r="P95" s="12">
        <v>276</v>
      </c>
      <c r="Q95" s="12">
        <v>1294</v>
      </c>
      <c r="R95" s="12">
        <v>553</v>
      </c>
    </row>
    <row r="96" spans="1:18" s="4" customFormat="1" x14ac:dyDescent="0.15">
      <c r="A96" s="3"/>
      <c r="B96" s="3" t="s">
        <v>486</v>
      </c>
      <c r="C96" s="12">
        <v>449</v>
      </c>
      <c r="D96" s="12">
        <v>949</v>
      </c>
      <c r="E96" s="12">
        <v>467</v>
      </c>
      <c r="F96" s="12">
        <v>482</v>
      </c>
      <c r="G96" s="12">
        <v>82</v>
      </c>
      <c r="H96" s="12">
        <v>77</v>
      </c>
      <c r="I96" s="12">
        <v>90</v>
      </c>
      <c r="J96" s="12">
        <v>106</v>
      </c>
      <c r="K96" s="12">
        <v>153</v>
      </c>
      <c r="L96" s="12">
        <v>134</v>
      </c>
      <c r="M96" s="12">
        <v>93</v>
      </c>
      <c r="N96" s="12">
        <v>214</v>
      </c>
      <c r="O96" s="12">
        <v>0</v>
      </c>
      <c r="P96" s="12">
        <v>120</v>
      </c>
      <c r="Q96" s="12">
        <v>569</v>
      </c>
      <c r="R96" s="12">
        <v>260</v>
      </c>
    </row>
    <row r="97" spans="1:18" s="4" customFormat="1" x14ac:dyDescent="0.15">
      <c r="A97" s="3"/>
      <c r="B97" s="3" t="s">
        <v>487</v>
      </c>
      <c r="C97" s="12">
        <v>863</v>
      </c>
      <c r="D97" s="12">
        <v>1861</v>
      </c>
      <c r="E97" s="12">
        <v>918</v>
      </c>
      <c r="F97" s="12">
        <v>943</v>
      </c>
      <c r="G97" s="12">
        <v>148</v>
      </c>
      <c r="H97" s="12">
        <v>149</v>
      </c>
      <c r="I97" s="12">
        <v>222</v>
      </c>
      <c r="J97" s="12">
        <v>216</v>
      </c>
      <c r="K97" s="12">
        <v>286</v>
      </c>
      <c r="L97" s="12">
        <v>272</v>
      </c>
      <c r="M97" s="12">
        <v>199</v>
      </c>
      <c r="N97" s="12">
        <v>369</v>
      </c>
      <c r="O97" s="12">
        <v>0</v>
      </c>
      <c r="P97" s="12">
        <v>217</v>
      </c>
      <c r="Q97" s="12">
        <v>1179</v>
      </c>
      <c r="R97" s="12">
        <v>465</v>
      </c>
    </row>
    <row r="98" spans="1:18" s="4" customFormat="1" x14ac:dyDescent="0.15">
      <c r="A98" s="3"/>
      <c r="B98" s="3" t="s">
        <v>488</v>
      </c>
      <c r="C98" s="12">
        <v>750</v>
      </c>
      <c r="D98" s="12">
        <v>1512</v>
      </c>
      <c r="E98" s="12">
        <v>757</v>
      </c>
      <c r="F98" s="12">
        <v>755</v>
      </c>
      <c r="G98" s="12">
        <v>124</v>
      </c>
      <c r="H98" s="12">
        <v>94</v>
      </c>
      <c r="I98" s="12">
        <v>231</v>
      </c>
      <c r="J98" s="12">
        <v>204</v>
      </c>
      <c r="K98" s="12">
        <v>242</v>
      </c>
      <c r="L98" s="12">
        <v>252</v>
      </c>
      <c r="M98" s="12">
        <v>139</v>
      </c>
      <c r="N98" s="12">
        <v>226</v>
      </c>
      <c r="O98" s="12">
        <v>0</v>
      </c>
      <c r="P98" s="12">
        <v>165</v>
      </c>
      <c r="Q98" s="12">
        <v>1064</v>
      </c>
      <c r="R98" s="12">
        <v>283</v>
      </c>
    </row>
    <row r="99" spans="1:18" s="4" customFormat="1" x14ac:dyDescent="0.15">
      <c r="A99" s="3"/>
      <c r="B99" s="3" t="s">
        <v>489</v>
      </c>
      <c r="C99" s="12">
        <v>369</v>
      </c>
      <c r="D99" s="12">
        <v>864</v>
      </c>
      <c r="E99" s="12">
        <v>437</v>
      </c>
      <c r="F99" s="12">
        <v>427</v>
      </c>
      <c r="G99" s="12">
        <v>89</v>
      </c>
      <c r="H99" s="12">
        <v>79</v>
      </c>
      <c r="I99" s="12">
        <v>94</v>
      </c>
      <c r="J99" s="12">
        <v>116</v>
      </c>
      <c r="K99" s="12">
        <v>151</v>
      </c>
      <c r="L99" s="12">
        <v>109</v>
      </c>
      <c r="M99" s="12">
        <v>71</v>
      </c>
      <c r="N99" s="12">
        <v>155</v>
      </c>
      <c r="O99" s="12">
        <v>0</v>
      </c>
      <c r="P99" s="12">
        <v>128</v>
      </c>
      <c r="Q99" s="12">
        <v>544</v>
      </c>
      <c r="R99" s="12">
        <v>192</v>
      </c>
    </row>
    <row r="100" spans="1:18" s="4" customFormat="1" x14ac:dyDescent="0.15">
      <c r="A100" s="3"/>
      <c r="B100" s="3" t="s">
        <v>490</v>
      </c>
      <c r="C100" s="12">
        <v>366</v>
      </c>
      <c r="D100" s="12">
        <v>654</v>
      </c>
      <c r="E100" s="12">
        <v>337</v>
      </c>
      <c r="F100" s="12">
        <v>317</v>
      </c>
      <c r="G100" s="12">
        <v>46</v>
      </c>
      <c r="H100" s="12">
        <v>41</v>
      </c>
      <c r="I100" s="12">
        <v>112</v>
      </c>
      <c r="J100" s="12">
        <v>107</v>
      </c>
      <c r="K100" s="12">
        <v>104</v>
      </c>
      <c r="L100" s="12">
        <v>110</v>
      </c>
      <c r="M100" s="12">
        <v>42</v>
      </c>
      <c r="N100" s="12">
        <v>92</v>
      </c>
      <c r="O100" s="12">
        <v>0</v>
      </c>
      <c r="P100" s="12">
        <v>60</v>
      </c>
      <c r="Q100" s="12">
        <v>486</v>
      </c>
      <c r="R100" s="12">
        <v>108</v>
      </c>
    </row>
    <row r="101" spans="1:18" s="4" customFormat="1" x14ac:dyDescent="0.15">
      <c r="A101" s="3"/>
      <c r="B101" s="3" t="s">
        <v>491</v>
      </c>
      <c r="C101" s="12">
        <v>98</v>
      </c>
      <c r="D101" s="12">
        <v>159</v>
      </c>
      <c r="E101" s="12">
        <v>92</v>
      </c>
      <c r="F101" s="12">
        <v>67</v>
      </c>
      <c r="G101" s="12">
        <v>9</v>
      </c>
      <c r="H101" s="12">
        <v>7</v>
      </c>
      <c r="I101" s="12">
        <v>34</v>
      </c>
      <c r="J101" s="12">
        <v>27</v>
      </c>
      <c r="K101" s="12">
        <v>20</v>
      </c>
      <c r="L101" s="12">
        <v>28</v>
      </c>
      <c r="M101" s="12">
        <v>7</v>
      </c>
      <c r="N101" s="12">
        <v>27</v>
      </c>
      <c r="O101" s="12">
        <v>0</v>
      </c>
      <c r="P101" s="12">
        <v>10</v>
      </c>
      <c r="Q101" s="12">
        <v>117</v>
      </c>
      <c r="R101" s="12">
        <v>32</v>
      </c>
    </row>
    <row r="102" spans="1:18" s="4" customFormat="1" x14ac:dyDescent="0.15">
      <c r="A102" s="3"/>
      <c r="B102" s="3" t="s">
        <v>492</v>
      </c>
      <c r="C102" s="12">
        <v>1435</v>
      </c>
      <c r="D102" s="12">
        <v>3085</v>
      </c>
      <c r="E102" s="12">
        <v>1462</v>
      </c>
      <c r="F102" s="12">
        <v>1623</v>
      </c>
      <c r="G102" s="12">
        <v>185</v>
      </c>
      <c r="H102" s="12">
        <v>341</v>
      </c>
      <c r="I102" s="12">
        <v>310</v>
      </c>
      <c r="J102" s="12">
        <v>238</v>
      </c>
      <c r="K102" s="12">
        <v>429</v>
      </c>
      <c r="L102" s="12">
        <v>461</v>
      </c>
      <c r="M102" s="12">
        <v>309</v>
      </c>
      <c r="N102" s="12">
        <v>812</v>
      </c>
      <c r="O102" s="12">
        <v>0</v>
      </c>
      <c r="P102" s="12">
        <v>351</v>
      </c>
      <c r="Q102" s="12">
        <v>1767</v>
      </c>
      <c r="R102" s="12">
        <v>967</v>
      </c>
    </row>
    <row r="103" spans="1:18" s="4" customFormat="1" x14ac:dyDescent="0.15">
      <c r="A103" s="3"/>
      <c r="B103" s="3" t="s">
        <v>493</v>
      </c>
      <c r="C103" s="12">
        <v>214</v>
      </c>
      <c r="D103" s="12">
        <v>373</v>
      </c>
      <c r="E103" s="12">
        <v>218</v>
      </c>
      <c r="F103" s="12">
        <v>155</v>
      </c>
      <c r="G103" s="12">
        <v>38</v>
      </c>
      <c r="H103" s="12">
        <v>15</v>
      </c>
      <c r="I103" s="12">
        <v>50</v>
      </c>
      <c r="J103" s="12">
        <v>50</v>
      </c>
      <c r="K103" s="12">
        <v>50</v>
      </c>
      <c r="L103" s="12">
        <v>70</v>
      </c>
      <c r="M103" s="12">
        <v>44</v>
      </c>
      <c r="N103" s="12">
        <v>56</v>
      </c>
      <c r="O103" s="12">
        <v>0</v>
      </c>
      <c r="P103" s="12">
        <v>44</v>
      </c>
      <c r="Q103" s="12">
        <v>247</v>
      </c>
      <c r="R103" s="12">
        <v>82</v>
      </c>
    </row>
    <row r="104" spans="1:18" s="4" customFormat="1" x14ac:dyDescent="0.15">
      <c r="A104" s="3"/>
      <c r="B104" s="3" t="s">
        <v>494</v>
      </c>
      <c r="C104" s="12">
        <v>831</v>
      </c>
      <c r="D104" s="12">
        <v>1662</v>
      </c>
      <c r="E104" s="12">
        <v>844</v>
      </c>
      <c r="F104" s="12">
        <v>818</v>
      </c>
      <c r="G104" s="12">
        <v>160</v>
      </c>
      <c r="H104" s="12">
        <v>135</v>
      </c>
      <c r="I104" s="12">
        <v>193</v>
      </c>
      <c r="J104" s="12">
        <v>232</v>
      </c>
      <c r="K104" s="12">
        <v>246</v>
      </c>
      <c r="L104" s="12">
        <v>230</v>
      </c>
      <c r="M104" s="12">
        <v>149</v>
      </c>
      <c r="N104" s="12">
        <v>317</v>
      </c>
      <c r="O104" s="12">
        <v>0</v>
      </c>
      <c r="P104" s="12">
        <v>232</v>
      </c>
      <c r="Q104" s="12">
        <v>1040</v>
      </c>
      <c r="R104" s="12">
        <v>390</v>
      </c>
    </row>
    <row r="105" spans="1:18" s="4" customFormat="1" x14ac:dyDescent="0.15">
      <c r="A105" s="3"/>
      <c r="B105" s="3" t="s">
        <v>495</v>
      </c>
      <c r="C105" s="12">
        <v>339</v>
      </c>
      <c r="D105" s="12">
        <v>687</v>
      </c>
      <c r="E105" s="12">
        <v>339</v>
      </c>
      <c r="F105" s="12">
        <v>348</v>
      </c>
      <c r="G105" s="12">
        <v>45</v>
      </c>
      <c r="H105" s="12">
        <v>46</v>
      </c>
      <c r="I105" s="12">
        <v>74</v>
      </c>
      <c r="J105" s="12">
        <v>76</v>
      </c>
      <c r="K105" s="12">
        <v>89</v>
      </c>
      <c r="L105" s="12">
        <v>107</v>
      </c>
      <c r="M105" s="12">
        <v>76</v>
      </c>
      <c r="N105" s="12">
        <v>174</v>
      </c>
      <c r="O105" s="12">
        <v>0</v>
      </c>
      <c r="P105" s="12">
        <v>64</v>
      </c>
      <c r="Q105" s="12">
        <v>411</v>
      </c>
      <c r="R105" s="12">
        <v>212</v>
      </c>
    </row>
    <row r="106" spans="1:18" s="4" customFormat="1" x14ac:dyDescent="0.15">
      <c r="A106" s="3"/>
      <c r="B106" s="3" t="s">
        <v>496</v>
      </c>
      <c r="C106" s="12">
        <v>518</v>
      </c>
      <c r="D106" s="12">
        <v>1177</v>
      </c>
      <c r="E106" s="12">
        <v>611</v>
      </c>
      <c r="F106" s="12">
        <v>566</v>
      </c>
      <c r="G106" s="12">
        <v>125</v>
      </c>
      <c r="H106" s="12">
        <v>96</v>
      </c>
      <c r="I106" s="12">
        <v>120</v>
      </c>
      <c r="J106" s="12">
        <v>172</v>
      </c>
      <c r="K106" s="12">
        <v>186</v>
      </c>
      <c r="L106" s="12">
        <v>130</v>
      </c>
      <c r="M106" s="12">
        <v>118</v>
      </c>
      <c r="N106" s="12">
        <v>230</v>
      </c>
      <c r="O106" s="12">
        <v>0</v>
      </c>
      <c r="P106" s="12">
        <v>181</v>
      </c>
      <c r="Q106" s="12">
        <v>706</v>
      </c>
      <c r="R106" s="12">
        <v>290</v>
      </c>
    </row>
    <row r="107" spans="1:18" s="4" customFormat="1" x14ac:dyDescent="0.15">
      <c r="A107" s="3"/>
      <c r="B107" s="3" t="s">
        <v>497</v>
      </c>
      <c r="C107" s="12">
        <v>374</v>
      </c>
      <c r="D107" s="12">
        <v>822</v>
      </c>
      <c r="E107" s="12">
        <v>438</v>
      </c>
      <c r="F107" s="12">
        <v>384</v>
      </c>
      <c r="G107" s="12">
        <v>70</v>
      </c>
      <c r="H107" s="12">
        <v>96</v>
      </c>
      <c r="I107" s="12">
        <v>87</v>
      </c>
      <c r="J107" s="12">
        <v>121</v>
      </c>
      <c r="K107" s="12">
        <v>136</v>
      </c>
      <c r="L107" s="12">
        <v>113</v>
      </c>
      <c r="M107" s="12">
        <v>74</v>
      </c>
      <c r="N107" s="12">
        <v>125</v>
      </c>
      <c r="O107" s="12">
        <v>0</v>
      </c>
      <c r="P107" s="12">
        <v>122</v>
      </c>
      <c r="Q107" s="12">
        <v>538</v>
      </c>
      <c r="R107" s="12">
        <v>162</v>
      </c>
    </row>
    <row r="108" spans="1:18" s="4" customFormat="1" x14ac:dyDescent="0.15">
      <c r="A108" s="3"/>
      <c r="B108" s="3" t="s">
        <v>498</v>
      </c>
      <c r="C108" s="12">
        <v>390</v>
      </c>
      <c r="D108" s="12">
        <v>844</v>
      </c>
      <c r="E108" s="12">
        <v>410</v>
      </c>
      <c r="F108" s="12">
        <v>434</v>
      </c>
      <c r="G108" s="12">
        <v>57</v>
      </c>
      <c r="H108" s="12">
        <v>93</v>
      </c>
      <c r="I108" s="12">
        <v>118</v>
      </c>
      <c r="J108" s="12">
        <v>100</v>
      </c>
      <c r="K108" s="12">
        <v>120</v>
      </c>
      <c r="L108" s="12">
        <v>147</v>
      </c>
      <c r="M108" s="12">
        <v>65</v>
      </c>
      <c r="N108" s="12">
        <v>144</v>
      </c>
      <c r="O108" s="12">
        <v>0</v>
      </c>
      <c r="P108" s="12">
        <v>97</v>
      </c>
      <c r="Q108" s="12">
        <v>565</v>
      </c>
      <c r="R108" s="12">
        <v>182</v>
      </c>
    </row>
    <row r="109" spans="1:18" s="4" customFormat="1" x14ac:dyDescent="0.15">
      <c r="A109" s="3"/>
      <c r="B109" s="3" t="s">
        <v>499</v>
      </c>
      <c r="C109" s="12">
        <v>523</v>
      </c>
      <c r="D109" s="12">
        <v>970</v>
      </c>
      <c r="E109" s="12">
        <v>502</v>
      </c>
      <c r="F109" s="12">
        <v>468</v>
      </c>
      <c r="G109" s="12">
        <v>86</v>
      </c>
      <c r="H109" s="12">
        <v>115</v>
      </c>
      <c r="I109" s="12">
        <v>203</v>
      </c>
      <c r="J109" s="12">
        <v>146</v>
      </c>
      <c r="K109" s="12">
        <v>160</v>
      </c>
      <c r="L109" s="12">
        <v>97</v>
      </c>
      <c r="M109" s="12">
        <v>67</v>
      </c>
      <c r="N109" s="12">
        <v>96</v>
      </c>
      <c r="O109" s="12">
        <v>0</v>
      </c>
      <c r="P109" s="12">
        <v>136</v>
      </c>
      <c r="Q109" s="12">
        <v>701</v>
      </c>
      <c r="R109" s="12">
        <v>133</v>
      </c>
    </row>
    <row r="110" spans="1:18" s="4" customFormat="1" x14ac:dyDescent="0.15">
      <c r="A110" s="3"/>
      <c r="B110" s="3" t="s">
        <v>500</v>
      </c>
      <c r="C110" s="12">
        <v>108</v>
      </c>
      <c r="D110" s="12">
        <v>206</v>
      </c>
      <c r="E110" s="12">
        <v>115</v>
      </c>
      <c r="F110" s="12">
        <v>91</v>
      </c>
      <c r="G110" s="12">
        <v>9</v>
      </c>
      <c r="H110" s="12">
        <v>30</v>
      </c>
      <c r="I110" s="12">
        <v>25</v>
      </c>
      <c r="J110" s="12">
        <v>18</v>
      </c>
      <c r="K110" s="12">
        <v>51</v>
      </c>
      <c r="L110" s="12">
        <v>30</v>
      </c>
      <c r="M110" s="12">
        <v>16</v>
      </c>
      <c r="N110" s="12">
        <v>27</v>
      </c>
      <c r="O110" s="12">
        <v>0</v>
      </c>
      <c r="P110" s="12">
        <v>21</v>
      </c>
      <c r="Q110" s="12">
        <v>153</v>
      </c>
      <c r="R110" s="12">
        <v>32</v>
      </c>
    </row>
    <row r="111" spans="1:18" s="4" customFormat="1" x14ac:dyDescent="0.15">
      <c r="A111" s="3"/>
      <c r="B111" s="3" t="s">
        <v>501</v>
      </c>
      <c r="C111" s="12">
        <v>616</v>
      </c>
      <c r="D111" s="12">
        <v>1245</v>
      </c>
      <c r="E111" s="12">
        <v>668</v>
      </c>
      <c r="F111" s="12">
        <v>577</v>
      </c>
      <c r="G111" s="12">
        <v>96</v>
      </c>
      <c r="H111" s="12">
        <v>89</v>
      </c>
      <c r="I111" s="12">
        <v>175</v>
      </c>
      <c r="J111" s="12">
        <v>139</v>
      </c>
      <c r="K111" s="12">
        <v>177</v>
      </c>
      <c r="L111" s="12">
        <v>174</v>
      </c>
      <c r="M111" s="12">
        <v>139</v>
      </c>
      <c r="N111" s="12">
        <v>256</v>
      </c>
      <c r="O111" s="12">
        <v>0</v>
      </c>
      <c r="P111" s="12">
        <v>144</v>
      </c>
      <c r="Q111" s="12">
        <v>764</v>
      </c>
      <c r="R111" s="12">
        <v>337</v>
      </c>
    </row>
    <row r="112" spans="1:18" s="4" customFormat="1" x14ac:dyDescent="0.15">
      <c r="A112" s="3"/>
      <c r="B112" s="3" t="s">
        <v>502</v>
      </c>
      <c r="C112" s="12">
        <v>1233</v>
      </c>
      <c r="D112" s="12">
        <v>2588</v>
      </c>
      <c r="E112" s="12">
        <v>1337</v>
      </c>
      <c r="F112" s="12">
        <v>1251</v>
      </c>
      <c r="G112" s="12">
        <v>201</v>
      </c>
      <c r="H112" s="12">
        <v>230</v>
      </c>
      <c r="I112" s="12">
        <v>343</v>
      </c>
      <c r="J112" s="12">
        <v>289</v>
      </c>
      <c r="K112" s="12">
        <v>413</v>
      </c>
      <c r="L112" s="12">
        <v>476</v>
      </c>
      <c r="M112" s="12">
        <v>233</v>
      </c>
      <c r="N112" s="12">
        <v>403</v>
      </c>
      <c r="O112" s="12">
        <v>0</v>
      </c>
      <c r="P112" s="12">
        <v>303</v>
      </c>
      <c r="Q112" s="12">
        <v>1774</v>
      </c>
      <c r="R112" s="12">
        <v>511</v>
      </c>
    </row>
    <row r="113" spans="1:18" s="4" customFormat="1" x14ac:dyDescent="0.15">
      <c r="A113" s="3"/>
      <c r="B113" s="3" t="s">
        <v>503</v>
      </c>
      <c r="C113" s="12">
        <v>841</v>
      </c>
      <c r="D113" s="12">
        <v>1875</v>
      </c>
      <c r="E113" s="12">
        <v>919</v>
      </c>
      <c r="F113" s="12">
        <v>956</v>
      </c>
      <c r="G113" s="12">
        <v>125</v>
      </c>
      <c r="H113" s="12">
        <v>182</v>
      </c>
      <c r="I113" s="12">
        <v>217</v>
      </c>
      <c r="J113" s="12">
        <v>197</v>
      </c>
      <c r="K113" s="12">
        <v>311</v>
      </c>
      <c r="L113" s="12">
        <v>294</v>
      </c>
      <c r="M113" s="12">
        <v>208</v>
      </c>
      <c r="N113" s="12">
        <v>341</v>
      </c>
      <c r="O113" s="12">
        <v>0</v>
      </c>
      <c r="P113" s="12">
        <v>201</v>
      </c>
      <c r="Q113" s="12">
        <v>1236</v>
      </c>
      <c r="R113" s="12">
        <v>438</v>
      </c>
    </row>
    <row r="114" spans="1:18" s="4" customFormat="1" x14ac:dyDescent="0.15">
      <c r="A114" s="3"/>
      <c r="B114" s="3" t="s">
        <v>504</v>
      </c>
      <c r="C114" s="12">
        <v>912</v>
      </c>
      <c r="D114" s="12">
        <v>1961</v>
      </c>
      <c r="E114" s="12">
        <v>976</v>
      </c>
      <c r="F114" s="12">
        <v>985</v>
      </c>
      <c r="G114" s="12">
        <v>135</v>
      </c>
      <c r="H114" s="12">
        <v>214</v>
      </c>
      <c r="I114" s="12">
        <v>267</v>
      </c>
      <c r="J114" s="12">
        <v>269</v>
      </c>
      <c r="K114" s="12">
        <v>346</v>
      </c>
      <c r="L114" s="12">
        <v>357</v>
      </c>
      <c r="M114" s="12">
        <v>158</v>
      </c>
      <c r="N114" s="12">
        <v>215</v>
      </c>
      <c r="O114" s="12">
        <v>0</v>
      </c>
      <c r="P114" s="12">
        <v>236</v>
      </c>
      <c r="Q114" s="12">
        <v>1435</v>
      </c>
      <c r="R114" s="12">
        <v>290</v>
      </c>
    </row>
    <row r="115" spans="1:18" s="4" customFormat="1" x14ac:dyDescent="0.15">
      <c r="A115" s="3"/>
      <c r="B115" s="3" t="s">
        <v>505</v>
      </c>
      <c r="C115" s="12">
        <v>1142</v>
      </c>
      <c r="D115" s="12">
        <v>2299</v>
      </c>
      <c r="E115" s="12">
        <v>1149</v>
      </c>
      <c r="F115" s="12">
        <v>1150</v>
      </c>
      <c r="G115" s="12">
        <v>145</v>
      </c>
      <c r="H115" s="12">
        <v>195</v>
      </c>
      <c r="I115" s="12">
        <v>341</v>
      </c>
      <c r="J115" s="12">
        <v>247</v>
      </c>
      <c r="K115" s="12">
        <v>355</v>
      </c>
      <c r="L115" s="12">
        <v>439</v>
      </c>
      <c r="M115" s="12">
        <v>219</v>
      </c>
      <c r="N115" s="12">
        <v>358</v>
      </c>
      <c r="O115" s="12">
        <v>0</v>
      </c>
      <c r="P115" s="12">
        <v>221</v>
      </c>
      <c r="Q115" s="12">
        <v>1622</v>
      </c>
      <c r="R115" s="12">
        <v>456</v>
      </c>
    </row>
    <row r="116" spans="1:18" s="4" customFormat="1" x14ac:dyDescent="0.15">
      <c r="A116" s="3"/>
      <c r="B116" s="3" t="s">
        <v>506</v>
      </c>
      <c r="C116" s="12">
        <v>1037</v>
      </c>
      <c r="D116" s="12">
        <v>1883</v>
      </c>
      <c r="E116" s="12">
        <v>868</v>
      </c>
      <c r="F116" s="12">
        <v>1015</v>
      </c>
      <c r="G116" s="12">
        <v>121</v>
      </c>
      <c r="H116" s="12">
        <v>126</v>
      </c>
      <c r="I116" s="12">
        <v>165</v>
      </c>
      <c r="J116" s="12">
        <v>175</v>
      </c>
      <c r="K116" s="12">
        <v>236</v>
      </c>
      <c r="L116" s="12">
        <v>224</v>
      </c>
      <c r="M116" s="12">
        <v>213</v>
      </c>
      <c r="N116" s="12">
        <v>623</v>
      </c>
      <c r="O116" s="12">
        <v>0</v>
      </c>
      <c r="P116" s="12">
        <v>183</v>
      </c>
      <c r="Q116" s="12">
        <v>950</v>
      </c>
      <c r="R116" s="12">
        <v>750</v>
      </c>
    </row>
    <row r="117" spans="1:18" s="4" customFormat="1" x14ac:dyDescent="0.15">
      <c r="A117" s="3"/>
      <c r="B117" s="3" t="s">
        <v>507</v>
      </c>
      <c r="C117" s="12">
        <v>115</v>
      </c>
      <c r="D117" s="12">
        <v>198</v>
      </c>
      <c r="E117" s="12">
        <v>106</v>
      </c>
      <c r="F117" s="12">
        <v>92</v>
      </c>
      <c r="G117" s="12">
        <v>17</v>
      </c>
      <c r="H117" s="12">
        <v>16</v>
      </c>
      <c r="I117" s="12">
        <v>30</v>
      </c>
      <c r="J117" s="12">
        <v>22</v>
      </c>
      <c r="K117" s="12">
        <v>34</v>
      </c>
      <c r="L117" s="12">
        <v>25</v>
      </c>
      <c r="M117" s="12">
        <v>13</v>
      </c>
      <c r="N117" s="12">
        <v>41</v>
      </c>
      <c r="O117" s="12">
        <v>0</v>
      </c>
      <c r="P117" s="12">
        <v>24</v>
      </c>
      <c r="Q117" s="12">
        <v>123</v>
      </c>
      <c r="R117" s="12">
        <v>51</v>
      </c>
    </row>
    <row r="118" spans="1:18" s="4" customFormat="1" x14ac:dyDescent="0.15">
      <c r="A118" s="3"/>
      <c r="B118" s="3" t="s">
        <v>508</v>
      </c>
      <c r="C118" s="12">
        <v>201</v>
      </c>
      <c r="D118" s="12">
        <v>392</v>
      </c>
      <c r="E118" s="12">
        <v>199</v>
      </c>
      <c r="F118" s="12">
        <v>193</v>
      </c>
      <c r="G118" s="12">
        <v>29</v>
      </c>
      <c r="H118" s="12">
        <v>27</v>
      </c>
      <c r="I118" s="12">
        <v>47</v>
      </c>
      <c r="J118" s="12">
        <v>53</v>
      </c>
      <c r="K118" s="12">
        <v>76</v>
      </c>
      <c r="L118" s="12">
        <v>48</v>
      </c>
      <c r="M118" s="12">
        <v>43</v>
      </c>
      <c r="N118" s="12">
        <v>69</v>
      </c>
      <c r="O118" s="12">
        <v>0</v>
      </c>
      <c r="P118" s="12">
        <v>42</v>
      </c>
      <c r="Q118" s="12">
        <v>255</v>
      </c>
      <c r="R118" s="12">
        <v>95</v>
      </c>
    </row>
    <row r="119" spans="1:18" s="4" customFormat="1" x14ac:dyDescent="0.15">
      <c r="A119" s="3"/>
      <c r="B119" s="3" t="s">
        <v>509</v>
      </c>
      <c r="C119" s="12">
        <v>233</v>
      </c>
      <c r="D119" s="12">
        <v>472</v>
      </c>
      <c r="E119" s="12">
        <v>241</v>
      </c>
      <c r="F119" s="12">
        <v>231</v>
      </c>
      <c r="G119" s="12">
        <v>62</v>
      </c>
      <c r="H119" s="12">
        <v>44</v>
      </c>
      <c r="I119" s="12">
        <v>55</v>
      </c>
      <c r="J119" s="12">
        <v>83</v>
      </c>
      <c r="K119" s="12">
        <v>80</v>
      </c>
      <c r="L119" s="12">
        <v>53</v>
      </c>
      <c r="M119" s="12">
        <v>26</v>
      </c>
      <c r="N119" s="12">
        <v>69</v>
      </c>
      <c r="O119" s="12">
        <v>0</v>
      </c>
      <c r="P119" s="12">
        <v>81</v>
      </c>
      <c r="Q119" s="12">
        <v>312</v>
      </c>
      <c r="R119" s="12">
        <v>79</v>
      </c>
    </row>
    <row r="120" spans="1:18" s="4" customFormat="1" x14ac:dyDescent="0.15">
      <c r="A120" s="3"/>
      <c r="B120" s="3" t="s">
        <v>510</v>
      </c>
      <c r="C120" s="12">
        <v>365</v>
      </c>
      <c r="D120" s="12">
        <v>782</v>
      </c>
      <c r="E120" s="12">
        <v>401</v>
      </c>
      <c r="F120" s="12">
        <v>381</v>
      </c>
      <c r="G120" s="12">
        <v>91</v>
      </c>
      <c r="H120" s="12">
        <v>60</v>
      </c>
      <c r="I120" s="12">
        <v>93</v>
      </c>
      <c r="J120" s="12">
        <v>101</v>
      </c>
      <c r="K120" s="12">
        <v>133</v>
      </c>
      <c r="L120" s="12">
        <v>106</v>
      </c>
      <c r="M120" s="12">
        <v>57</v>
      </c>
      <c r="N120" s="12">
        <v>141</v>
      </c>
      <c r="O120" s="12">
        <v>0</v>
      </c>
      <c r="P120" s="12">
        <v>114</v>
      </c>
      <c r="Q120" s="12">
        <v>494</v>
      </c>
      <c r="R120" s="12">
        <v>174</v>
      </c>
    </row>
    <row r="121" spans="1:18" s="4" customFormat="1" x14ac:dyDescent="0.15">
      <c r="A121" s="3"/>
      <c r="B121" s="3" t="s">
        <v>511</v>
      </c>
      <c r="C121" s="12">
        <v>543</v>
      </c>
      <c r="D121" s="12">
        <v>1224</v>
      </c>
      <c r="E121" s="12">
        <v>621</v>
      </c>
      <c r="F121" s="12">
        <v>603</v>
      </c>
      <c r="G121" s="12">
        <v>94</v>
      </c>
      <c r="H121" s="12">
        <v>133</v>
      </c>
      <c r="I121" s="12">
        <v>124</v>
      </c>
      <c r="J121" s="12">
        <v>134</v>
      </c>
      <c r="K121" s="12">
        <v>179</v>
      </c>
      <c r="L121" s="12">
        <v>192</v>
      </c>
      <c r="M121" s="12">
        <v>142</v>
      </c>
      <c r="N121" s="12">
        <v>226</v>
      </c>
      <c r="O121" s="12">
        <v>0</v>
      </c>
      <c r="P121" s="12">
        <v>153</v>
      </c>
      <c r="Q121" s="12">
        <v>775</v>
      </c>
      <c r="R121" s="12">
        <v>296</v>
      </c>
    </row>
    <row r="122" spans="1:18" s="4" customFormat="1" x14ac:dyDescent="0.15">
      <c r="A122" s="3"/>
      <c r="B122" s="3" t="s">
        <v>512</v>
      </c>
      <c r="C122" s="12">
        <v>484</v>
      </c>
      <c r="D122" s="12">
        <v>1219</v>
      </c>
      <c r="E122" s="12">
        <v>661</v>
      </c>
      <c r="F122" s="12">
        <v>558</v>
      </c>
      <c r="G122" s="12">
        <v>135</v>
      </c>
      <c r="H122" s="12">
        <v>138</v>
      </c>
      <c r="I122" s="12">
        <v>123</v>
      </c>
      <c r="J122" s="12">
        <v>162</v>
      </c>
      <c r="K122" s="12">
        <v>186</v>
      </c>
      <c r="L122" s="12">
        <v>185</v>
      </c>
      <c r="M122" s="12">
        <v>103</v>
      </c>
      <c r="N122" s="12">
        <v>187</v>
      </c>
      <c r="O122" s="12">
        <v>0</v>
      </c>
      <c r="P122" s="12">
        <v>203</v>
      </c>
      <c r="Q122" s="12">
        <v>787</v>
      </c>
      <c r="R122" s="12">
        <v>229</v>
      </c>
    </row>
    <row r="123" spans="1:18" s="4" customFormat="1" x14ac:dyDescent="0.15">
      <c r="A123" s="3"/>
      <c r="B123" s="3" t="s">
        <v>513</v>
      </c>
      <c r="C123" s="12">
        <v>525</v>
      </c>
      <c r="D123" s="12">
        <v>1119</v>
      </c>
      <c r="E123" s="12">
        <v>591</v>
      </c>
      <c r="F123" s="12">
        <v>528</v>
      </c>
      <c r="G123" s="12">
        <v>63</v>
      </c>
      <c r="H123" s="12">
        <v>110</v>
      </c>
      <c r="I123" s="12">
        <v>126</v>
      </c>
      <c r="J123" s="12">
        <v>118</v>
      </c>
      <c r="K123" s="12">
        <v>195</v>
      </c>
      <c r="L123" s="12">
        <v>163</v>
      </c>
      <c r="M123" s="12">
        <v>117</v>
      </c>
      <c r="N123" s="12">
        <v>227</v>
      </c>
      <c r="O123" s="12">
        <v>0</v>
      </c>
      <c r="P123" s="12">
        <v>113</v>
      </c>
      <c r="Q123" s="12">
        <v>721</v>
      </c>
      <c r="R123" s="12">
        <v>285</v>
      </c>
    </row>
    <row r="124" spans="1:18" s="4" customFormat="1" x14ac:dyDescent="0.15">
      <c r="A124" s="3"/>
      <c r="B124" s="3" t="s">
        <v>514</v>
      </c>
      <c r="C124" s="12">
        <v>585</v>
      </c>
      <c r="D124" s="12">
        <v>1355</v>
      </c>
      <c r="E124" s="12">
        <v>667</v>
      </c>
      <c r="F124" s="12">
        <v>688</v>
      </c>
      <c r="G124" s="12">
        <v>139</v>
      </c>
      <c r="H124" s="12">
        <v>122</v>
      </c>
      <c r="I124" s="12">
        <v>125</v>
      </c>
      <c r="J124" s="12">
        <v>172</v>
      </c>
      <c r="K124" s="12">
        <v>200</v>
      </c>
      <c r="L124" s="12">
        <v>186</v>
      </c>
      <c r="M124" s="12">
        <v>148</v>
      </c>
      <c r="N124" s="12">
        <v>263</v>
      </c>
      <c r="O124" s="12">
        <v>0</v>
      </c>
      <c r="P124" s="12">
        <v>206</v>
      </c>
      <c r="Q124" s="12">
        <v>812</v>
      </c>
      <c r="R124" s="12">
        <v>337</v>
      </c>
    </row>
    <row r="125" spans="1:18" s="4" customFormat="1" x14ac:dyDescent="0.15">
      <c r="A125" s="3"/>
      <c r="B125" s="3" t="s">
        <v>515</v>
      </c>
      <c r="C125" s="12">
        <v>557</v>
      </c>
      <c r="D125" s="12">
        <v>1190</v>
      </c>
      <c r="E125" s="12">
        <v>623</v>
      </c>
      <c r="F125" s="12">
        <v>567</v>
      </c>
      <c r="G125" s="12">
        <v>114</v>
      </c>
      <c r="H125" s="12">
        <v>99</v>
      </c>
      <c r="I125" s="12">
        <v>144</v>
      </c>
      <c r="J125" s="12">
        <v>157</v>
      </c>
      <c r="K125" s="12">
        <v>178</v>
      </c>
      <c r="L125" s="12">
        <v>154</v>
      </c>
      <c r="M125" s="12">
        <v>104</v>
      </c>
      <c r="N125" s="12">
        <v>240</v>
      </c>
      <c r="O125" s="12">
        <v>0</v>
      </c>
      <c r="P125" s="12">
        <v>159</v>
      </c>
      <c r="Q125" s="12">
        <v>736</v>
      </c>
      <c r="R125" s="12">
        <v>295</v>
      </c>
    </row>
    <row r="126" spans="1:18" s="4" customFormat="1" x14ac:dyDescent="0.15">
      <c r="A126" s="3"/>
      <c r="B126" s="3" t="s">
        <v>516</v>
      </c>
      <c r="C126" s="12">
        <v>668</v>
      </c>
      <c r="D126" s="12">
        <v>1465</v>
      </c>
      <c r="E126" s="12">
        <v>745</v>
      </c>
      <c r="F126" s="12">
        <v>720</v>
      </c>
      <c r="G126" s="12">
        <v>127</v>
      </c>
      <c r="H126" s="12">
        <v>108</v>
      </c>
      <c r="I126" s="12">
        <v>214</v>
      </c>
      <c r="J126" s="12">
        <v>241</v>
      </c>
      <c r="K126" s="12">
        <v>195</v>
      </c>
      <c r="L126" s="12">
        <v>195</v>
      </c>
      <c r="M126" s="12">
        <v>124</v>
      </c>
      <c r="N126" s="12">
        <v>261</v>
      </c>
      <c r="O126" s="12">
        <v>0</v>
      </c>
      <c r="P126" s="12">
        <v>184</v>
      </c>
      <c r="Q126" s="12">
        <v>957</v>
      </c>
      <c r="R126" s="12">
        <v>324</v>
      </c>
    </row>
    <row r="127" spans="1:18" s="4" customFormat="1" x14ac:dyDescent="0.15">
      <c r="A127" s="3"/>
      <c r="B127" s="3" t="s">
        <v>517</v>
      </c>
      <c r="C127" s="12">
        <v>1080</v>
      </c>
      <c r="D127" s="12">
        <v>2866</v>
      </c>
      <c r="E127" s="12">
        <v>1408</v>
      </c>
      <c r="F127" s="12">
        <v>1458</v>
      </c>
      <c r="G127" s="12">
        <v>296</v>
      </c>
      <c r="H127" s="12">
        <v>412</v>
      </c>
      <c r="I127" s="12">
        <v>292</v>
      </c>
      <c r="J127" s="12">
        <v>301</v>
      </c>
      <c r="K127" s="12">
        <v>626</v>
      </c>
      <c r="L127" s="12">
        <v>618</v>
      </c>
      <c r="M127" s="12">
        <v>157</v>
      </c>
      <c r="N127" s="12">
        <v>164</v>
      </c>
      <c r="O127" s="12">
        <v>0</v>
      </c>
      <c r="P127" s="12">
        <v>484</v>
      </c>
      <c r="Q127" s="12">
        <v>2156</v>
      </c>
      <c r="R127" s="12">
        <v>226</v>
      </c>
    </row>
    <row r="128" spans="1:18" s="4" customFormat="1" x14ac:dyDescent="0.15">
      <c r="A128" s="3"/>
      <c r="B128" s="3" t="s">
        <v>518</v>
      </c>
      <c r="C128" s="12">
        <v>619</v>
      </c>
      <c r="D128" s="12">
        <v>1423</v>
      </c>
      <c r="E128" s="12">
        <v>694</v>
      </c>
      <c r="F128" s="12">
        <v>729</v>
      </c>
      <c r="G128" s="12">
        <v>134</v>
      </c>
      <c r="H128" s="12">
        <v>129</v>
      </c>
      <c r="I128" s="12">
        <v>159</v>
      </c>
      <c r="J128" s="12">
        <v>181</v>
      </c>
      <c r="K128" s="12">
        <v>238</v>
      </c>
      <c r="L128" s="12">
        <v>183</v>
      </c>
      <c r="M128" s="12">
        <v>124</v>
      </c>
      <c r="N128" s="12">
        <v>275</v>
      </c>
      <c r="O128" s="12">
        <v>0</v>
      </c>
      <c r="P128" s="12">
        <v>195</v>
      </c>
      <c r="Q128" s="12">
        <v>888</v>
      </c>
      <c r="R128" s="12">
        <v>340</v>
      </c>
    </row>
    <row r="129" spans="1:18" s="4" customFormat="1" x14ac:dyDescent="0.15">
      <c r="A129" s="3"/>
      <c r="B129" s="3" t="s">
        <v>519</v>
      </c>
      <c r="C129" s="12">
        <v>14</v>
      </c>
      <c r="D129" s="12">
        <v>23</v>
      </c>
      <c r="E129" s="12">
        <v>13</v>
      </c>
      <c r="F129" s="12">
        <v>10</v>
      </c>
      <c r="G129" s="12">
        <v>3</v>
      </c>
      <c r="H129" s="12">
        <v>0</v>
      </c>
      <c r="I129" s="12">
        <v>1</v>
      </c>
      <c r="J129" s="12">
        <v>4</v>
      </c>
      <c r="K129" s="12">
        <v>5</v>
      </c>
      <c r="L129" s="12">
        <v>2</v>
      </c>
      <c r="M129" s="12">
        <v>4</v>
      </c>
      <c r="N129" s="12">
        <v>4</v>
      </c>
      <c r="O129" s="12">
        <v>0</v>
      </c>
      <c r="P129" s="12">
        <v>3</v>
      </c>
      <c r="Q129" s="12">
        <v>14</v>
      </c>
      <c r="R129" s="12">
        <v>6</v>
      </c>
    </row>
    <row r="130" spans="1:18" s="4" customFormat="1" x14ac:dyDescent="0.15">
      <c r="A130" s="3"/>
      <c r="B130" s="3" t="s">
        <v>520</v>
      </c>
      <c r="C130" s="12">
        <v>98</v>
      </c>
      <c r="D130" s="12">
        <v>153</v>
      </c>
      <c r="E130" s="12">
        <v>98</v>
      </c>
      <c r="F130" s="12">
        <v>55</v>
      </c>
      <c r="G130" s="12">
        <v>5</v>
      </c>
      <c r="H130" s="12">
        <v>5</v>
      </c>
      <c r="I130" s="12">
        <v>42</v>
      </c>
      <c r="J130" s="12">
        <v>14</v>
      </c>
      <c r="K130" s="12">
        <v>24</v>
      </c>
      <c r="L130" s="12">
        <v>17</v>
      </c>
      <c r="M130" s="12">
        <v>13</v>
      </c>
      <c r="N130" s="12">
        <v>33</v>
      </c>
      <c r="O130" s="12">
        <v>0</v>
      </c>
      <c r="P130" s="12">
        <v>7</v>
      </c>
      <c r="Q130" s="12">
        <v>105</v>
      </c>
      <c r="R130" s="12">
        <v>41</v>
      </c>
    </row>
    <row r="131" spans="1:18" s="4" customFormat="1" x14ac:dyDescent="0.15">
      <c r="A131" s="3"/>
      <c r="B131" s="3" t="s">
        <v>521</v>
      </c>
      <c r="C131" s="12">
        <v>709</v>
      </c>
      <c r="D131" s="12">
        <v>1292</v>
      </c>
      <c r="E131" s="12">
        <v>655</v>
      </c>
      <c r="F131" s="12">
        <v>637</v>
      </c>
      <c r="G131" s="12">
        <v>98</v>
      </c>
      <c r="H131" s="12">
        <v>92</v>
      </c>
      <c r="I131" s="12">
        <v>199</v>
      </c>
      <c r="J131" s="12">
        <v>202</v>
      </c>
      <c r="K131" s="12">
        <v>212</v>
      </c>
      <c r="L131" s="12">
        <v>185</v>
      </c>
      <c r="M131" s="12">
        <v>85</v>
      </c>
      <c r="N131" s="12">
        <v>219</v>
      </c>
      <c r="O131" s="12">
        <v>0</v>
      </c>
      <c r="P131" s="12">
        <v>138</v>
      </c>
      <c r="Q131" s="12">
        <v>896</v>
      </c>
      <c r="R131" s="12">
        <v>258</v>
      </c>
    </row>
    <row r="132" spans="1:18" s="4" customFormat="1" x14ac:dyDescent="0.15">
      <c r="A132" s="3"/>
      <c r="B132" s="3" t="s">
        <v>522</v>
      </c>
      <c r="C132" s="12">
        <v>126</v>
      </c>
      <c r="D132" s="12">
        <v>256</v>
      </c>
      <c r="E132" s="12">
        <v>127</v>
      </c>
      <c r="F132" s="12">
        <v>129</v>
      </c>
      <c r="G132" s="12">
        <v>21</v>
      </c>
      <c r="H132" s="12">
        <v>22</v>
      </c>
      <c r="I132" s="12">
        <v>24</v>
      </c>
      <c r="J132" s="12">
        <v>48</v>
      </c>
      <c r="K132" s="12">
        <v>33</v>
      </c>
      <c r="L132" s="12">
        <v>44</v>
      </c>
      <c r="M132" s="12">
        <v>22</v>
      </c>
      <c r="N132" s="12">
        <v>42</v>
      </c>
      <c r="O132" s="12">
        <v>0</v>
      </c>
      <c r="P132" s="12">
        <v>31</v>
      </c>
      <c r="Q132" s="12">
        <v>173</v>
      </c>
      <c r="R132" s="12">
        <v>52</v>
      </c>
    </row>
    <row r="133" spans="1:18" s="4" customFormat="1" x14ac:dyDescent="0.15">
      <c r="A133" s="3"/>
      <c r="B133" s="3" t="s">
        <v>523</v>
      </c>
      <c r="C133" s="12">
        <v>763</v>
      </c>
      <c r="D133" s="12">
        <v>1663</v>
      </c>
      <c r="E133" s="12">
        <v>841</v>
      </c>
      <c r="F133" s="12">
        <v>822</v>
      </c>
      <c r="G133" s="12">
        <v>116</v>
      </c>
      <c r="H133" s="12">
        <v>175</v>
      </c>
      <c r="I133" s="12">
        <v>225</v>
      </c>
      <c r="J133" s="12">
        <v>224</v>
      </c>
      <c r="K133" s="12">
        <v>302</v>
      </c>
      <c r="L133" s="12">
        <v>281</v>
      </c>
      <c r="M133" s="12">
        <v>133</v>
      </c>
      <c r="N133" s="12">
        <v>207</v>
      </c>
      <c r="O133" s="12">
        <v>0</v>
      </c>
      <c r="P133" s="12">
        <v>183</v>
      </c>
      <c r="Q133" s="12">
        <v>1214</v>
      </c>
      <c r="R133" s="12">
        <v>266</v>
      </c>
    </row>
    <row r="134" spans="1:18" s="4" customFormat="1" x14ac:dyDescent="0.15">
      <c r="A134" s="3"/>
      <c r="B134" s="3" t="s">
        <v>524</v>
      </c>
      <c r="C134" s="12">
        <v>358</v>
      </c>
      <c r="D134" s="12">
        <v>731</v>
      </c>
      <c r="E134" s="12">
        <v>410</v>
      </c>
      <c r="F134" s="12">
        <v>321</v>
      </c>
      <c r="G134" s="12">
        <v>69</v>
      </c>
      <c r="H134" s="12">
        <v>82</v>
      </c>
      <c r="I134" s="12">
        <v>116</v>
      </c>
      <c r="J134" s="12">
        <v>114</v>
      </c>
      <c r="K134" s="12">
        <v>132</v>
      </c>
      <c r="L134" s="12">
        <v>100</v>
      </c>
      <c r="M134" s="12">
        <v>51</v>
      </c>
      <c r="N134" s="12">
        <v>67</v>
      </c>
      <c r="O134" s="12">
        <v>0</v>
      </c>
      <c r="P134" s="12">
        <v>109</v>
      </c>
      <c r="Q134" s="12">
        <v>531</v>
      </c>
      <c r="R134" s="12">
        <v>91</v>
      </c>
    </row>
    <row r="135" spans="1:18" s="4" customFormat="1" x14ac:dyDescent="0.15">
      <c r="A135" s="3"/>
      <c r="B135" s="3" t="s">
        <v>525</v>
      </c>
      <c r="C135" s="12">
        <v>666</v>
      </c>
      <c r="D135" s="12">
        <v>1586</v>
      </c>
      <c r="E135" s="12">
        <v>787</v>
      </c>
      <c r="F135" s="12">
        <v>799</v>
      </c>
      <c r="G135" s="12">
        <v>248</v>
      </c>
      <c r="H135" s="12">
        <v>127</v>
      </c>
      <c r="I135" s="12">
        <v>153</v>
      </c>
      <c r="J135" s="12">
        <v>275</v>
      </c>
      <c r="K135" s="12">
        <v>308</v>
      </c>
      <c r="L135" s="12">
        <v>175</v>
      </c>
      <c r="M135" s="12">
        <v>116</v>
      </c>
      <c r="N135" s="12">
        <v>184</v>
      </c>
      <c r="O135" s="12">
        <v>0</v>
      </c>
      <c r="P135" s="12">
        <v>323</v>
      </c>
      <c r="Q135" s="12">
        <v>1025</v>
      </c>
      <c r="R135" s="12">
        <v>238</v>
      </c>
    </row>
    <row r="136" spans="1:18" s="4" customFormat="1" x14ac:dyDescent="0.15">
      <c r="A136" s="3"/>
      <c r="B136" s="3"/>
      <c r="C136" s="12"/>
      <c r="D136" s="12"/>
      <c r="E136" s="12"/>
      <c r="F136" s="12"/>
      <c r="G136" s="12"/>
      <c r="H136" s="12"/>
      <c r="I136" s="12"/>
      <c r="J136" s="12"/>
      <c r="K136" s="12"/>
      <c r="L136" s="12"/>
      <c r="M136" s="12"/>
      <c r="N136" s="12"/>
      <c r="O136" s="12"/>
      <c r="P136" s="12"/>
      <c r="Q136" s="12"/>
      <c r="R136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37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526</v>
      </c>
      <c r="B6" s="3"/>
      <c r="C6" s="12">
        <v>75407</v>
      </c>
      <c r="D6" s="12">
        <v>134022</v>
      </c>
      <c r="E6" s="12">
        <v>67774</v>
      </c>
      <c r="F6" s="12">
        <v>66248</v>
      </c>
      <c r="G6" s="12">
        <v>8733</v>
      </c>
      <c r="H6" s="12">
        <v>8605</v>
      </c>
      <c r="I6" s="12">
        <v>19572</v>
      </c>
      <c r="J6" s="12">
        <v>18330</v>
      </c>
      <c r="K6" s="12">
        <v>18431</v>
      </c>
      <c r="L6" s="12">
        <v>17257</v>
      </c>
      <c r="M6" s="12">
        <v>14436</v>
      </c>
      <c r="N6" s="12">
        <v>28658</v>
      </c>
      <c r="O6" s="12">
        <v>0</v>
      </c>
      <c r="P6" s="12">
        <v>13009</v>
      </c>
      <c r="Q6" s="12">
        <v>85065</v>
      </c>
      <c r="R6" s="12">
        <v>35948</v>
      </c>
    </row>
    <row r="7" spans="1:18" s="4" customFormat="1" x14ac:dyDescent="0.15">
      <c r="A7" s="3"/>
      <c r="B7" s="3" t="s">
        <v>527</v>
      </c>
      <c r="C7" s="12">
        <v>662</v>
      </c>
      <c r="D7" s="12">
        <v>1182</v>
      </c>
      <c r="E7" s="12">
        <v>524</v>
      </c>
      <c r="F7" s="12">
        <v>658</v>
      </c>
      <c r="G7" s="12">
        <v>62</v>
      </c>
      <c r="H7" s="12">
        <v>83</v>
      </c>
      <c r="I7" s="12">
        <v>64</v>
      </c>
      <c r="J7" s="12">
        <v>90</v>
      </c>
      <c r="K7" s="12">
        <v>129</v>
      </c>
      <c r="L7" s="12">
        <v>137</v>
      </c>
      <c r="M7" s="12">
        <v>147</v>
      </c>
      <c r="N7" s="12">
        <v>470</v>
      </c>
      <c r="O7" s="12">
        <v>0</v>
      </c>
      <c r="P7" s="12">
        <v>102</v>
      </c>
      <c r="Q7" s="12">
        <v>509</v>
      </c>
      <c r="R7" s="12">
        <v>571</v>
      </c>
    </row>
    <row r="8" spans="1:18" s="4" customFormat="1" x14ac:dyDescent="0.15">
      <c r="A8" s="3"/>
      <c r="B8" s="3" t="s">
        <v>528</v>
      </c>
      <c r="C8" s="12">
        <v>886</v>
      </c>
      <c r="D8" s="12">
        <v>1842</v>
      </c>
      <c r="E8" s="12">
        <v>914</v>
      </c>
      <c r="F8" s="12">
        <v>928</v>
      </c>
      <c r="G8" s="12">
        <v>164</v>
      </c>
      <c r="H8" s="12">
        <v>170</v>
      </c>
      <c r="I8" s="12">
        <v>222</v>
      </c>
      <c r="J8" s="12">
        <v>213</v>
      </c>
      <c r="K8" s="12">
        <v>268</v>
      </c>
      <c r="L8" s="12">
        <v>273</v>
      </c>
      <c r="M8" s="12">
        <v>188</v>
      </c>
      <c r="N8" s="12">
        <v>344</v>
      </c>
      <c r="O8" s="12">
        <v>0</v>
      </c>
      <c r="P8" s="12">
        <v>257</v>
      </c>
      <c r="Q8" s="12">
        <v>1136</v>
      </c>
      <c r="R8" s="12">
        <v>449</v>
      </c>
    </row>
    <row r="9" spans="1:18" s="4" customFormat="1" x14ac:dyDescent="0.15">
      <c r="A9" s="3"/>
      <c r="B9" s="3" t="s">
        <v>529</v>
      </c>
      <c r="C9" s="12">
        <v>460</v>
      </c>
      <c r="D9" s="12">
        <v>983</v>
      </c>
      <c r="E9" s="12">
        <v>479</v>
      </c>
      <c r="F9" s="12">
        <v>504</v>
      </c>
      <c r="G9" s="12">
        <v>64</v>
      </c>
      <c r="H9" s="12">
        <v>104</v>
      </c>
      <c r="I9" s="12">
        <v>101</v>
      </c>
      <c r="J9" s="12">
        <v>86</v>
      </c>
      <c r="K9" s="12">
        <v>145</v>
      </c>
      <c r="L9" s="12">
        <v>151</v>
      </c>
      <c r="M9" s="12">
        <v>113</v>
      </c>
      <c r="N9" s="12">
        <v>219</v>
      </c>
      <c r="O9" s="12">
        <v>0</v>
      </c>
      <c r="P9" s="12">
        <v>103</v>
      </c>
      <c r="Q9" s="12">
        <v>604</v>
      </c>
      <c r="R9" s="12">
        <v>276</v>
      </c>
    </row>
    <row r="10" spans="1:18" s="4" customFormat="1" x14ac:dyDescent="0.15">
      <c r="A10" s="3"/>
      <c r="B10" s="3" t="s">
        <v>530</v>
      </c>
      <c r="C10" s="12">
        <v>1869</v>
      </c>
      <c r="D10" s="12">
        <v>3604</v>
      </c>
      <c r="E10" s="12">
        <v>1712</v>
      </c>
      <c r="F10" s="12">
        <v>1892</v>
      </c>
      <c r="G10" s="12">
        <v>204</v>
      </c>
      <c r="H10" s="12">
        <v>215</v>
      </c>
      <c r="I10" s="12">
        <v>292</v>
      </c>
      <c r="J10" s="12">
        <v>338</v>
      </c>
      <c r="K10" s="12">
        <v>456</v>
      </c>
      <c r="L10" s="12">
        <v>457</v>
      </c>
      <c r="M10" s="12">
        <v>558</v>
      </c>
      <c r="N10" s="12">
        <v>1084</v>
      </c>
      <c r="O10" s="12">
        <v>0</v>
      </c>
      <c r="P10" s="12">
        <v>310</v>
      </c>
      <c r="Q10" s="12">
        <v>1913</v>
      </c>
      <c r="R10" s="12">
        <v>1381</v>
      </c>
    </row>
    <row r="11" spans="1:18" s="4" customFormat="1" x14ac:dyDescent="0.15">
      <c r="A11" s="3"/>
      <c r="B11" s="3" t="s">
        <v>531</v>
      </c>
      <c r="C11" s="12">
        <v>213</v>
      </c>
      <c r="D11" s="12">
        <v>394</v>
      </c>
      <c r="E11" s="12">
        <v>200</v>
      </c>
      <c r="F11" s="12">
        <v>194</v>
      </c>
      <c r="G11" s="12">
        <v>24</v>
      </c>
      <c r="H11" s="12">
        <v>17</v>
      </c>
      <c r="I11" s="12">
        <v>67</v>
      </c>
      <c r="J11" s="12">
        <v>50</v>
      </c>
      <c r="K11" s="12">
        <v>61</v>
      </c>
      <c r="L11" s="12">
        <v>71</v>
      </c>
      <c r="M11" s="12">
        <v>39</v>
      </c>
      <c r="N11" s="12">
        <v>65</v>
      </c>
      <c r="O11" s="12">
        <v>0</v>
      </c>
      <c r="P11" s="12">
        <v>33</v>
      </c>
      <c r="Q11" s="12">
        <v>273</v>
      </c>
      <c r="R11" s="12">
        <v>88</v>
      </c>
    </row>
    <row r="12" spans="1:18" s="4" customFormat="1" x14ac:dyDescent="0.15">
      <c r="A12" s="3"/>
      <c r="B12" s="3" t="s">
        <v>532</v>
      </c>
      <c r="C12" s="12">
        <v>454</v>
      </c>
      <c r="D12" s="12">
        <v>639</v>
      </c>
      <c r="E12" s="12">
        <v>328</v>
      </c>
      <c r="F12" s="12">
        <v>311</v>
      </c>
      <c r="G12" s="12">
        <v>32</v>
      </c>
      <c r="H12" s="12">
        <v>24</v>
      </c>
      <c r="I12" s="12">
        <v>101</v>
      </c>
      <c r="J12" s="12">
        <v>97</v>
      </c>
      <c r="K12" s="12">
        <v>101</v>
      </c>
      <c r="L12" s="12">
        <v>75</v>
      </c>
      <c r="M12" s="12">
        <v>57</v>
      </c>
      <c r="N12" s="12">
        <v>152</v>
      </c>
      <c r="O12" s="12">
        <v>0</v>
      </c>
      <c r="P12" s="12">
        <v>43</v>
      </c>
      <c r="Q12" s="12">
        <v>410</v>
      </c>
      <c r="R12" s="12">
        <v>186</v>
      </c>
    </row>
    <row r="13" spans="1:18" s="4" customFormat="1" x14ac:dyDescent="0.15">
      <c r="A13" s="3"/>
      <c r="B13" s="3" t="s">
        <v>533</v>
      </c>
      <c r="C13" s="12">
        <v>508</v>
      </c>
      <c r="D13" s="12">
        <v>1034</v>
      </c>
      <c r="E13" s="12">
        <v>535</v>
      </c>
      <c r="F13" s="12">
        <v>499</v>
      </c>
      <c r="G13" s="12">
        <v>98</v>
      </c>
      <c r="H13" s="12">
        <v>95</v>
      </c>
      <c r="I13" s="12">
        <v>109</v>
      </c>
      <c r="J13" s="12">
        <v>165</v>
      </c>
      <c r="K13" s="12">
        <v>160</v>
      </c>
      <c r="L13" s="12">
        <v>138</v>
      </c>
      <c r="M13" s="12">
        <v>90</v>
      </c>
      <c r="N13" s="12">
        <v>179</v>
      </c>
      <c r="O13" s="12">
        <v>0</v>
      </c>
      <c r="P13" s="12">
        <v>141</v>
      </c>
      <c r="Q13" s="12">
        <v>669</v>
      </c>
      <c r="R13" s="12">
        <v>224</v>
      </c>
    </row>
    <row r="14" spans="1:18" s="4" customFormat="1" x14ac:dyDescent="0.15">
      <c r="A14" s="3"/>
      <c r="B14" s="3" t="s">
        <v>534</v>
      </c>
      <c r="C14" s="12">
        <v>586</v>
      </c>
      <c r="D14" s="12">
        <v>897</v>
      </c>
      <c r="E14" s="12">
        <v>463</v>
      </c>
      <c r="F14" s="12">
        <v>434</v>
      </c>
      <c r="G14" s="12">
        <v>35</v>
      </c>
      <c r="H14" s="12">
        <v>49</v>
      </c>
      <c r="I14" s="12">
        <v>201</v>
      </c>
      <c r="J14" s="12">
        <v>134</v>
      </c>
      <c r="K14" s="12">
        <v>128</v>
      </c>
      <c r="L14" s="12">
        <v>121</v>
      </c>
      <c r="M14" s="12">
        <v>72</v>
      </c>
      <c r="N14" s="12">
        <v>157</v>
      </c>
      <c r="O14" s="12">
        <v>0</v>
      </c>
      <c r="P14" s="12">
        <v>56</v>
      </c>
      <c r="Q14" s="12">
        <v>644</v>
      </c>
      <c r="R14" s="12">
        <v>197</v>
      </c>
    </row>
    <row r="15" spans="1:18" s="4" customFormat="1" x14ac:dyDescent="0.15">
      <c r="A15" s="3"/>
      <c r="B15" s="3" t="s">
        <v>535</v>
      </c>
      <c r="C15" s="12">
        <v>222</v>
      </c>
      <c r="D15" s="12">
        <v>490</v>
      </c>
      <c r="E15" s="12">
        <v>247</v>
      </c>
      <c r="F15" s="12">
        <v>243</v>
      </c>
      <c r="G15" s="12">
        <v>37</v>
      </c>
      <c r="H15" s="12">
        <v>46</v>
      </c>
      <c r="I15" s="12">
        <v>45</v>
      </c>
      <c r="J15" s="12">
        <v>55</v>
      </c>
      <c r="K15" s="12">
        <v>73</v>
      </c>
      <c r="L15" s="12">
        <v>83</v>
      </c>
      <c r="M15" s="12">
        <v>46</v>
      </c>
      <c r="N15" s="12">
        <v>105</v>
      </c>
      <c r="O15" s="12">
        <v>0</v>
      </c>
      <c r="P15" s="12">
        <v>57</v>
      </c>
      <c r="Q15" s="12">
        <v>301</v>
      </c>
      <c r="R15" s="12">
        <v>132</v>
      </c>
    </row>
    <row r="16" spans="1:18" s="4" customFormat="1" x14ac:dyDescent="0.15">
      <c r="A16" s="3"/>
      <c r="B16" s="3" t="s">
        <v>536</v>
      </c>
      <c r="C16" s="12">
        <v>2032</v>
      </c>
      <c r="D16" s="12">
        <v>4459</v>
      </c>
      <c r="E16" s="12">
        <v>2187</v>
      </c>
      <c r="F16" s="12">
        <v>2272</v>
      </c>
      <c r="G16" s="12">
        <v>402</v>
      </c>
      <c r="H16" s="12">
        <v>472</v>
      </c>
      <c r="I16" s="12">
        <v>435</v>
      </c>
      <c r="J16" s="12">
        <v>540</v>
      </c>
      <c r="K16" s="12">
        <v>791</v>
      </c>
      <c r="L16" s="12">
        <v>554</v>
      </c>
      <c r="M16" s="12">
        <v>417</v>
      </c>
      <c r="N16" s="12">
        <v>848</v>
      </c>
      <c r="O16" s="12">
        <v>0</v>
      </c>
      <c r="P16" s="12">
        <v>666</v>
      </c>
      <c r="Q16" s="12">
        <v>2722</v>
      </c>
      <c r="R16" s="12">
        <v>1071</v>
      </c>
    </row>
    <row r="17" spans="1:18" s="4" customFormat="1" x14ac:dyDescent="0.15">
      <c r="A17" s="3"/>
      <c r="B17" s="3" t="s">
        <v>537</v>
      </c>
      <c r="C17" s="12">
        <v>622</v>
      </c>
      <c r="D17" s="12">
        <v>1053</v>
      </c>
      <c r="E17" s="12">
        <v>525</v>
      </c>
      <c r="F17" s="12">
        <v>528</v>
      </c>
      <c r="G17" s="12">
        <v>67</v>
      </c>
      <c r="H17" s="12">
        <v>39</v>
      </c>
      <c r="I17" s="12">
        <v>230</v>
      </c>
      <c r="J17" s="12">
        <v>180</v>
      </c>
      <c r="K17" s="12">
        <v>110</v>
      </c>
      <c r="L17" s="12">
        <v>151</v>
      </c>
      <c r="M17" s="12">
        <v>144</v>
      </c>
      <c r="N17" s="12">
        <v>132</v>
      </c>
      <c r="O17" s="12">
        <v>0</v>
      </c>
      <c r="P17" s="12">
        <v>87</v>
      </c>
      <c r="Q17" s="12">
        <v>769</v>
      </c>
      <c r="R17" s="12">
        <v>197</v>
      </c>
    </row>
    <row r="18" spans="1:18" s="4" customFormat="1" x14ac:dyDescent="0.15">
      <c r="A18" s="3"/>
      <c r="B18" s="3" t="s">
        <v>538</v>
      </c>
      <c r="C18" s="12">
        <v>205</v>
      </c>
      <c r="D18" s="12">
        <v>326</v>
      </c>
      <c r="E18" s="12">
        <v>176</v>
      </c>
      <c r="F18" s="12">
        <v>150</v>
      </c>
      <c r="G18" s="12">
        <v>8</v>
      </c>
      <c r="H18" s="12">
        <v>19</v>
      </c>
      <c r="I18" s="12">
        <v>48</v>
      </c>
      <c r="J18" s="12">
        <v>45</v>
      </c>
      <c r="K18" s="12">
        <v>49</v>
      </c>
      <c r="L18" s="12">
        <v>37</v>
      </c>
      <c r="M18" s="12">
        <v>37</v>
      </c>
      <c r="N18" s="12">
        <v>83</v>
      </c>
      <c r="O18" s="12">
        <v>0</v>
      </c>
      <c r="P18" s="12">
        <v>20</v>
      </c>
      <c r="Q18" s="12">
        <v>202</v>
      </c>
      <c r="R18" s="12">
        <v>104</v>
      </c>
    </row>
    <row r="19" spans="1:18" s="4" customFormat="1" x14ac:dyDescent="0.15">
      <c r="A19" s="3"/>
      <c r="B19" s="3" t="s">
        <v>539</v>
      </c>
      <c r="C19" s="12">
        <v>844</v>
      </c>
      <c r="D19" s="12">
        <v>1272</v>
      </c>
      <c r="E19" s="12">
        <v>670</v>
      </c>
      <c r="F19" s="12">
        <v>602</v>
      </c>
      <c r="G19" s="12">
        <v>34</v>
      </c>
      <c r="H19" s="12">
        <v>97</v>
      </c>
      <c r="I19" s="12">
        <v>274</v>
      </c>
      <c r="J19" s="12">
        <v>189</v>
      </c>
      <c r="K19" s="12">
        <v>188</v>
      </c>
      <c r="L19" s="12">
        <v>166</v>
      </c>
      <c r="M19" s="12">
        <v>123</v>
      </c>
      <c r="N19" s="12">
        <v>201</v>
      </c>
      <c r="O19" s="12">
        <v>0</v>
      </c>
      <c r="P19" s="12">
        <v>79</v>
      </c>
      <c r="Q19" s="12">
        <v>935</v>
      </c>
      <c r="R19" s="12">
        <v>258</v>
      </c>
    </row>
    <row r="20" spans="1:18" s="4" customFormat="1" x14ac:dyDescent="0.15">
      <c r="A20" s="3"/>
      <c r="B20" s="3" t="s">
        <v>540</v>
      </c>
      <c r="C20" s="12">
        <v>1219</v>
      </c>
      <c r="D20" s="12">
        <v>2011</v>
      </c>
      <c r="E20" s="12">
        <v>1033</v>
      </c>
      <c r="F20" s="12">
        <v>978</v>
      </c>
      <c r="G20" s="12">
        <v>97</v>
      </c>
      <c r="H20" s="12">
        <v>128</v>
      </c>
      <c r="I20" s="12">
        <v>392</v>
      </c>
      <c r="J20" s="12">
        <v>273</v>
      </c>
      <c r="K20" s="12">
        <v>264</v>
      </c>
      <c r="L20" s="12">
        <v>251</v>
      </c>
      <c r="M20" s="12">
        <v>215</v>
      </c>
      <c r="N20" s="12">
        <v>391</v>
      </c>
      <c r="O20" s="12">
        <v>0</v>
      </c>
      <c r="P20" s="12">
        <v>153</v>
      </c>
      <c r="Q20" s="12">
        <v>1364</v>
      </c>
      <c r="R20" s="12">
        <v>494</v>
      </c>
    </row>
    <row r="21" spans="1:18" s="4" customFormat="1" x14ac:dyDescent="0.15">
      <c r="A21" s="3"/>
      <c r="B21" s="3" t="s">
        <v>541</v>
      </c>
      <c r="C21" s="12">
        <v>443</v>
      </c>
      <c r="D21" s="12">
        <v>799</v>
      </c>
      <c r="E21" s="12">
        <v>410</v>
      </c>
      <c r="F21" s="12">
        <v>389</v>
      </c>
      <c r="G21" s="12">
        <v>48</v>
      </c>
      <c r="H21" s="12">
        <v>47</v>
      </c>
      <c r="I21" s="12">
        <v>109</v>
      </c>
      <c r="J21" s="12">
        <v>102</v>
      </c>
      <c r="K21" s="12">
        <v>109</v>
      </c>
      <c r="L21" s="12">
        <v>99</v>
      </c>
      <c r="M21" s="12">
        <v>112</v>
      </c>
      <c r="N21" s="12">
        <v>173</v>
      </c>
      <c r="O21" s="12">
        <v>0</v>
      </c>
      <c r="P21" s="12">
        <v>70</v>
      </c>
      <c r="Q21" s="12">
        <v>499</v>
      </c>
      <c r="R21" s="12">
        <v>230</v>
      </c>
    </row>
    <row r="22" spans="1:18" s="4" customFormat="1" x14ac:dyDescent="0.15">
      <c r="A22" s="3"/>
      <c r="B22" s="3" t="s">
        <v>542</v>
      </c>
      <c r="C22" s="12">
        <v>714</v>
      </c>
      <c r="D22" s="12">
        <v>1288</v>
      </c>
      <c r="E22" s="12">
        <v>643</v>
      </c>
      <c r="F22" s="12">
        <v>645</v>
      </c>
      <c r="G22" s="12">
        <v>73</v>
      </c>
      <c r="H22" s="12">
        <v>85</v>
      </c>
      <c r="I22" s="12">
        <v>155</v>
      </c>
      <c r="J22" s="12">
        <v>173</v>
      </c>
      <c r="K22" s="12">
        <v>199</v>
      </c>
      <c r="L22" s="12">
        <v>178</v>
      </c>
      <c r="M22" s="12">
        <v>139</v>
      </c>
      <c r="N22" s="12">
        <v>286</v>
      </c>
      <c r="O22" s="12">
        <v>0</v>
      </c>
      <c r="P22" s="12">
        <v>117</v>
      </c>
      <c r="Q22" s="12">
        <v>820</v>
      </c>
      <c r="R22" s="12">
        <v>351</v>
      </c>
    </row>
    <row r="23" spans="1:18" s="4" customFormat="1" x14ac:dyDescent="0.15">
      <c r="A23" s="3"/>
      <c r="B23" s="3" t="s">
        <v>543</v>
      </c>
      <c r="C23" s="12">
        <v>421</v>
      </c>
      <c r="D23" s="12">
        <v>727</v>
      </c>
      <c r="E23" s="12">
        <v>365</v>
      </c>
      <c r="F23" s="12">
        <v>362</v>
      </c>
      <c r="G23" s="12">
        <v>33</v>
      </c>
      <c r="H23" s="12">
        <v>53</v>
      </c>
      <c r="I23" s="12">
        <v>76</v>
      </c>
      <c r="J23" s="12">
        <v>56</v>
      </c>
      <c r="K23" s="12">
        <v>97</v>
      </c>
      <c r="L23" s="12">
        <v>103</v>
      </c>
      <c r="M23" s="12">
        <v>78</v>
      </c>
      <c r="N23" s="12">
        <v>231</v>
      </c>
      <c r="O23" s="12">
        <v>0</v>
      </c>
      <c r="P23" s="12">
        <v>61</v>
      </c>
      <c r="Q23" s="12">
        <v>399</v>
      </c>
      <c r="R23" s="12">
        <v>267</v>
      </c>
    </row>
    <row r="24" spans="1:18" s="4" customFormat="1" x14ac:dyDescent="0.15">
      <c r="A24" s="3"/>
      <c r="B24" s="3" t="s">
        <v>544</v>
      </c>
      <c r="C24" s="12">
        <v>712</v>
      </c>
      <c r="D24" s="12">
        <v>1365</v>
      </c>
      <c r="E24" s="12">
        <v>701</v>
      </c>
      <c r="F24" s="12">
        <v>664</v>
      </c>
      <c r="G24" s="12">
        <v>86</v>
      </c>
      <c r="H24" s="12">
        <v>74</v>
      </c>
      <c r="I24" s="12">
        <v>163</v>
      </c>
      <c r="J24" s="12">
        <v>206</v>
      </c>
      <c r="K24" s="12">
        <v>197</v>
      </c>
      <c r="L24" s="12">
        <v>167</v>
      </c>
      <c r="M24" s="12">
        <v>172</v>
      </c>
      <c r="N24" s="12">
        <v>300</v>
      </c>
      <c r="O24" s="12">
        <v>0</v>
      </c>
      <c r="P24" s="12">
        <v>120</v>
      </c>
      <c r="Q24" s="12">
        <v>872</v>
      </c>
      <c r="R24" s="12">
        <v>373</v>
      </c>
    </row>
    <row r="25" spans="1:18" s="4" customFormat="1" x14ac:dyDescent="0.15">
      <c r="A25" s="3"/>
      <c r="B25" s="3" t="s">
        <v>545</v>
      </c>
      <c r="C25" s="12">
        <v>2817</v>
      </c>
      <c r="D25" s="12">
        <v>5179</v>
      </c>
      <c r="E25" s="12">
        <v>2633</v>
      </c>
      <c r="F25" s="12">
        <v>2546</v>
      </c>
      <c r="G25" s="12">
        <v>385</v>
      </c>
      <c r="H25" s="12">
        <v>373</v>
      </c>
      <c r="I25" s="12">
        <v>756</v>
      </c>
      <c r="J25" s="12">
        <v>760</v>
      </c>
      <c r="K25" s="12">
        <v>673</v>
      </c>
      <c r="L25" s="12">
        <v>698</v>
      </c>
      <c r="M25" s="12">
        <v>520</v>
      </c>
      <c r="N25" s="12">
        <v>1014</v>
      </c>
      <c r="O25" s="12">
        <v>0</v>
      </c>
      <c r="P25" s="12">
        <v>593</v>
      </c>
      <c r="Q25" s="12">
        <v>3322</v>
      </c>
      <c r="R25" s="12">
        <v>1264</v>
      </c>
    </row>
    <row r="26" spans="1:18" s="4" customFormat="1" x14ac:dyDescent="0.15">
      <c r="A26" s="3"/>
      <c r="B26" s="3" t="s">
        <v>546</v>
      </c>
      <c r="C26" s="12">
        <v>628</v>
      </c>
      <c r="D26" s="12">
        <v>966</v>
      </c>
      <c r="E26" s="12">
        <v>515</v>
      </c>
      <c r="F26" s="12">
        <v>451</v>
      </c>
      <c r="G26" s="12">
        <v>46</v>
      </c>
      <c r="H26" s="12">
        <v>36</v>
      </c>
      <c r="I26" s="12">
        <v>176</v>
      </c>
      <c r="J26" s="12">
        <v>153</v>
      </c>
      <c r="K26" s="12">
        <v>123</v>
      </c>
      <c r="L26" s="12">
        <v>146</v>
      </c>
      <c r="M26" s="12">
        <v>103</v>
      </c>
      <c r="N26" s="12">
        <v>183</v>
      </c>
      <c r="O26" s="12">
        <v>0</v>
      </c>
      <c r="P26" s="12">
        <v>63</v>
      </c>
      <c r="Q26" s="12">
        <v>671</v>
      </c>
      <c r="R26" s="12">
        <v>232</v>
      </c>
    </row>
    <row r="27" spans="1:18" s="4" customFormat="1" x14ac:dyDescent="0.15">
      <c r="A27" s="3"/>
      <c r="B27" s="3" t="s">
        <v>547</v>
      </c>
      <c r="C27" s="12">
        <v>630</v>
      </c>
      <c r="D27" s="12">
        <v>1075</v>
      </c>
      <c r="E27" s="12">
        <v>536</v>
      </c>
      <c r="F27" s="12">
        <v>539</v>
      </c>
      <c r="G27" s="12">
        <v>50</v>
      </c>
      <c r="H27" s="12">
        <v>47</v>
      </c>
      <c r="I27" s="12">
        <v>185</v>
      </c>
      <c r="J27" s="12">
        <v>147</v>
      </c>
      <c r="K27" s="12">
        <v>118</v>
      </c>
      <c r="L27" s="12">
        <v>147</v>
      </c>
      <c r="M27" s="12">
        <v>121</v>
      </c>
      <c r="N27" s="12">
        <v>260</v>
      </c>
      <c r="O27" s="12">
        <v>0</v>
      </c>
      <c r="P27" s="12">
        <v>72</v>
      </c>
      <c r="Q27" s="12">
        <v>676</v>
      </c>
      <c r="R27" s="12">
        <v>327</v>
      </c>
    </row>
    <row r="28" spans="1:18" s="4" customFormat="1" x14ac:dyDescent="0.15">
      <c r="A28" s="3"/>
      <c r="B28" s="3" t="s">
        <v>548</v>
      </c>
      <c r="C28" s="12">
        <v>372</v>
      </c>
      <c r="D28" s="12">
        <v>605</v>
      </c>
      <c r="E28" s="12">
        <v>288</v>
      </c>
      <c r="F28" s="12">
        <v>317</v>
      </c>
      <c r="G28" s="12">
        <v>20</v>
      </c>
      <c r="H28" s="12">
        <v>38</v>
      </c>
      <c r="I28" s="12">
        <v>109</v>
      </c>
      <c r="J28" s="12">
        <v>76</v>
      </c>
      <c r="K28" s="12">
        <v>69</v>
      </c>
      <c r="L28" s="12">
        <v>70</v>
      </c>
      <c r="M28" s="12">
        <v>56</v>
      </c>
      <c r="N28" s="12">
        <v>167</v>
      </c>
      <c r="O28" s="12">
        <v>0</v>
      </c>
      <c r="P28" s="12">
        <v>39</v>
      </c>
      <c r="Q28" s="12">
        <v>367</v>
      </c>
      <c r="R28" s="12">
        <v>199</v>
      </c>
    </row>
    <row r="29" spans="1:18" s="4" customFormat="1" x14ac:dyDescent="0.15">
      <c r="A29" s="3"/>
      <c r="B29" s="3" t="s">
        <v>549</v>
      </c>
      <c r="C29" s="12">
        <v>304</v>
      </c>
      <c r="D29" s="12">
        <v>498</v>
      </c>
      <c r="E29" s="12">
        <v>247</v>
      </c>
      <c r="F29" s="12">
        <v>251</v>
      </c>
      <c r="G29" s="12">
        <v>26</v>
      </c>
      <c r="H29" s="12">
        <v>25</v>
      </c>
      <c r="I29" s="12">
        <v>77</v>
      </c>
      <c r="J29" s="12">
        <v>76</v>
      </c>
      <c r="K29" s="12">
        <v>62</v>
      </c>
      <c r="L29" s="12">
        <v>61</v>
      </c>
      <c r="M29" s="12">
        <v>67</v>
      </c>
      <c r="N29" s="12">
        <v>104</v>
      </c>
      <c r="O29" s="12">
        <v>0</v>
      </c>
      <c r="P29" s="12">
        <v>33</v>
      </c>
      <c r="Q29" s="12">
        <v>333</v>
      </c>
      <c r="R29" s="12">
        <v>132</v>
      </c>
    </row>
    <row r="30" spans="1:18" s="4" customFormat="1" x14ac:dyDescent="0.15">
      <c r="A30" s="3"/>
      <c r="B30" s="3" t="s">
        <v>550</v>
      </c>
      <c r="C30" s="12">
        <v>428</v>
      </c>
      <c r="D30" s="12">
        <v>693</v>
      </c>
      <c r="E30" s="12">
        <v>341</v>
      </c>
      <c r="F30" s="12">
        <v>352</v>
      </c>
      <c r="G30" s="12">
        <v>54</v>
      </c>
      <c r="H30" s="12">
        <v>18</v>
      </c>
      <c r="I30" s="12">
        <v>100</v>
      </c>
      <c r="J30" s="12">
        <v>101</v>
      </c>
      <c r="K30" s="12">
        <v>108</v>
      </c>
      <c r="L30" s="12">
        <v>89</v>
      </c>
      <c r="M30" s="12">
        <v>50</v>
      </c>
      <c r="N30" s="12">
        <v>173</v>
      </c>
      <c r="O30" s="12">
        <v>0</v>
      </c>
      <c r="P30" s="12">
        <v>60</v>
      </c>
      <c r="Q30" s="12">
        <v>441</v>
      </c>
      <c r="R30" s="12">
        <v>192</v>
      </c>
    </row>
    <row r="31" spans="1:18" s="4" customFormat="1" x14ac:dyDescent="0.15">
      <c r="A31" s="3"/>
      <c r="B31" s="3" t="s">
        <v>551</v>
      </c>
      <c r="C31" s="12">
        <v>1146</v>
      </c>
      <c r="D31" s="12">
        <v>1810</v>
      </c>
      <c r="E31" s="12">
        <v>1006</v>
      </c>
      <c r="F31" s="12">
        <v>804</v>
      </c>
      <c r="G31" s="12">
        <v>68</v>
      </c>
      <c r="H31" s="12">
        <v>90</v>
      </c>
      <c r="I31" s="12">
        <v>272</v>
      </c>
      <c r="J31" s="12">
        <v>237</v>
      </c>
      <c r="K31" s="12">
        <v>282</v>
      </c>
      <c r="L31" s="12">
        <v>271</v>
      </c>
      <c r="M31" s="12">
        <v>202</v>
      </c>
      <c r="N31" s="12">
        <v>388</v>
      </c>
      <c r="O31" s="12">
        <v>0</v>
      </c>
      <c r="P31" s="12">
        <v>104</v>
      </c>
      <c r="Q31" s="12">
        <v>1219</v>
      </c>
      <c r="R31" s="12">
        <v>487</v>
      </c>
    </row>
    <row r="32" spans="1:18" s="4" customFormat="1" x14ac:dyDescent="0.15">
      <c r="A32" s="3"/>
      <c r="B32" s="3" t="s">
        <v>552</v>
      </c>
      <c r="C32" s="12">
        <v>372</v>
      </c>
      <c r="D32" s="12">
        <v>806</v>
      </c>
      <c r="E32" s="12">
        <v>380</v>
      </c>
      <c r="F32" s="12">
        <v>426</v>
      </c>
      <c r="G32" s="12">
        <v>35</v>
      </c>
      <c r="H32" s="12">
        <v>75</v>
      </c>
      <c r="I32" s="12">
        <v>83</v>
      </c>
      <c r="J32" s="12">
        <v>54</v>
      </c>
      <c r="K32" s="12">
        <v>122</v>
      </c>
      <c r="L32" s="12">
        <v>161</v>
      </c>
      <c r="M32" s="12">
        <v>117</v>
      </c>
      <c r="N32" s="12">
        <v>159</v>
      </c>
      <c r="O32" s="12">
        <v>0</v>
      </c>
      <c r="P32" s="12">
        <v>63</v>
      </c>
      <c r="Q32" s="12">
        <v>542</v>
      </c>
      <c r="R32" s="12">
        <v>201</v>
      </c>
    </row>
    <row r="33" spans="1:18" s="4" customFormat="1" x14ac:dyDescent="0.15">
      <c r="A33" s="3"/>
      <c r="B33" s="3" t="s">
        <v>553</v>
      </c>
      <c r="C33" s="12">
        <v>96</v>
      </c>
      <c r="D33" s="12">
        <v>215</v>
      </c>
      <c r="E33" s="12">
        <v>107</v>
      </c>
      <c r="F33" s="12">
        <v>108</v>
      </c>
      <c r="G33" s="12">
        <v>22</v>
      </c>
      <c r="H33" s="12">
        <v>23</v>
      </c>
      <c r="I33" s="12">
        <v>24</v>
      </c>
      <c r="J33" s="12">
        <v>25</v>
      </c>
      <c r="K33" s="12">
        <v>37</v>
      </c>
      <c r="L33" s="12">
        <v>23</v>
      </c>
      <c r="M33" s="12">
        <v>23</v>
      </c>
      <c r="N33" s="12">
        <v>38</v>
      </c>
      <c r="O33" s="12">
        <v>0</v>
      </c>
      <c r="P33" s="12">
        <v>34</v>
      </c>
      <c r="Q33" s="12">
        <v>129</v>
      </c>
      <c r="R33" s="12">
        <v>52</v>
      </c>
    </row>
    <row r="34" spans="1:18" s="4" customFormat="1" x14ac:dyDescent="0.15">
      <c r="A34" s="3"/>
      <c r="B34" s="3" t="s">
        <v>554</v>
      </c>
      <c r="C34" s="12">
        <v>111</v>
      </c>
      <c r="D34" s="12">
        <v>225</v>
      </c>
      <c r="E34" s="12">
        <v>120</v>
      </c>
      <c r="F34" s="12">
        <v>105</v>
      </c>
      <c r="G34" s="12">
        <v>23</v>
      </c>
      <c r="H34" s="12">
        <v>19</v>
      </c>
      <c r="I34" s="12">
        <v>41</v>
      </c>
      <c r="J34" s="12">
        <v>29</v>
      </c>
      <c r="K34" s="12">
        <v>32</v>
      </c>
      <c r="L34" s="12">
        <v>14</v>
      </c>
      <c r="M34" s="12">
        <v>24</v>
      </c>
      <c r="N34" s="12">
        <v>43</v>
      </c>
      <c r="O34" s="12">
        <v>0</v>
      </c>
      <c r="P34" s="12">
        <v>34</v>
      </c>
      <c r="Q34" s="12">
        <v>139</v>
      </c>
      <c r="R34" s="12">
        <v>52</v>
      </c>
    </row>
    <row r="35" spans="1:18" s="4" customFormat="1" x14ac:dyDescent="0.15">
      <c r="A35" s="3"/>
      <c r="B35" s="3" t="s">
        <v>555</v>
      </c>
      <c r="C35" s="12">
        <v>158</v>
      </c>
      <c r="D35" s="12">
        <v>274</v>
      </c>
      <c r="E35" s="12">
        <v>141</v>
      </c>
      <c r="F35" s="12">
        <v>133</v>
      </c>
      <c r="G35" s="12">
        <v>10</v>
      </c>
      <c r="H35" s="12">
        <v>9</v>
      </c>
      <c r="I35" s="12">
        <v>26</v>
      </c>
      <c r="J35" s="12">
        <v>29</v>
      </c>
      <c r="K35" s="12">
        <v>37</v>
      </c>
      <c r="L35" s="12">
        <v>44</v>
      </c>
      <c r="M35" s="12">
        <v>39</v>
      </c>
      <c r="N35" s="12">
        <v>80</v>
      </c>
      <c r="O35" s="12">
        <v>0</v>
      </c>
      <c r="P35" s="12">
        <v>13</v>
      </c>
      <c r="Q35" s="12">
        <v>163</v>
      </c>
      <c r="R35" s="12">
        <v>98</v>
      </c>
    </row>
    <row r="36" spans="1:18" s="4" customFormat="1" x14ac:dyDescent="0.15">
      <c r="A36" s="3"/>
      <c r="B36" s="3" t="s">
        <v>556</v>
      </c>
      <c r="C36" s="12">
        <v>371</v>
      </c>
      <c r="D36" s="12">
        <v>690</v>
      </c>
      <c r="E36" s="12">
        <v>340</v>
      </c>
      <c r="F36" s="12">
        <v>350</v>
      </c>
      <c r="G36" s="12">
        <v>42</v>
      </c>
      <c r="H36" s="12">
        <v>42</v>
      </c>
      <c r="I36" s="12">
        <v>87</v>
      </c>
      <c r="J36" s="12">
        <v>89</v>
      </c>
      <c r="K36" s="12">
        <v>80</v>
      </c>
      <c r="L36" s="12">
        <v>114</v>
      </c>
      <c r="M36" s="12">
        <v>67</v>
      </c>
      <c r="N36" s="12">
        <v>169</v>
      </c>
      <c r="O36" s="12">
        <v>0</v>
      </c>
      <c r="P36" s="12">
        <v>64</v>
      </c>
      <c r="Q36" s="12">
        <v>425</v>
      </c>
      <c r="R36" s="12">
        <v>201</v>
      </c>
    </row>
    <row r="37" spans="1:18" s="4" customFormat="1" x14ac:dyDescent="0.15">
      <c r="A37" s="3"/>
      <c r="B37" s="3" t="s">
        <v>557</v>
      </c>
      <c r="C37" s="12">
        <v>418</v>
      </c>
      <c r="D37" s="12">
        <v>790</v>
      </c>
      <c r="E37" s="12">
        <v>407</v>
      </c>
      <c r="F37" s="12">
        <v>383</v>
      </c>
      <c r="G37" s="12">
        <v>56</v>
      </c>
      <c r="H37" s="12">
        <v>49</v>
      </c>
      <c r="I37" s="12">
        <v>92</v>
      </c>
      <c r="J37" s="12">
        <v>92</v>
      </c>
      <c r="K37" s="12">
        <v>94</v>
      </c>
      <c r="L37" s="12">
        <v>131</v>
      </c>
      <c r="M37" s="12">
        <v>100</v>
      </c>
      <c r="N37" s="12">
        <v>176</v>
      </c>
      <c r="O37" s="12">
        <v>0</v>
      </c>
      <c r="P37" s="12">
        <v>79</v>
      </c>
      <c r="Q37" s="12">
        <v>491</v>
      </c>
      <c r="R37" s="12">
        <v>220</v>
      </c>
    </row>
    <row r="38" spans="1:18" s="4" customFormat="1" x14ac:dyDescent="0.15">
      <c r="A38" s="3"/>
      <c r="B38" s="3" t="s">
        <v>558</v>
      </c>
      <c r="C38" s="12">
        <v>912</v>
      </c>
      <c r="D38" s="12">
        <v>1697</v>
      </c>
      <c r="E38" s="12">
        <v>860</v>
      </c>
      <c r="F38" s="12">
        <v>837</v>
      </c>
      <c r="G38" s="12">
        <v>141</v>
      </c>
      <c r="H38" s="12">
        <v>97</v>
      </c>
      <c r="I38" s="12">
        <v>205</v>
      </c>
      <c r="J38" s="12">
        <v>229</v>
      </c>
      <c r="K38" s="12">
        <v>266</v>
      </c>
      <c r="L38" s="12">
        <v>234</v>
      </c>
      <c r="M38" s="12">
        <v>191</v>
      </c>
      <c r="N38" s="12">
        <v>334</v>
      </c>
      <c r="O38" s="12">
        <v>0</v>
      </c>
      <c r="P38" s="12">
        <v>189</v>
      </c>
      <c r="Q38" s="12">
        <v>1078</v>
      </c>
      <c r="R38" s="12">
        <v>430</v>
      </c>
    </row>
    <row r="39" spans="1:18" s="4" customFormat="1" x14ac:dyDescent="0.15">
      <c r="A39" s="3"/>
      <c r="B39" s="3" t="s">
        <v>559</v>
      </c>
      <c r="C39" s="12">
        <v>320</v>
      </c>
      <c r="D39" s="12">
        <v>576</v>
      </c>
      <c r="E39" s="12">
        <v>294</v>
      </c>
      <c r="F39" s="12">
        <v>282</v>
      </c>
      <c r="G39" s="12">
        <v>37</v>
      </c>
      <c r="H39" s="12">
        <v>31</v>
      </c>
      <c r="I39" s="12">
        <v>99</v>
      </c>
      <c r="J39" s="12">
        <v>73</v>
      </c>
      <c r="K39" s="12">
        <v>74</v>
      </c>
      <c r="L39" s="12">
        <v>80</v>
      </c>
      <c r="M39" s="12">
        <v>60</v>
      </c>
      <c r="N39" s="12">
        <v>122</v>
      </c>
      <c r="O39" s="12">
        <v>0</v>
      </c>
      <c r="P39" s="12">
        <v>51</v>
      </c>
      <c r="Q39" s="12">
        <v>374</v>
      </c>
      <c r="R39" s="12">
        <v>151</v>
      </c>
    </row>
    <row r="40" spans="1:18" s="4" customFormat="1" x14ac:dyDescent="0.15">
      <c r="A40" s="3"/>
      <c r="B40" s="3" t="s">
        <v>560</v>
      </c>
      <c r="C40" s="12">
        <v>499</v>
      </c>
      <c r="D40" s="12">
        <v>1017</v>
      </c>
      <c r="E40" s="12">
        <v>536</v>
      </c>
      <c r="F40" s="12">
        <v>481</v>
      </c>
      <c r="G40" s="12">
        <v>87</v>
      </c>
      <c r="H40" s="12">
        <v>101</v>
      </c>
      <c r="I40" s="12">
        <v>109</v>
      </c>
      <c r="J40" s="12">
        <v>114</v>
      </c>
      <c r="K40" s="12">
        <v>168</v>
      </c>
      <c r="L40" s="12">
        <v>122</v>
      </c>
      <c r="M40" s="12">
        <v>95</v>
      </c>
      <c r="N40" s="12">
        <v>221</v>
      </c>
      <c r="O40" s="12">
        <v>0</v>
      </c>
      <c r="P40" s="12">
        <v>141</v>
      </c>
      <c r="Q40" s="12">
        <v>602</v>
      </c>
      <c r="R40" s="12">
        <v>274</v>
      </c>
    </row>
    <row r="41" spans="1:18" s="4" customFormat="1" x14ac:dyDescent="0.15">
      <c r="A41" s="3"/>
      <c r="B41" s="3" t="s">
        <v>561</v>
      </c>
      <c r="C41" s="12">
        <v>132</v>
      </c>
      <c r="D41" s="12">
        <v>200</v>
      </c>
      <c r="E41" s="12">
        <v>112</v>
      </c>
      <c r="F41" s="12">
        <v>88</v>
      </c>
      <c r="G41" s="12">
        <v>6</v>
      </c>
      <c r="H41" s="12">
        <v>6</v>
      </c>
      <c r="I41" s="12">
        <v>30</v>
      </c>
      <c r="J41" s="12">
        <v>27</v>
      </c>
      <c r="K41" s="12">
        <v>41</v>
      </c>
      <c r="L41" s="12">
        <v>38</v>
      </c>
      <c r="M41" s="12">
        <v>28</v>
      </c>
      <c r="N41" s="12">
        <v>24</v>
      </c>
      <c r="O41" s="12">
        <v>0</v>
      </c>
      <c r="P41" s="12">
        <v>8</v>
      </c>
      <c r="Q41" s="12">
        <v>153</v>
      </c>
      <c r="R41" s="12">
        <v>39</v>
      </c>
    </row>
    <row r="42" spans="1:18" s="4" customFormat="1" x14ac:dyDescent="0.15">
      <c r="A42" s="3"/>
      <c r="B42" s="3" t="s">
        <v>562</v>
      </c>
      <c r="C42" s="12">
        <v>245</v>
      </c>
      <c r="D42" s="12">
        <v>456</v>
      </c>
      <c r="E42" s="12">
        <v>224</v>
      </c>
      <c r="F42" s="12">
        <v>232</v>
      </c>
      <c r="G42" s="12">
        <v>23</v>
      </c>
      <c r="H42" s="12">
        <v>23</v>
      </c>
      <c r="I42" s="12">
        <v>79</v>
      </c>
      <c r="J42" s="12">
        <v>50</v>
      </c>
      <c r="K42" s="12">
        <v>60</v>
      </c>
      <c r="L42" s="12">
        <v>67</v>
      </c>
      <c r="M42" s="12">
        <v>56</v>
      </c>
      <c r="N42" s="12">
        <v>98</v>
      </c>
      <c r="O42" s="12">
        <v>0</v>
      </c>
      <c r="P42" s="12">
        <v>33</v>
      </c>
      <c r="Q42" s="12">
        <v>296</v>
      </c>
      <c r="R42" s="12">
        <v>127</v>
      </c>
    </row>
    <row r="43" spans="1:18" s="4" customFormat="1" x14ac:dyDescent="0.15">
      <c r="A43" s="3"/>
      <c r="B43" s="3" t="s">
        <v>563</v>
      </c>
      <c r="C43" s="12">
        <v>511</v>
      </c>
      <c r="D43" s="12">
        <v>935</v>
      </c>
      <c r="E43" s="12">
        <v>492</v>
      </c>
      <c r="F43" s="12">
        <v>443</v>
      </c>
      <c r="G43" s="12">
        <v>41</v>
      </c>
      <c r="H43" s="12">
        <v>51</v>
      </c>
      <c r="I43" s="12">
        <v>103</v>
      </c>
      <c r="J43" s="12">
        <v>82</v>
      </c>
      <c r="K43" s="12">
        <v>126</v>
      </c>
      <c r="L43" s="12">
        <v>108</v>
      </c>
      <c r="M43" s="12">
        <v>137</v>
      </c>
      <c r="N43" s="12">
        <v>287</v>
      </c>
      <c r="O43" s="12">
        <v>0</v>
      </c>
      <c r="P43" s="12">
        <v>63</v>
      </c>
      <c r="Q43" s="12">
        <v>514</v>
      </c>
      <c r="R43" s="12">
        <v>358</v>
      </c>
    </row>
    <row r="44" spans="1:18" s="4" customFormat="1" x14ac:dyDescent="0.15">
      <c r="A44" s="3"/>
      <c r="B44" s="3" t="s">
        <v>564</v>
      </c>
      <c r="C44" s="12">
        <v>167</v>
      </c>
      <c r="D44" s="12">
        <v>286</v>
      </c>
      <c r="E44" s="12">
        <v>141</v>
      </c>
      <c r="F44" s="12">
        <v>145</v>
      </c>
      <c r="G44" s="12">
        <v>16</v>
      </c>
      <c r="H44" s="12">
        <v>12</v>
      </c>
      <c r="I44" s="12">
        <v>64</v>
      </c>
      <c r="J44" s="12">
        <v>38</v>
      </c>
      <c r="K44" s="12">
        <v>30</v>
      </c>
      <c r="L44" s="12">
        <v>35</v>
      </c>
      <c r="M44" s="12">
        <v>28</v>
      </c>
      <c r="N44" s="12">
        <v>63</v>
      </c>
      <c r="O44" s="12">
        <v>0</v>
      </c>
      <c r="P44" s="12">
        <v>24</v>
      </c>
      <c r="Q44" s="12">
        <v>183</v>
      </c>
      <c r="R44" s="12">
        <v>79</v>
      </c>
    </row>
    <row r="45" spans="1:18" s="4" customFormat="1" x14ac:dyDescent="0.15">
      <c r="A45" s="3"/>
      <c r="B45" s="3" t="s">
        <v>565</v>
      </c>
      <c r="C45" s="12">
        <v>751</v>
      </c>
      <c r="D45" s="12">
        <v>1181</v>
      </c>
      <c r="E45" s="12">
        <v>610</v>
      </c>
      <c r="F45" s="12">
        <v>571</v>
      </c>
      <c r="G45" s="12">
        <v>50</v>
      </c>
      <c r="H45" s="12">
        <v>39</v>
      </c>
      <c r="I45" s="12">
        <v>255</v>
      </c>
      <c r="J45" s="12">
        <v>180</v>
      </c>
      <c r="K45" s="12">
        <v>132</v>
      </c>
      <c r="L45" s="12">
        <v>138</v>
      </c>
      <c r="M45" s="12">
        <v>120</v>
      </c>
      <c r="N45" s="12">
        <v>267</v>
      </c>
      <c r="O45" s="12">
        <v>0</v>
      </c>
      <c r="P45" s="12">
        <v>67</v>
      </c>
      <c r="Q45" s="12">
        <v>785</v>
      </c>
      <c r="R45" s="12">
        <v>329</v>
      </c>
    </row>
    <row r="46" spans="1:18" s="4" customFormat="1" x14ac:dyDescent="0.15">
      <c r="A46" s="3"/>
      <c r="B46" s="3" t="s">
        <v>566</v>
      </c>
      <c r="C46" s="12">
        <v>700</v>
      </c>
      <c r="D46" s="12">
        <v>1179</v>
      </c>
      <c r="E46" s="12">
        <v>570</v>
      </c>
      <c r="F46" s="12">
        <v>609</v>
      </c>
      <c r="G46" s="12">
        <v>65</v>
      </c>
      <c r="H46" s="12">
        <v>63</v>
      </c>
      <c r="I46" s="12">
        <v>213</v>
      </c>
      <c r="J46" s="12">
        <v>170</v>
      </c>
      <c r="K46" s="12">
        <v>165</v>
      </c>
      <c r="L46" s="12">
        <v>150</v>
      </c>
      <c r="M46" s="12">
        <v>117</v>
      </c>
      <c r="N46" s="12">
        <v>236</v>
      </c>
      <c r="O46" s="12">
        <v>0</v>
      </c>
      <c r="P46" s="12">
        <v>97</v>
      </c>
      <c r="Q46" s="12">
        <v>784</v>
      </c>
      <c r="R46" s="12">
        <v>298</v>
      </c>
    </row>
    <row r="47" spans="1:18" s="4" customFormat="1" x14ac:dyDescent="0.15">
      <c r="A47" s="3"/>
      <c r="B47" s="3" t="s">
        <v>567</v>
      </c>
      <c r="C47" s="12">
        <v>1174</v>
      </c>
      <c r="D47" s="12">
        <v>2179</v>
      </c>
      <c r="E47" s="12">
        <v>1106</v>
      </c>
      <c r="F47" s="12">
        <v>1073</v>
      </c>
      <c r="G47" s="12">
        <v>142</v>
      </c>
      <c r="H47" s="12">
        <v>175</v>
      </c>
      <c r="I47" s="12">
        <v>339</v>
      </c>
      <c r="J47" s="12">
        <v>296</v>
      </c>
      <c r="K47" s="12">
        <v>271</v>
      </c>
      <c r="L47" s="12">
        <v>292</v>
      </c>
      <c r="M47" s="12">
        <v>230</v>
      </c>
      <c r="N47" s="12">
        <v>434</v>
      </c>
      <c r="O47" s="12">
        <v>0</v>
      </c>
      <c r="P47" s="12">
        <v>235</v>
      </c>
      <c r="Q47" s="12">
        <v>1380</v>
      </c>
      <c r="R47" s="12">
        <v>564</v>
      </c>
    </row>
    <row r="48" spans="1:18" s="4" customFormat="1" x14ac:dyDescent="0.15">
      <c r="A48" s="3"/>
      <c r="B48" s="3" t="s">
        <v>568</v>
      </c>
      <c r="C48" s="12">
        <v>283</v>
      </c>
      <c r="D48" s="12">
        <v>484</v>
      </c>
      <c r="E48" s="12">
        <v>241</v>
      </c>
      <c r="F48" s="12">
        <v>243</v>
      </c>
      <c r="G48" s="12">
        <v>13</v>
      </c>
      <c r="H48" s="12">
        <v>28</v>
      </c>
      <c r="I48" s="12">
        <v>56</v>
      </c>
      <c r="J48" s="12">
        <v>46</v>
      </c>
      <c r="K48" s="12">
        <v>75</v>
      </c>
      <c r="L48" s="12">
        <v>59</v>
      </c>
      <c r="M48" s="12">
        <v>53</v>
      </c>
      <c r="N48" s="12">
        <v>154</v>
      </c>
      <c r="O48" s="12">
        <v>0</v>
      </c>
      <c r="P48" s="12">
        <v>26</v>
      </c>
      <c r="Q48" s="12">
        <v>279</v>
      </c>
      <c r="R48" s="12">
        <v>179</v>
      </c>
    </row>
    <row r="49" spans="1:18" s="4" customFormat="1" x14ac:dyDescent="0.15">
      <c r="A49" s="3"/>
      <c r="B49" s="3" t="s">
        <v>569</v>
      </c>
      <c r="C49" s="12">
        <v>509</v>
      </c>
      <c r="D49" s="12">
        <v>977</v>
      </c>
      <c r="E49" s="12">
        <v>510</v>
      </c>
      <c r="F49" s="12">
        <v>467</v>
      </c>
      <c r="G49" s="12">
        <v>69</v>
      </c>
      <c r="H49" s="12">
        <v>74</v>
      </c>
      <c r="I49" s="12">
        <v>117</v>
      </c>
      <c r="J49" s="12">
        <v>109</v>
      </c>
      <c r="K49" s="12">
        <v>131</v>
      </c>
      <c r="L49" s="12">
        <v>128</v>
      </c>
      <c r="M49" s="12">
        <v>107</v>
      </c>
      <c r="N49" s="12">
        <v>242</v>
      </c>
      <c r="O49" s="12">
        <v>0</v>
      </c>
      <c r="P49" s="12">
        <v>107</v>
      </c>
      <c r="Q49" s="12">
        <v>575</v>
      </c>
      <c r="R49" s="12">
        <v>295</v>
      </c>
    </row>
    <row r="50" spans="1:18" s="4" customFormat="1" x14ac:dyDescent="0.15">
      <c r="A50" s="3"/>
      <c r="B50" s="3" t="s">
        <v>570</v>
      </c>
      <c r="C50" s="12">
        <v>1000</v>
      </c>
      <c r="D50" s="12">
        <v>2122</v>
      </c>
      <c r="E50" s="12">
        <v>1099</v>
      </c>
      <c r="F50" s="12">
        <v>1023</v>
      </c>
      <c r="G50" s="12">
        <v>185</v>
      </c>
      <c r="H50" s="12">
        <v>160</v>
      </c>
      <c r="I50" s="12">
        <v>240</v>
      </c>
      <c r="J50" s="12">
        <v>301</v>
      </c>
      <c r="K50" s="12">
        <v>331</v>
      </c>
      <c r="L50" s="12">
        <v>273</v>
      </c>
      <c r="M50" s="12">
        <v>232</v>
      </c>
      <c r="N50" s="12">
        <v>400</v>
      </c>
      <c r="O50" s="12">
        <v>0</v>
      </c>
      <c r="P50" s="12">
        <v>264</v>
      </c>
      <c r="Q50" s="12">
        <v>1333</v>
      </c>
      <c r="R50" s="12">
        <v>525</v>
      </c>
    </row>
    <row r="51" spans="1:18" s="4" customFormat="1" x14ac:dyDescent="0.15">
      <c r="A51" s="3"/>
      <c r="B51" s="3" t="s">
        <v>571</v>
      </c>
      <c r="C51" s="12">
        <v>415</v>
      </c>
      <c r="D51" s="12">
        <v>766</v>
      </c>
      <c r="E51" s="12">
        <v>394</v>
      </c>
      <c r="F51" s="12">
        <v>372</v>
      </c>
      <c r="G51" s="12">
        <v>55</v>
      </c>
      <c r="H51" s="12">
        <v>55</v>
      </c>
      <c r="I51" s="12">
        <v>93</v>
      </c>
      <c r="J51" s="12">
        <v>74</v>
      </c>
      <c r="K51" s="12">
        <v>109</v>
      </c>
      <c r="L51" s="12">
        <v>91</v>
      </c>
      <c r="M51" s="12">
        <v>88</v>
      </c>
      <c r="N51" s="12">
        <v>201</v>
      </c>
      <c r="O51" s="12">
        <v>0</v>
      </c>
      <c r="P51" s="12">
        <v>86</v>
      </c>
      <c r="Q51" s="12">
        <v>431</v>
      </c>
      <c r="R51" s="12">
        <v>249</v>
      </c>
    </row>
    <row r="52" spans="1:18" s="4" customFormat="1" x14ac:dyDescent="0.15">
      <c r="A52" s="3"/>
      <c r="B52" s="3" t="s">
        <v>572</v>
      </c>
      <c r="C52" s="12">
        <v>614</v>
      </c>
      <c r="D52" s="12">
        <v>1195</v>
      </c>
      <c r="E52" s="12">
        <v>621</v>
      </c>
      <c r="F52" s="12">
        <v>574</v>
      </c>
      <c r="G52" s="12">
        <v>128</v>
      </c>
      <c r="H52" s="12">
        <v>86</v>
      </c>
      <c r="I52" s="12">
        <v>133</v>
      </c>
      <c r="J52" s="12">
        <v>149</v>
      </c>
      <c r="K52" s="12">
        <v>167</v>
      </c>
      <c r="L52" s="12">
        <v>155</v>
      </c>
      <c r="M52" s="12">
        <v>135</v>
      </c>
      <c r="N52" s="12">
        <v>242</v>
      </c>
      <c r="O52" s="12">
        <v>0</v>
      </c>
      <c r="P52" s="12">
        <v>173</v>
      </c>
      <c r="Q52" s="12">
        <v>714</v>
      </c>
      <c r="R52" s="12">
        <v>308</v>
      </c>
    </row>
    <row r="53" spans="1:18" s="4" customFormat="1" x14ac:dyDescent="0.15">
      <c r="A53" s="3"/>
      <c r="B53" s="3" t="s">
        <v>573</v>
      </c>
      <c r="C53" s="12">
        <v>615</v>
      </c>
      <c r="D53" s="12">
        <v>1211</v>
      </c>
      <c r="E53" s="12">
        <v>629</v>
      </c>
      <c r="F53" s="12">
        <v>582</v>
      </c>
      <c r="G53" s="12">
        <v>88</v>
      </c>
      <c r="H53" s="12">
        <v>89</v>
      </c>
      <c r="I53" s="12">
        <v>147</v>
      </c>
      <c r="J53" s="12">
        <v>123</v>
      </c>
      <c r="K53" s="12">
        <v>167</v>
      </c>
      <c r="L53" s="12">
        <v>155</v>
      </c>
      <c r="M53" s="12">
        <v>159</v>
      </c>
      <c r="N53" s="12">
        <v>283</v>
      </c>
      <c r="O53" s="12">
        <v>0</v>
      </c>
      <c r="P53" s="12">
        <v>137</v>
      </c>
      <c r="Q53" s="12">
        <v>704</v>
      </c>
      <c r="R53" s="12">
        <v>370</v>
      </c>
    </row>
    <row r="54" spans="1:18" s="4" customFormat="1" x14ac:dyDescent="0.15">
      <c r="A54" s="3"/>
      <c r="B54" s="3" t="s">
        <v>574</v>
      </c>
      <c r="C54" s="12">
        <v>1094</v>
      </c>
      <c r="D54" s="12">
        <v>1762</v>
      </c>
      <c r="E54" s="12">
        <v>881</v>
      </c>
      <c r="F54" s="12">
        <v>881</v>
      </c>
      <c r="G54" s="12">
        <v>114</v>
      </c>
      <c r="H54" s="12">
        <v>101</v>
      </c>
      <c r="I54" s="12">
        <v>302</v>
      </c>
      <c r="J54" s="12">
        <v>284</v>
      </c>
      <c r="K54" s="12">
        <v>235</v>
      </c>
      <c r="L54" s="12">
        <v>205</v>
      </c>
      <c r="M54" s="12">
        <v>189</v>
      </c>
      <c r="N54" s="12">
        <v>332</v>
      </c>
      <c r="O54" s="12">
        <v>0</v>
      </c>
      <c r="P54" s="12">
        <v>167</v>
      </c>
      <c r="Q54" s="12">
        <v>1148</v>
      </c>
      <c r="R54" s="12">
        <v>447</v>
      </c>
    </row>
    <row r="55" spans="1:18" s="4" customFormat="1" x14ac:dyDescent="0.15">
      <c r="A55" s="3"/>
      <c r="B55" s="3" t="s">
        <v>575</v>
      </c>
      <c r="C55" s="12">
        <v>317</v>
      </c>
      <c r="D55" s="12">
        <v>662</v>
      </c>
      <c r="E55" s="12">
        <v>353</v>
      </c>
      <c r="F55" s="12">
        <v>309</v>
      </c>
      <c r="G55" s="12">
        <v>53</v>
      </c>
      <c r="H55" s="12">
        <v>60</v>
      </c>
      <c r="I55" s="12">
        <v>70</v>
      </c>
      <c r="J55" s="12">
        <v>72</v>
      </c>
      <c r="K55" s="12">
        <v>90</v>
      </c>
      <c r="L55" s="12">
        <v>84</v>
      </c>
      <c r="M55" s="12">
        <v>71</v>
      </c>
      <c r="N55" s="12">
        <v>162</v>
      </c>
      <c r="O55" s="12">
        <v>0</v>
      </c>
      <c r="P55" s="12">
        <v>81</v>
      </c>
      <c r="Q55" s="12">
        <v>380</v>
      </c>
      <c r="R55" s="12">
        <v>201</v>
      </c>
    </row>
    <row r="56" spans="1:18" s="4" customFormat="1" x14ac:dyDescent="0.15">
      <c r="A56" s="3"/>
      <c r="B56" s="3" t="s">
        <v>576</v>
      </c>
      <c r="C56" s="12">
        <v>363</v>
      </c>
      <c r="D56" s="12">
        <v>599</v>
      </c>
      <c r="E56" s="12">
        <v>306</v>
      </c>
      <c r="F56" s="12">
        <v>293</v>
      </c>
      <c r="G56" s="12">
        <v>31</v>
      </c>
      <c r="H56" s="12">
        <v>32</v>
      </c>
      <c r="I56" s="12">
        <v>107</v>
      </c>
      <c r="J56" s="12">
        <v>66</v>
      </c>
      <c r="K56" s="12">
        <v>79</v>
      </c>
      <c r="L56" s="12">
        <v>82</v>
      </c>
      <c r="M56" s="12">
        <v>66</v>
      </c>
      <c r="N56" s="12">
        <v>136</v>
      </c>
      <c r="O56" s="12">
        <v>0</v>
      </c>
      <c r="P56" s="12">
        <v>43</v>
      </c>
      <c r="Q56" s="12">
        <v>387</v>
      </c>
      <c r="R56" s="12">
        <v>169</v>
      </c>
    </row>
    <row r="57" spans="1:18" s="4" customFormat="1" x14ac:dyDescent="0.15">
      <c r="A57" s="3"/>
      <c r="B57" s="3" t="s">
        <v>577</v>
      </c>
      <c r="C57" s="12">
        <v>382</v>
      </c>
      <c r="D57" s="12">
        <v>879</v>
      </c>
      <c r="E57" s="12">
        <v>447</v>
      </c>
      <c r="F57" s="12">
        <v>432</v>
      </c>
      <c r="G57" s="12">
        <v>92</v>
      </c>
      <c r="H57" s="12">
        <v>102</v>
      </c>
      <c r="I57" s="12">
        <v>93</v>
      </c>
      <c r="J57" s="12">
        <v>114</v>
      </c>
      <c r="K57" s="12">
        <v>143</v>
      </c>
      <c r="L57" s="12">
        <v>116</v>
      </c>
      <c r="M57" s="12">
        <v>83</v>
      </c>
      <c r="N57" s="12">
        <v>136</v>
      </c>
      <c r="O57" s="12">
        <v>0</v>
      </c>
      <c r="P57" s="12">
        <v>147</v>
      </c>
      <c r="Q57" s="12">
        <v>554</v>
      </c>
      <c r="R57" s="12">
        <v>178</v>
      </c>
    </row>
    <row r="58" spans="1:18" s="4" customFormat="1" x14ac:dyDescent="0.15">
      <c r="A58" s="3"/>
      <c r="B58" s="3" t="s">
        <v>578</v>
      </c>
      <c r="C58" s="12">
        <v>444</v>
      </c>
      <c r="D58" s="12">
        <v>706</v>
      </c>
      <c r="E58" s="12">
        <v>370</v>
      </c>
      <c r="F58" s="12">
        <v>336</v>
      </c>
      <c r="G58" s="12">
        <v>40</v>
      </c>
      <c r="H58" s="12">
        <v>41</v>
      </c>
      <c r="I58" s="12">
        <v>109</v>
      </c>
      <c r="J58" s="12">
        <v>127</v>
      </c>
      <c r="K58" s="12">
        <v>84</v>
      </c>
      <c r="L58" s="12">
        <v>88</v>
      </c>
      <c r="M58" s="12">
        <v>68</v>
      </c>
      <c r="N58" s="12">
        <v>149</v>
      </c>
      <c r="O58" s="12">
        <v>0</v>
      </c>
      <c r="P58" s="12">
        <v>62</v>
      </c>
      <c r="Q58" s="12">
        <v>459</v>
      </c>
      <c r="R58" s="12">
        <v>185</v>
      </c>
    </row>
    <row r="59" spans="1:18" s="4" customFormat="1" x14ac:dyDescent="0.15">
      <c r="A59" s="3"/>
      <c r="B59" s="3" t="s">
        <v>579</v>
      </c>
      <c r="C59" s="12">
        <v>1445</v>
      </c>
      <c r="D59" s="12">
        <v>2144</v>
      </c>
      <c r="E59" s="12">
        <v>1030</v>
      </c>
      <c r="F59" s="12">
        <v>1114</v>
      </c>
      <c r="G59" s="12">
        <v>65</v>
      </c>
      <c r="H59" s="12">
        <v>109</v>
      </c>
      <c r="I59" s="12">
        <v>424</v>
      </c>
      <c r="J59" s="12">
        <v>294</v>
      </c>
      <c r="K59" s="12">
        <v>322</v>
      </c>
      <c r="L59" s="12">
        <v>302</v>
      </c>
      <c r="M59" s="12">
        <v>234</v>
      </c>
      <c r="N59" s="12">
        <v>394</v>
      </c>
      <c r="O59" s="12">
        <v>0</v>
      </c>
      <c r="P59" s="12">
        <v>117</v>
      </c>
      <c r="Q59" s="12">
        <v>1520</v>
      </c>
      <c r="R59" s="12">
        <v>507</v>
      </c>
    </row>
    <row r="60" spans="1:18" s="4" customFormat="1" x14ac:dyDescent="0.15">
      <c r="A60" s="3"/>
      <c r="B60" s="3" t="s">
        <v>580</v>
      </c>
      <c r="C60" s="12">
        <v>326</v>
      </c>
      <c r="D60" s="12">
        <v>477</v>
      </c>
      <c r="E60" s="12">
        <v>248</v>
      </c>
      <c r="F60" s="12">
        <v>229</v>
      </c>
      <c r="G60" s="12">
        <v>14</v>
      </c>
      <c r="H60" s="12">
        <v>10</v>
      </c>
      <c r="I60" s="12">
        <v>81</v>
      </c>
      <c r="J60" s="12">
        <v>67</v>
      </c>
      <c r="K60" s="12">
        <v>46</v>
      </c>
      <c r="L60" s="12">
        <v>65</v>
      </c>
      <c r="M60" s="12">
        <v>41</v>
      </c>
      <c r="N60" s="12">
        <v>153</v>
      </c>
      <c r="O60" s="12">
        <v>0</v>
      </c>
      <c r="P60" s="12">
        <v>16</v>
      </c>
      <c r="Q60" s="12">
        <v>290</v>
      </c>
      <c r="R60" s="12">
        <v>171</v>
      </c>
    </row>
    <row r="61" spans="1:18" s="4" customFormat="1" x14ac:dyDescent="0.15">
      <c r="A61" s="3"/>
      <c r="B61" s="3" t="s">
        <v>581</v>
      </c>
      <c r="C61" s="12">
        <v>151</v>
      </c>
      <c r="D61" s="12">
        <v>277</v>
      </c>
      <c r="E61" s="12">
        <v>140</v>
      </c>
      <c r="F61" s="12">
        <v>137</v>
      </c>
      <c r="G61" s="12">
        <v>9</v>
      </c>
      <c r="H61" s="12">
        <v>14</v>
      </c>
      <c r="I61" s="12">
        <v>36</v>
      </c>
      <c r="J61" s="12">
        <v>32</v>
      </c>
      <c r="K61" s="12">
        <v>20</v>
      </c>
      <c r="L61" s="12">
        <v>39</v>
      </c>
      <c r="M61" s="12">
        <v>40</v>
      </c>
      <c r="N61" s="12">
        <v>87</v>
      </c>
      <c r="O61" s="12">
        <v>0</v>
      </c>
      <c r="P61" s="12">
        <v>12</v>
      </c>
      <c r="Q61" s="12">
        <v>152</v>
      </c>
      <c r="R61" s="12">
        <v>113</v>
      </c>
    </row>
    <row r="62" spans="1:18" s="4" customFormat="1" x14ac:dyDescent="0.15">
      <c r="A62" s="3"/>
      <c r="B62" s="3" t="s">
        <v>582</v>
      </c>
      <c r="C62" s="12">
        <v>578</v>
      </c>
      <c r="D62" s="12">
        <v>1398</v>
      </c>
      <c r="E62" s="12">
        <v>720</v>
      </c>
      <c r="F62" s="12">
        <v>678</v>
      </c>
      <c r="G62" s="12">
        <v>306</v>
      </c>
      <c r="H62" s="12">
        <v>73</v>
      </c>
      <c r="I62" s="12">
        <v>240</v>
      </c>
      <c r="J62" s="12">
        <v>458</v>
      </c>
      <c r="K62" s="12">
        <v>132</v>
      </c>
      <c r="L62" s="12">
        <v>55</v>
      </c>
      <c r="M62" s="12">
        <v>48</v>
      </c>
      <c r="N62" s="12">
        <v>86</v>
      </c>
      <c r="O62" s="12">
        <v>0</v>
      </c>
      <c r="P62" s="12">
        <v>341</v>
      </c>
      <c r="Q62" s="12">
        <v>949</v>
      </c>
      <c r="R62" s="12">
        <v>108</v>
      </c>
    </row>
    <row r="63" spans="1:18" s="4" customFormat="1" x14ac:dyDescent="0.15">
      <c r="A63" s="3"/>
      <c r="B63" s="3" t="s">
        <v>583</v>
      </c>
      <c r="C63" s="12">
        <v>279</v>
      </c>
      <c r="D63" s="12">
        <v>499</v>
      </c>
      <c r="E63" s="12">
        <v>248</v>
      </c>
      <c r="F63" s="12">
        <v>251</v>
      </c>
      <c r="G63" s="12">
        <v>22</v>
      </c>
      <c r="H63" s="12">
        <v>34</v>
      </c>
      <c r="I63" s="12">
        <v>53</v>
      </c>
      <c r="J63" s="12">
        <v>46</v>
      </c>
      <c r="K63" s="12">
        <v>73</v>
      </c>
      <c r="L63" s="12">
        <v>58</v>
      </c>
      <c r="M63" s="12">
        <v>72</v>
      </c>
      <c r="N63" s="12">
        <v>141</v>
      </c>
      <c r="O63" s="12">
        <v>0</v>
      </c>
      <c r="P63" s="12">
        <v>36</v>
      </c>
      <c r="Q63" s="12">
        <v>281</v>
      </c>
      <c r="R63" s="12">
        <v>182</v>
      </c>
    </row>
    <row r="64" spans="1:18" s="4" customFormat="1" x14ac:dyDescent="0.15">
      <c r="A64" s="3"/>
      <c r="B64" s="3" t="s">
        <v>584</v>
      </c>
      <c r="C64" s="12">
        <v>360</v>
      </c>
      <c r="D64" s="12">
        <v>681</v>
      </c>
      <c r="E64" s="12">
        <v>347</v>
      </c>
      <c r="F64" s="12">
        <v>334</v>
      </c>
      <c r="G64" s="12">
        <v>43</v>
      </c>
      <c r="H64" s="12">
        <v>47</v>
      </c>
      <c r="I64" s="12">
        <v>95</v>
      </c>
      <c r="J64" s="12">
        <v>93</v>
      </c>
      <c r="K64" s="12">
        <v>82</v>
      </c>
      <c r="L64" s="12">
        <v>96</v>
      </c>
      <c r="M64" s="12">
        <v>76</v>
      </c>
      <c r="N64" s="12">
        <v>149</v>
      </c>
      <c r="O64" s="12">
        <v>0</v>
      </c>
      <c r="P64" s="12">
        <v>68</v>
      </c>
      <c r="Q64" s="12">
        <v>422</v>
      </c>
      <c r="R64" s="12">
        <v>191</v>
      </c>
    </row>
    <row r="65" spans="1:18" s="4" customFormat="1" x14ac:dyDescent="0.15">
      <c r="A65" s="3"/>
      <c r="B65" s="3" t="s">
        <v>585</v>
      </c>
      <c r="C65" s="12">
        <v>588</v>
      </c>
      <c r="D65" s="12">
        <v>1135</v>
      </c>
      <c r="E65" s="12">
        <v>535</v>
      </c>
      <c r="F65" s="12">
        <v>600</v>
      </c>
      <c r="G65" s="12">
        <v>68</v>
      </c>
      <c r="H65" s="12">
        <v>82</v>
      </c>
      <c r="I65" s="12">
        <v>129</v>
      </c>
      <c r="J65" s="12">
        <v>128</v>
      </c>
      <c r="K65" s="12">
        <v>144</v>
      </c>
      <c r="L65" s="12">
        <v>120</v>
      </c>
      <c r="M65" s="12">
        <v>148</v>
      </c>
      <c r="N65" s="12">
        <v>316</v>
      </c>
      <c r="O65" s="12">
        <v>0</v>
      </c>
      <c r="P65" s="12">
        <v>110</v>
      </c>
      <c r="Q65" s="12">
        <v>632</v>
      </c>
      <c r="R65" s="12">
        <v>393</v>
      </c>
    </row>
    <row r="66" spans="1:18" s="4" customFormat="1" x14ac:dyDescent="0.15">
      <c r="A66" s="3"/>
      <c r="B66" s="3" t="s">
        <v>586</v>
      </c>
      <c r="C66" s="12">
        <v>186</v>
      </c>
      <c r="D66" s="12">
        <v>380</v>
      </c>
      <c r="E66" s="12">
        <v>192</v>
      </c>
      <c r="F66" s="12">
        <v>188</v>
      </c>
      <c r="G66" s="12">
        <v>20</v>
      </c>
      <c r="H66" s="12">
        <v>36</v>
      </c>
      <c r="I66" s="12">
        <v>27</v>
      </c>
      <c r="J66" s="12">
        <v>31</v>
      </c>
      <c r="K66" s="12">
        <v>58</v>
      </c>
      <c r="L66" s="12">
        <v>52</v>
      </c>
      <c r="M66" s="12">
        <v>42</v>
      </c>
      <c r="N66" s="12">
        <v>114</v>
      </c>
      <c r="O66" s="12">
        <v>0</v>
      </c>
      <c r="P66" s="12">
        <v>40</v>
      </c>
      <c r="Q66" s="12">
        <v>207</v>
      </c>
      <c r="R66" s="12">
        <v>133</v>
      </c>
    </row>
    <row r="67" spans="1:18" s="4" customFormat="1" x14ac:dyDescent="0.15">
      <c r="A67" s="3"/>
      <c r="B67" s="3" t="s">
        <v>587</v>
      </c>
      <c r="C67" s="12">
        <v>1123</v>
      </c>
      <c r="D67" s="12">
        <v>2202</v>
      </c>
      <c r="E67" s="12">
        <v>1107</v>
      </c>
      <c r="F67" s="12">
        <v>1095</v>
      </c>
      <c r="G67" s="12">
        <v>191</v>
      </c>
      <c r="H67" s="12">
        <v>151</v>
      </c>
      <c r="I67" s="12">
        <v>318</v>
      </c>
      <c r="J67" s="12">
        <v>364</v>
      </c>
      <c r="K67" s="12">
        <v>306</v>
      </c>
      <c r="L67" s="12">
        <v>269</v>
      </c>
      <c r="M67" s="12">
        <v>210</v>
      </c>
      <c r="N67" s="12">
        <v>393</v>
      </c>
      <c r="O67" s="12">
        <v>0</v>
      </c>
      <c r="P67" s="12">
        <v>252</v>
      </c>
      <c r="Q67" s="12">
        <v>1451</v>
      </c>
      <c r="R67" s="12">
        <v>499</v>
      </c>
    </row>
    <row r="68" spans="1:18" s="4" customFormat="1" x14ac:dyDescent="0.15">
      <c r="A68" s="3"/>
      <c r="B68" s="3" t="s">
        <v>588</v>
      </c>
      <c r="C68" s="12">
        <v>1259</v>
      </c>
      <c r="D68" s="12">
        <v>1800</v>
      </c>
      <c r="E68" s="12">
        <v>860</v>
      </c>
      <c r="F68" s="12">
        <v>940</v>
      </c>
      <c r="G68" s="12">
        <v>52</v>
      </c>
      <c r="H68" s="12">
        <v>68</v>
      </c>
      <c r="I68" s="12">
        <v>344</v>
      </c>
      <c r="J68" s="12">
        <v>233</v>
      </c>
      <c r="K68" s="12">
        <v>242</v>
      </c>
      <c r="L68" s="12">
        <v>190</v>
      </c>
      <c r="M68" s="12">
        <v>183</v>
      </c>
      <c r="N68" s="12">
        <v>488</v>
      </c>
      <c r="O68" s="12">
        <v>0</v>
      </c>
      <c r="P68" s="12">
        <v>83</v>
      </c>
      <c r="Q68" s="12">
        <v>1131</v>
      </c>
      <c r="R68" s="12">
        <v>586</v>
      </c>
    </row>
    <row r="69" spans="1:18" s="4" customFormat="1" x14ac:dyDescent="0.15">
      <c r="A69" s="3"/>
      <c r="B69" s="3" t="s">
        <v>589</v>
      </c>
      <c r="C69" s="12">
        <v>435</v>
      </c>
      <c r="D69" s="12">
        <v>829</v>
      </c>
      <c r="E69" s="12">
        <v>408</v>
      </c>
      <c r="F69" s="12">
        <v>421</v>
      </c>
      <c r="G69" s="12">
        <v>45</v>
      </c>
      <c r="H69" s="12">
        <v>59</v>
      </c>
      <c r="I69" s="12">
        <v>130</v>
      </c>
      <c r="J69" s="12">
        <v>96</v>
      </c>
      <c r="K69" s="12">
        <v>112</v>
      </c>
      <c r="L69" s="12">
        <v>110</v>
      </c>
      <c r="M69" s="12">
        <v>80</v>
      </c>
      <c r="N69" s="12">
        <v>197</v>
      </c>
      <c r="O69" s="12">
        <v>0</v>
      </c>
      <c r="P69" s="12">
        <v>68</v>
      </c>
      <c r="Q69" s="12">
        <v>526</v>
      </c>
      <c r="R69" s="12">
        <v>235</v>
      </c>
    </row>
    <row r="70" spans="1:18" s="4" customFormat="1" x14ac:dyDescent="0.15">
      <c r="A70" s="3"/>
      <c r="B70" s="3" t="s">
        <v>590</v>
      </c>
      <c r="C70" s="12">
        <v>107</v>
      </c>
      <c r="D70" s="12">
        <v>141</v>
      </c>
      <c r="E70" s="12">
        <v>70</v>
      </c>
      <c r="F70" s="12">
        <v>71</v>
      </c>
      <c r="G70" s="12">
        <v>1</v>
      </c>
      <c r="H70" s="12">
        <v>7</v>
      </c>
      <c r="I70" s="12">
        <v>27</v>
      </c>
      <c r="J70" s="12">
        <v>18</v>
      </c>
      <c r="K70" s="12">
        <v>32</v>
      </c>
      <c r="L70" s="12">
        <v>15</v>
      </c>
      <c r="M70" s="12">
        <v>16</v>
      </c>
      <c r="N70" s="12">
        <v>25</v>
      </c>
      <c r="O70" s="12">
        <v>0</v>
      </c>
      <c r="P70" s="12">
        <v>4</v>
      </c>
      <c r="Q70" s="12">
        <v>104</v>
      </c>
      <c r="R70" s="12">
        <v>33</v>
      </c>
    </row>
    <row r="71" spans="1:18" s="4" customFormat="1" x14ac:dyDescent="0.15">
      <c r="A71" s="3"/>
      <c r="B71" s="3" t="s">
        <v>591</v>
      </c>
      <c r="C71" s="12">
        <v>481</v>
      </c>
      <c r="D71" s="12">
        <v>696</v>
      </c>
      <c r="E71" s="12">
        <v>379</v>
      </c>
      <c r="F71" s="12">
        <v>317</v>
      </c>
      <c r="G71" s="12">
        <v>20</v>
      </c>
      <c r="H71" s="12">
        <v>29</v>
      </c>
      <c r="I71" s="12">
        <v>212</v>
      </c>
      <c r="J71" s="12">
        <v>117</v>
      </c>
      <c r="K71" s="12">
        <v>86</v>
      </c>
      <c r="L71" s="12">
        <v>89</v>
      </c>
      <c r="M71" s="12">
        <v>59</v>
      </c>
      <c r="N71" s="12">
        <v>84</v>
      </c>
      <c r="O71" s="12">
        <v>0</v>
      </c>
      <c r="P71" s="12">
        <v>34</v>
      </c>
      <c r="Q71" s="12">
        <v>555</v>
      </c>
      <c r="R71" s="12">
        <v>107</v>
      </c>
    </row>
    <row r="72" spans="1:18" s="4" customFormat="1" x14ac:dyDescent="0.15">
      <c r="A72" s="3"/>
      <c r="B72" s="3" t="s">
        <v>592</v>
      </c>
      <c r="C72" s="12">
        <v>242</v>
      </c>
      <c r="D72" s="12">
        <v>314</v>
      </c>
      <c r="E72" s="12">
        <v>227</v>
      </c>
      <c r="F72" s="12">
        <v>87</v>
      </c>
      <c r="G72" s="12">
        <v>5</v>
      </c>
      <c r="H72" s="12">
        <v>8</v>
      </c>
      <c r="I72" s="12">
        <v>17</v>
      </c>
      <c r="J72" s="12">
        <v>27</v>
      </c>
      <c r="K72" s="12">
        <v>48</v>
      </c>
      <c r="L72" s="12">
        <v>67</v>
      </c>
      <c r="M72" s="12">
        <v>59</v>
      </c>
      <c r="N72" s="12">
        <v>83</v>
      </c>
      <c r="O72" s="12">
        <v>0</v>
      </c>
      <c r="P72" s="12">
        <v>8</v>
      </c>
      <c r="Q72" s="12">
        <v>197</v>
      </c>
      <c r="R72" s="12">
        <v>109</v>
      </c>
    </row>
    <row r="73" spans="1:18" s="4" customFormat="1" x14ac:dyDescent="0.15">
      <c r="A73" s="3"/>
      <c r="B73" s="3" t="s">
        <v>593</v>
      </c>
      <c r="C73" s="12">
        <v>356</v>
      </c>
      <c r="D73" s="12">
        <v>753</v>
      </c>
      <c r="E73" s="12">
        <v>343</v>
      </c>
      <c r="F73" s="12">
        <v>410</v>
      </c>
      <c r="G73" s="12">
        <v>64</v>
      </c>
      <c r="H73" s="12">
        <v>54</v>
      </c>
      <c r="I73" s="12">
        <v>71</v>
      </c>
      <c r="J73" s="12">
        <v>100</v>
      </c>
      <c r="K73" s="12">
        <v>94</v>
      </c>
      <c r="L73" s="12">
        <v>105</v>
      </c>
      <c r="M73" s="12">
        <v>85</v>
      </c>
      <c r="N73" s="12">
        <v>180</v>
      </c>
      <c r="O73" s="12">
        <v>0</v>
      </c>
      <c r="P73" s="12">
        <v>96</v>
      </c>
      <c r="Q73" s="12">
        <v>430</v>
      </c>
      <c r="R73" s="12">
        <v>227</v>
      </c>
    </row>
    <row r="74" spans="1:18" s="4" customFormat="1" x14ac:dyDescent="0.15">
      <c r="A74" s="3"/>
      <c r="B74" s="3" t="s">
        <v>594</v>
      </c>
      <c r="C74" s="12">
        <v>356</v>
      </c>
      <c r="D74" s="12">
        <v>443</v>
      </c>
      <c r="E74" s="12">
        <v>253</v>
      </c>
      <c r="F74" s="12">
        <v>190</v>
      </c>
      <c r="G74" s="12">
        <v>8</v>
      </c>
      <c r="H74" s="12">
        <v>12</v>
      </c>
      <c r="I74" s="12">
        <v>66</v>
      </c>
      <c r="J74" s="12">
        <v>68</v>
      </c>
      <c r="K74" s="12">
        <v>50</v>
      </c>
      <c r="L74" s="12">
        <v>65</v>
      </c>
      <c r="M74" s="12">
        <v>65</v>
      </c>
      <c r="N74" s="12">
        <v>109</v>
      </c>
      <c r="O74" s="12">
        <v>0</v>
      </c>
      <c r="P74" s="12">
        <v>16</v>
      </c>
      <c r="Q74" s="12">
        <v>284</v>
      </c>
      <c r="R74" s="12">
        <v>143</v>
      </c>
    </row>
    <row r="75" spans="1:18" s="4" customFormat="1" x14ac:dyDescent="0.15">
      <c r="A75" s="3"/>
      <c r="B75" s="3" t="s">
        <v>595</v>
      </c>
      <c r="C75" s="12">
        <v>175</v>
      </c>
      <c r="D75" s="12">
        <v>353</v>
      </c>
      <c r="E75" s="12">
        <v>170</v>
      </c>
      <c r="F75" s="12">
        <v>183</v>
      </c>
      <c r="G75" s="12">
        <v>38</v>
      </c>
      <c r="H75" s="12">
        <v>21</v>
      </c>
      <c r="I75" s="12">
        <v>39</v>
      </c>
      <c r="J75" s="12">
        <v>46</v>
      </c>
      <c r="K75" s="12">
        <v>52</v>
      </c>
      <c r="L75" s="12">
        <v>36</v>
      </c>
      <c r="M75" s="12">
        <v>36</v>
      </c>
      <c r="N75" s="12">
        <v>85</v>
      </c>
      <c r="O75" s="12">
        <v>0</v>
      </c>
      <c r="P75" s="12">
        <v>50</v>
      </c>
      <c r="Q75" s="12">
        <v>199</v>
      </c>
      <c r="R75" s="12">
        <v>104</v>
      </c>
    </row>
    <row r="76" spans="1:18" s="4" customFormat="1" x14ac:dyDescent="0.15">
      <c r="A76" s="3"/>
      <c r="B76" s="3" t="s">
        <v>596</v>
      </c>
      <c r="C76" s="12">
        <v>680</v>
      </c>
      <c r="D76" s="12">
        <v>1070</v>
      </c>
      <c r="E76" s="12">
        <v>517</v>
      </c>
      <c r="F76" s="12">
        <v>553</v>
      </c>
      <c r="G76" s="12">
        <v>73</v>
      </c>
      <c r="H76" s="12">
        <v>71</v>
      </c>
      <c r="I76" s="12">
        <v>220</v>
      </c>
      <c r="J76" s="12">
        <v>135</v>
      </c>
      <c r="K76" s="12">
        <v>188</v>
      </c>
      <c r="L76" s="12">
        <v>119</v>
      </c>
      <c r="M76" s="12">
        <v>77</v>
      </c>
      <c r="N76" s="12">
        <v>187</v>
      </c>
      <c r="O76" s="12">
        <v>0</v>
      </c>
      <c r="P76" s="12">
        <v>112</v>
      </c>
      <c r="Q76" s="12">
        <v>741</v>
      </c>
      <c r="R76" s="12">
        <v>217</v>
      </c>
    </row>
    <row r="77" spans="1:18" s="4" customFormat="1" x14ac:dyDescent="0.15">
      <c r="A77" s="3"/>
      <c r="B77" s="3" t="s">
        <v>597</v>
      </c>
      <c r="C77" s="12">
        <v>280</v>
      </c>
      <c r="D77" s="12">
        <v>422</v>
      </c>
      <c r="E77" s="12">
        <v>202</v>
      </c>
      <c r="F77" s="12">
        <v>220</v>
      </c>
      <c r="G77" s="12">
        <v>20</v>
      </c>
      <c r="H77" s="12">
        <v>21</v>
      </c>
      <c r="I77" s="12">
        <v>72</v>
      </c>
      <c r="J77" s="12">
        <v>62</v>
      </c>
      <c r="K77" s="12">
        <v>66</v>
      </c>
      <c r="L77" s="12">
        <v>72</v>
      </c>
      <c r="M77" s="12">
        <v>38</v>
      </c>
      <c r="N77" s="12">
        <v>71</v>
      </c>
      <c r="O77" s="12">
        <v>0</v>
      </c>
      <c r="P77" s="12">
        <v>27</v>
      </c>
      <c r="Q77" s="12">
        <v>309</v>
      </c>
      <c r="R77" s="12">
        <v>86</v>
      </c>
    </row>
    <row r="78" spans="1:18" s="4" customFormat="1" x14ac:dyDescent="0.15">
      <c r="A78" s="3"/>
      <c r="B78" s="3" t="s">
        <v>598</v>
      </c>
      <c r="C78" s="12">
        <v>1278</v>
      </c>
      <c r="D78" s="12">
        <v>2003</v>
      </c>
      <c r="E78" s="12">
        <v>1025</v>
      </c>
      <c r="F78" s="12">
        <v>978</v>
      </c>
      <c r="G78" s="12">
        <v>104</v>
      </c>
      <c r="H78" s="12">
        <v>82</v>
      </c>
      <c r="I78" s="12">
        <v>399</v>
      </c>
      <c r="J78" s="12">
        <v>309</v>
      </c>
      <c r="K78" s="12">
        <v>243</v>
      </c>
      <c r="L78" s="12">
        <v>255</v>
      </c>
      <c r="M78" s="12">
        <v>229</v>
      </c>
      <c r="N78" s="12">
        <v>382</v>
      </c>
      <c r="O78" s="12">
        <v>0</v>
      </c>
      <c r="P78" s="12">
        <v>137</v>
      </c>
      <c r="Q78" s="12">
        <v>1363</v>
      </c>
      <c r="R78" s="12">
        <v>503</v>
      </c>
    </row>
    <row r="79" spans="1:18" s="4" customFormat="1" x14ac:dyDescent="0.15">
      <c r="A79" s="3"/>
      <c r="B79" s="3" t="s">
        <v>599</v>
      </c>
      <c r="C79" s="12">
        <v>2079</v>
      </c>
      <c r="D79" s="12">
        <v>3758</v>
      </c>
      <c r="E79" s="12">
        <v>1834</v>
      </c>
      <c r="F79" s="12">
        <v>1924</v>
      </c>
      <c r="G79" s="12">
        <v>230</v>
      </c>
      <c r="H79" s="12">
        <v>192</v>
      </c>
      <c r="I79" s="12">
        <v>471</v>
      </c>
      <c r="J79" s="12">
        <v>448</v>
      </c>
      <c r="K79" s="12">
        <v>425</v>
      </c>
      <c r="L79" s="12">
        <v>497</v>
      </c>
      <c r="M79" s="12">
        <v>484</v>
      </c>
      <c r="N79" s="12">
        <v>1011</v>
      </c>
      <c r="O79" s="12">
        <v>0</v>
      </c>
      <c r="P79" s="12">
        <v>313</v>
      </c>
      <c r="Q79" s="12">
        <v>2180</v>
      </c>
      <c r="R79" s="12">
        <v>1265</v>
      </c>
    </row>
    <row r="80" spans="1:18" s="4" customFormat="1" x14ac:dyDescent="0.15">
      <c r="A80" s="3"/>
      <c r="B80" s="3" t="s">
        <v>600</v>
      </c>
      <c r="C80" s="12">
        <v>532</v>
      </c>
      <c r="D80" s="12">
        <v>908</v>
      </c>
      <c r="E80" s="12">
        <v>447</v>
      </c>
      <c r="F80" s="12">
        <v>461</v>
      </c>
      <c r="G80" s="12">
        <v>44</v>
      </c>
      <c r="H80" s="12">
        <v>63</v>
      </c>
      <c r="I80" s="12">
        <v>154</v>
      </c>
      <c r="J80" s="12">
        <v>116</v>
      </c>
      <c r="K80" s="12">
        <v>131</v>
      </c>
      <c r="L80" s="12">
        <v>96</v>
      </c>
      <c r="M80" s="12">
        <v>99</v>
      </c>
      <c r="N80" s="12">
        <v>205</v>
      </c>
      <c r="O80" s="12">
        <v>0</v>
      </c>
      <c r="P80" s="12">
        <v>75</v>
      </c>
      <c r="Q80" s="12">
        <v>579</v>
      </c>
      <c r="R80" s="12">
        <v>254</v>
      </c>
    </row>
    <row r="81" spans="1:18" s="4" customFormat="1" x14ac:dyDescent="0.15">
      <c r="A81" s="3"/>
      <c r="B81" s="3" t="s">
        <v>601</v>
      </c>
      <c r="C81" s="12">
        <v>795</v>
      </c>
      <c r="D81" s="12">
        <v>1368</v>
      </c>
      <c r="E81" s="12">
        <v>659</v>
      </c>
      <c r="F81" s="12">
        <v>709</v>
      </c>
      <c r="G81" s="12">
        <v>63</v>
      </c>
      <c r="H81" s="12">
        <v>78</v>
      </c>
      <c r="I81" s="12">
        <v>200</v>
      </c>
      <c r="J81" s="12">
        <v>159</v>
      </c>
      <c r="K81" s="12">
        <v>143</v>
      </c>
      <c r="L81" s="12">
        <v>184</v>
      </c>
      <c r="M81" s="12">
        <v>178</v>
      </c>
      <c r="N81" s="12">
        <v>363</v>
      </c>
      <c r="O81" s="12">
        <v>0</v>
      </c>
      <c r="P81" s="12">
        <v>101</v>
      </c>
      <c r="Q81" s="12">
        <v>822</v>
      </c>
      <c r="R81" s="12">
        <v>445</v>
      </c>
    </row>
    <row r="82" spans="1:18" s="4" customFormat="1" x14ac:dyDescent="0.15">
      <c r="A82" s="3"/>
      <c r="B82" s="3" t="s">
        <v>602</v>
      </c>
      <c r="C82" s="12">
        <v>1321</v>
      </c>
      <c r="D82" s="12">
        <v>2263</v>
      </c>
      <c r="E82" s="12">
        <v>1215</v>
      </c>
      <c r="F82" s="12">
        <v>1048</v>
      </c>
      <c r="G82" s="12">
        <v>112</v>
      </c>
      <c r="H82" s="12">
        <v>140</v>
      </c>
      <c r="I82" s="12">
        <v>347</v>
      </c>
      <c r="J82" s="12">
        <v>260</v>
      </c>
      <c r="K82" s="12">
        <v>272</v>
      </c>
      <c r="L82" s="12">
        <v>346</v>
      </c>
      <c r="M82" s="12">
        <v>261</v>
      </c>
      <c r="N82" s="12">
        <v>525</v>
      </c>
      <c r="O82" s="12">
        <v>0</v>
      </c>
      <c r="P82" s="12">
        <v>179</v>
      </c>
      <c r="Q82" s="12">
        <v>1450</v>
      </c>
      <c r="R82" s="12">
        <v>634</v>
      </c>
    </row>
    <row r="83" spans="1:18" s="4" customFormat="1" x14ac:dyDescent="0.15">
      <c r="A83" s="3"/>
      <c r="B83" s="3" t="s">
        <v>603</v>
      </c>
      <c r="C83" s="12">
        <v>70</v>
      </c>
      <c r="D83" s="12">
        <v>119</v>
      </c>
      <c r="E83" s="12">
        <v>61</v>
      </c>
      <c r="F83" s="12">
        <v>58</v>
      </c>
      <c r="G83" s="12" t="s">
        <v>132</v>
      </c>
      <c r="H83" s="12" t="s">
        <v>132</v>
      </c>
      <c r="I83" s="12" t="s">
        <v>132</v>
      </c>
      <c r="J83" s="12" t="s">
        <v>132</v>
      </c>
      <c r="K83" s="12" t="s">
        <v>132</v>
      </c>
      <c r="L83" s="12" t="s">
        <v>132</v>
      </c>
      <c r="M83" s="12" t="s">
        <v>132</v>
      </c>
      <c r="N83" s="12" t="s">
        <v>132</v>
      </c>
      <c r="O83" s="12" t="s">
        <v>132</v>
      </c>
      <c r="P83" s="12" t="s">
        <v>132</v>
      </c>
      <c r="Q83" s="12" t="s">
        <v>132</v>
      </c>
      <c r="R83" s="12" t="s">
        <v>132</v>
      </c>
    </row>
    <row r="84" spans="1:18" s="4" customFormat="1" x14ac:dyDescent="0.15">
      <c r="A84" s="3"/>
      <c r="B84" s="3" t="s">
        <v>604</v>
      </c>
      <c r="C84" s="12">
        <v>379</v>
      </c>
      <c r="D84" s="12">
        <v>719</v>
      </c>
      <c r="E84" s="12">
        <v>368</v>
      </c>
      <c r="F84" s="12">
        <v>351</v>
      </c>
      <c r="G84" s="12">
        <v>51</v>
      </c>
      <c r="H84" s="12">
        <v>57</v>
      </c>
      <c r="I84" s="12">
        <v>85</v>
      </c>
      <c r="J84" s="12">
        <v>96</v>
      </c>
      <c r="K84" s="12">
        <v>102</v>
      </c>
      <c r="L84" s="12">
        <v>90</v>
      </c>
      <c r="M84" s="12">
        <v>90</v>
      </c>
      <c r="N84" s="12">
        <v>148</v>
      </c>
      <c r="O84" s="12">
        <v>0</v>
      </c>
      <c r="P84" s="12">
        <v>85</v>
      </c>
      <c r="Q84" s="12">
        <v>452</v>
      </c>
      <c r="R84" s="12">
        <v>182</v>
      </c>
    </row>
    <row r="85" spans="1:18" s="4" customFormat="1" x14ac:dyDescent="0.15">
      <c r="A85" s="3"/>
      <c r="B85" s="3" t="s">
        <v>444</v>
      </c>
      <c r="C85" s="12">
        <v>211</v>
      </c>
      <c r="D85" s="12">
        <v>282</v>
      </c>
      <c r="E85" s="12">
        <v>152</v>
      </c>
      <c r="F85" s="12">
        <v>130</v>
      </c>
      <c r="G85" s="12">
        <v>10</v>
      </c>
      <c r="H85" s="12">
        <v>3</v>
      </c>
      <c r="I85" s="12">
        <v>69</v>
      </c>
      <c r="J85" s="12">
        <v>54</v>
      </c>
      <c r="K85" s="12">
        <v>47</v>
      </c>
      <c r="L85" s="12">
        <v>33</v>
      </c>
      <c r="M85" s="12">
        <v>18</v>
      </c>
      <c r="N85" s="12">
        <v>48</v>
      </c>
      <c r="O85" s="12">
        <v>0</v>
      </c>
      <c r="P85" s="12">
        <v>10</v>
      </c>
      <c r="Q85" s="12">
        <v>215</v>
      </c>
      <c r="R85" s="12">
        <v>57</v>
      </c>
    </row>
    <row r="86" spans="1:18" s="4" customFormat="1" x14ac:dyDescent="0.15">
      <c r="A86" s="3"/>
      <c r="B86" s="3" t="s">
        <v>605</v>
      </c>
      <c r="C86" s="12">
        <v>520</v>
      </c>
      <c r="D86" s="12">
        <v>944</v>
      </c>
      <c r="E86" s="12">
        <v>457</v>
      </c>
      <c r="F86" s="12">
        <v>487</v>
      </c>
      <c r="G86" s="12">
        <v>70</v>
      </c>
      <c r="H86" s="12">
        <v>66</v>
      </c>
      <c r="I86" s="12">
        <v>150</v>
      </c>
      <c r="J86" s="12">
        <v>139</v>
      </c>
      <c r="K86" s="12">
        <v>140</v>
      </c>
      <c r="L86" s="12">
        <v>121</v>
      </c>
      <c r="M86" s="12">
        <v>107</v>
      </c>
      <c r="N86" s="12">
        <v>151</v>
      </c>
      <c r="O86" s="12">
        <v>0</v>
      </c>
      <c r="P86" s="12">
        <v>102</v>
      </c>
      <c r="Q86" s="12">
        <v>637</v>
      </c>
      <c r="R86" s="12">
        <v>205</v>
      </c>
    </row>
    <row r="87" spans="1:18" s="4" customFormat="1" x14ac:dyDescent="0.15">
      <c r="A87" s="3"/>
      <c r="B87" s="3" t="s">
        <v>606</v>
      </c>
      <c r="C87" s="12">
        <v>887</v>
      </c>
      <c r="D87" s="12">
        <v>1626</v>
      </c>
      <c r="E87" s="12">
        <v>798</v>
      </c>
      <c r="F87" s="12">
        <v>828</v>
      </c>
      <c r="G87" s="12">
        <v>113</v>
      </c>
      <c r="H87" s="12">
        <v>138</v>
      </c>
      <c r="I87" s="12">
        <v>232</v>
      </c>
      <c r="J87" s="12">
        <v>255</v>
      </c>
      <c r="K87" s="12">
        <v>287</v>
      </c>
      <c r="L87" s="12">
        <v>231</v>
      </c>
      <c r="M87" s="12">
        <v>160</v>
      </c>
      <c r="N87" s="12">
        <v>210</v>
      </c>
      <c r="O87" s="12">
        <v>0</v>
      </c>
      <c r="P87" s="12">
        <v>196</v>
      </c>
      <c r="Q87" s="12">
        <v>1144</v>
      </c>
      <c r="R87" s="12">
        <v>286</v>
      </c>
    </row>
    <row r="88" spans="1:18" s="4" customFormat="1" x14ac:dyDescent="0.15">
      <c r="A88" s="3"/>
      <c r="B88" s="3" t="s">
        <v>607</v>
      </c>
      <c r="C88" s="12">
        <v>237</v>
      </c>
      <c r="D88" s="12">
        <v>330</v>
      </c>
      <c r="E88" s="12">
        <v>192</v>
      </c>
      <c r="F88" s="12">
        <v>138</v>
      </c>
      <c r="G88" s="12">
        <v>13</v>
      </c>
      <c r="H88" s="12">
        <v>17</v>
      </c>
      <c r="I88" s="12">
        <v>69</v>
      </c>
      <c r="J88" s="12">
        <v>41</v>
      </c>
      <c r="K88" s="12">
        <v>51</v>
      </c>
      <c r="L88" s="12">
        <v>42</v>
      </c>
      <c r="M88" s="12">
        <v>27</v>
      </c>
      <c r="N88" s="12">
        <v>70</v>
      </c>
      <c r="O88" s="12">
        <v>0</v>
      </c>
      <c r="P88" s="12">
        <v>14</v>
      </c>
      <c r="Q88" s="12">
        <v>236</v>
      </c>
      <c r="R88" s="12">
        <v>80</v>
      </c>
    </row>
    <row r="89" spans="1:18" s="4" customFormat="1" x14ac:dyDescent="0.15">
      <c r="A89" s="3"/>
      <c r="B89" s="3" t="s">
        <v>608</v>
      </c>
      <c r="C89" s="12">
        <v>505</v>
      </c>
      <c r="D89" s="12">
        <v>931</v>
      </c>
      <c r="E89" s="12">
        <v>457</v>
      </c>
      <c r="F89" s="12">
        <v>474</v>
      </c>
      <c r="G89" s="12">
        <v>49</v>
      </c>
      <c r="H89" s="12">
        <v>68</v>
      </c>
      <c r="I89" s="12">
        <v>139</v>
      </c>
      <c r="J89" s="12">
        <v>90</v>
      </c>
      <c r="K89" s="12">
        <v>111</v>
      </c>
      <c r="L89" s="12">
        <v>122</v>
      </c>
      <c r="M89" s="12">
        <v>103</v>
      </c>
      <c r="N89" s="12">
        <v>249</v>
      </c>
      <c r="O89" s="12">
        <v>0</v>
      </c>
      <c r="P89" s="12">
        <v>82</v>
      </c>
      <c r="Q89" s="12">
        <v>543</v>
      </c>
      <c r="R89" s="12">
        <v>306</v>
      </c>
    </row>
    <row r="90" spans="1:18" s="4" customFormat="1" x14ac:dyDescent="0.15">
      <c r="A90" s="3"/>
      <c r="B90" s="3" t="s">
        <v>609</v>
      </c>
      <c r="C90" s="12">
        <v>133</v>
      </c>
      <c r="D90" s="12">
        <v>249</v>
      </c>
      <c r="E90" s="12">
        <v>123</v>
      </c>
      <c r="F90" s="12">
        <v>126</v>
      </c>
      <c r="G90" s="12">
        <v>14</v>
      </c>
      <c r="H90" s="12">
        <v>14</v>
      </c>
      <c r="I90" s="12">
        <v>24</v>
      </c>
      <c r="J90" s="12">
        <v>24</v>
      </c>
      <c r="K90" s="12">
        <v>27</v>
      </c>
      <c r="L90" s="12">
        <v>39</v>
      </c>
      <c r="M90" s="12">
        <v>29</v>
      </c>
      <c r="N90" s="12">
        <v>78</v>
      </c>
      <c r="O90" s="12">
        <v>0</v>
      </c>
      <c r="P90" s="12">
        <v>20</v>
      </c>
      <c r="Q90" s="12">
        <v>136</v>
      </c>
      <c r="R90" s="12">
        <v>93</v>
      </c>
    </row>
    <row r="91" spans="1:18" s="4" customFormat="1" x14ac:dyDescent="0.15">
      <c r="A91" s="3"/>
      <c r="B91" s="3" t="s">
        <v>610</v>
      </c>
      <c r="C91" s="12">
        <v>3</v>
      </c>
      <c r="D91" s="12">
        <v>8</v>
      </c>
      <c r="E91" s="12">
        <v>4</v>
      </c>
      <c r="F91" s="12">
        <v>4</v>
      </c>
      <c r="G91" s="12" t="s">
        <v>132</v>
      </c>
      <c r="H91" s="12" t="s">
        <v>132</v>
      </c>
      <c r="I91" s="12" t="s">
        <v>132</v>
      </c>
      <c r="J91" s="12" t="s">
        <v>132</v>
      </c>
      <c r="K91" s="12" t="s">
        <v>132</v>
      </c>
      <c r="L91" s="12" t="s">
        <v>132</v>
      </c>
      <c r="M91" s="12" t="s">
        <v>132</v>
      </c>
      <c r="N91" s="12" t="s">
        <v>132</v>
      </c>
      <c r="O91" s="12" t="s">
        <v>132</v>
      </c>
      <c r="P91" s="12" t="s">
        <v>132</v>
      </c>
      <c r="Q91" s="12" t="s">
        <v>132</v>
      </c>
      <c r="R91" s="12" t="s">
        <v>132</v>
      </c>
    </row>
    <row r="92" spans="1:18" s="4" customFormat="1" x14ac:dyDescent="0.15">
      <c r="A92" s="3"/>
      <c r="B92" s="3" t="s">
        <v>611</v>
      </c>
      <c r="C92" s="12">
        <v>730</v>
      </c>
      <c r="D92" s="12">
        <v>1451</v>
      </c>
      <c r="E92" s="12">
        <v>736</v>
      </c>
      <c r="F92" s="12">
        <v>715</v>
      </c>
      <c r="G92" s="12">
        <v>130</v>
      </c>
      <c r="H92" s="12">
        <v>88</v>
      </c>
      <c r="I92" s="12">
        <v>227</v>
      </c>
      <c r="J92" s="12">
        <v>261</v>
      </c>
      <c r="K92" s="12">
        <v>153</v>
      </c>
      <c r="L92" s="12">
        <v>184</v>
      </c>
      <c r="M92" s="12">
        <v>176</v>
      </c>
      <c r="N92" s="12">
        <v>232</v>
      </c>
      <c r="O92" s="12">
        <v>0</v>
      </c>
      <c r="P92" s="12">
        <v>175</v>
      </c>
      <c r="Q92" s="12">
        <v>943</v>
      </c>
      <c r="R92" s="12">
        <v>333</v>
      </c>
    </row>
    <row r="93" spans="1:18" s="4" customFormat="1" x14ac:dyDescent="0.15">
      <c r="A93" s="3"/>
      <c r="B93" s="3" t="s">
        <v>612</v>
      </c>
      <c r="C93" s="12">
        <v>133</v>
      </c>
      <c r="D93" s="12">
        <v>269</v>
      </c>
      <c r="E93" s="12">
        <v>140</v>
      </c>
      <c r="F93" s="12">
        <v>129</v>
      </c>
      <c r="G93" s="12">
        <v>18</v>
      </c>
      <c r="H93" s="12">
        <v>28</v>
      </c>
      <c r="I93" s="12">
        <v>31</v>
      </c>
      <c r="J93" s="12">
        <v>25</v>
      </c>
      <c r="K93" s="12">
        <v>48</v>
      </c>
      <c r="L93" s="12">
        <v>31</v>
      </c>
      <c r="M93" s="12">
        <v>32</v>
      </c>
      <c r="N93" s="12">
        <v>56</v>
      </c>
      <c r="O93" s="12">
        <v>0</v>
      </c>
      <c r="P93" s="12">
        <v>31</v>
      </c>
      <c r="Q93" s="12">
        <v>169</v>
      </c>
      <c r="R93" s="12">
        <v>69</v>
      </c>
    </row>
    <row r="94" spans="1:18" s="4" customFormat="1" x14ac:dyDescent="0.15">
      <c r="A94" s="3"/>
      <c r="B94" s="3" t="s">
        <v>613</v>
      </c>
      <c r="C94" s="12">
        <v>244</v>
      </c>
      <c r="D94" s="12">
        <v>583</v>
      </c>
      <c r="E94" s="12">
        <v>297</v>
      </c>
      <c r="F94" s="12">
        <v>286</v>
      </c>
      <c r="G94" s="12">
        <v>48</v>
      </c>
      <c r="H94" s="12">
        <v>81</v>
      </c>
      <c r="I94" s="12">
        <v>42</v>
      </c>
      <c r="J94" s="12">
        <v>42</v>
      </c>
      <c r="K94" s="12">
        <v>111</v>
      </c>
      <c r="L94" s="12">
        <v>110</v>
      </c>
      <c r="M94" s="12">
        <v>67</v>
      </c>
      <c r="N94" s="12">
        <v>82</v>
      </c>
      <c r="O94" s="12">
        <v>0</v>
      </c>
      <c r="P94" s="12">
        <v>88</v>
      </c>
      <c r="Q94" s="12">
        <v>377</v>
      </c>
      <c r="R94" s="12">
        <v>118</v>
      </c>
    </row>
    <row r="95" spans="1:18" s="4" customFormat="1" x14ac:dyDescent="0.15">
      <c r="A95" s="3"/>
      <c r="B95" s="3" t="s">
        <v>614</v>
      </c>
      <c r="C95" s="12">
        <v>744</v>
      </c>
      <c r="D95" s="12">
        <v>1032</v>
      </c>
      <c r="E95" s="12">
        <v>588</v>
      </c>
      <c r="F95" s="12">
        <v>444</v>
      </c>
      <c r="G95" s="12">
        <v>35</v>
      </c>
      <c r="H95" s="12">
        <v>29</v>
      </c>
      <c r="I95" s="12">
        <v>226</v>
      </c>
      <c r="J95" s="12">
        <v>163</v>
      </c>
      <c r="K95" s="12">
        <v>123</v>
      </c>
      <c r="L95" s="12">
        <v>129</v>
      </c>
      <c r="M95" s="12">
        <v>102</v>
      </c>
      <c r="N95" s="12">
        <v>225</v>
      </c>
      <c r="O95" s="12">
        <v>0</v>
      </c>
      <c r="P95" s="12">
        <v>53</v>
      </c>
      <c r="Q95" s="12">
        <v>706</v>
      </c>
      <c r="R95" s="12">
        <v>273</v>
      </c>
    </row>
    <row r="96" spans="1:18" s="4" customFormat="1" x14ac:dyDescent="0.15">
      <c r="A96" s="3"/>
      <c r="B96" s="3" t="s">
        <v>615</v>
      </c>
      <c r="C96" s="12">
        <v>1038</v>
      </c>
      <c r="D96" s="12">
        <v>1426</v>
      </c>
      <c r="E96" s="12">
        <v>806</v>
      </c>
      <c r="F96" s="12">
        <v>620</v>
      </c>
      <c r="G96" s="12">
        <v>64</v>
      </c>
      <c r="H96" s="12">
        <v>51</v>
      </c>
      <c r="I96" s="12">
        <v>354</v>
      </c>
      <c r="J96" s="12">
        <v>293</v>
      </c>
      <c r="K96" s="12">
        <v>191</v>
      </c>
      <c r="L96" s="12">
        <v>160</v>
      </c>
      <c r="M96" s="12">
        <v>111</v>
      </c>
      <c r="N96" s="12">
        <v>202</v>
      </c>
      <c r="O96" s="12">
        <v>0</v>
      </c>
      <c r="P96" s="12">
        <v>89</v>
      </c>
      <c r="Q96" s="12">
        <v>1084</v>
      </c>
      <c r="R96" s="12">
        <v>253</v>
      </c>
    </row>
    <row r="97" spans="1:18" s="4" customFormat="1" x14ac:dyDescent="0.15">
      <c r="A97" s="3"/>
      <c r="B97" s="3" t="s">
        <v>616</v>
      </c>
      <c r="C97" s="12">
        <v>322</v>
      </c>
      <c r="D97" s="12">
        <v>514</v>
      </c>
      <c r="E97" s="12">
        <v>270</v>
      </c>
      <c r="F97" s="12">
        <v>244</v>
      </c>
      <c r="G97" s="12">
        <v>21</v>
      </c>
      <c r="H97" s="12">
        <v>34</v>
      </c>
      <c r="I97" s="12">
        <v>84</v>
      </c>
      <c r="J97" s="12">
        <v>92</v>
      </c>
      <c r="K97" s="12">
        <v>84</v>
      </c>
      <c r="L97" s="12">
        <v>90</v>
      </c>
      <c r="M97" s="12">
        <v>47</v>
      </c>
      <c r="N97" s="12">
        <v>62</v>
      </c>
      <c r="O97" s="12">
        <v>0</v>
      </c>
      <c r="P97" s="12">
        <v>41</v>
      </c>
      <c r="Q97" s="12">
        <v>391</v>
      </c>
      <c r="R97" s="12">
        <v>82</v>
      </c>
    </row>
    <row r="98" spans="1:18" s="4" customFormat="1" x14ac:dyDescent="0.15">
      <c r="A98" s="3"/>
      <c r="B98" s="3" t="s">
        <v>617</v>
      </c>
      <c r="C98" s="12">
        <v>296</v>
      </c>
      <c r="D98" s="12">
        <v>438</v>
      </c>
      <c r="E98" s="12">
        <v>216</v>
      </c>
      <c r="F98" s="12">
        <v>222</v>
      </c>
      <c r="G98" s="12">
        <v>29</v>
      </c>
      <c r="H98" s="12">
        <v>13</v>
      </c>
      <c r="I98" s="12">
        <v>92</v>
      </c>
      <c r="J98" s="12">
        <v>98</v>
      </c>
      <c r="K98" s="12">
        <v>54</v>
      </c>
      <c r="L98" s="12">
        <v>44</v>
      </c>
      <c r="M98" s="12">
        <v>39</v>
      </c>
      <c r="N98" s="12">
        <v>69</v>
      </c>
      <c r="O98" s="12">
        <v>0</v>
      </c>
      <c r="P98" s="12">
        <v>36</v>
      </c>
      <c r="Q98" s="12">
        <v>314</v>
      </c>
      <c r="R98" s="12">
        <v>88</v>
      </c>
    </row>
    <row r="99" spans="1:18" s="4" customFormat="1" x14ac:dyDescent="0.15">
      <c r="A99" s="3"/>
      <c r="B99" s="3" t="s">
        <v>618</v>
      </c>
      <c r="C99" s="12">
        <v>213</v>
      </c>
      <c r="D99" s="12">
        <v>510</v>
      </c>
      <c r="E99" s="12">
        <v>264</v>
      </c>
      <c r="F99" s="12">
        <v>246</v>
      </c>
      <c r="G99" s="12">
        <v>64</v>
      </c>
      <c r="H99" s="12">
        <v>69</v>
      </c>
      <c r="I99" s="12">
        <v>53</v>
      </c>
      <c r="J99" s="12">
        <v>76</v>
      </c>
      <c r="K99" s="12">
        <v>99</v>
      </c>
      <c r="L99" s="12">
        <v>60</v>
      </c>
      <c r="M99" s="12">
        <v>41</v>
      </c>
      <c r="N99" s="12">
        <v>48</v>
      </c>
      <c r="O99" s="12">
        <v>0</v>
      </c>
      <c r="P99" s="12">
        <v>102</v>
      </c>
      <c r="Q99" s="12">
        <v>342</v>
      </c>
      <c r="R99" s="12">
        <v>66</v>
      </c>
    </row>
    <row r="100" spans="1:18" s="4" customFormat="1" x14ac:dyDescent="0.15">
      <c r="A100" s="3"/>
      <c r="B100" s="3" t="s">
        <v>619</v>
      </c>
      <c r="C100" s="12">
        <v>819</v>
      </c>
      <c r="D100" s="12">
        <v>1275</v>
      </c>
      <c r="E100" s="12">
        <v>656</v>
      </c>
      <c r="F100" s="12">
        <v>619</v>
      </c>
      <c r="G100" s="12">
        <v>53</v>
      </c>
      <c r="H100" s="12">
        <v>62</v>
      </c>
      <c r="I100" s="12">
        <v>257</v>
      </c>
      <c r="J100" s="12">
        <v>218</v>
      </c>
      <c r="K100" s="12">
        <v>190</v>
      </c>
      <c r="L100" s="12">
        <v>203</v>
      </c>
      <c r="M100" s="12">
        <v>169</v>
      </c>
      <c r="N100" s="12">
        <v>123</v>
      </c>
      <c r="O100" s="12">
        <v>0</v>
      </c>
      <c r="P100" s="12">
        <v>78</v>
      </c>
      <c r="Q100" s="12">
        <v>992</v>
      </c>
      <c r="R100" s="12">
        <v>205</v>
      </c>
    </row>
    <row r="101" spans="1:18" s="4" customFormat="1" x14ac:dyDescent="0.15">
      <c r="A101" s="3"/>
      <c r="B101" s="3" t="s">
        <v>620</v>
      </c>
      <c r="C101" s="12">
        <v>405</v>
      </c>
      <c r="D101" s="12">
        <v>1065</v>
      </c>
      <c r="E101" s="12">
        <v>531</v>
      </c>
      <c r="F101" s="12">
        <v>534</v>
      </c>
      <c r="G101" s="12">
        <v>112</v>
      </c>
      <c r="H101" s="12">
        <v>139</v>
      </c>
      <c r="I101" s="12">
        <v>96</v>
      </c>
      <c r="J101" s="12">
        <v>151</v>
      </c>
      <c r="K101" s="12">
        <v>163</v>
      </c>
      <c r="L101" s="12">
        <v>155</v>
      </c>
      <c r="M101" s="12">
        <v>118</v>
      </c>
      <c r="N101" s="12">
        <v>131</v>
      </c>
      <c r="O101" s="12">
        <v>0</v>
      </c>
      <c r="P101" s="12">
        <v>181</v>
      </c>
      <c r="Q101" s="12">
        <v>700</v>
      </c>
      <c r="R101" s="12">
        <v>184</v>
      </c>
    </row>
    <row r="102" spans="1:18" s="4" customFormat="1" x14ac:dyDescent="0.15">
      <c r="A102" s="3"/>
      <c r="B102" s="3" t="s">
        <v>621</v>
      </c>
      <c r="C102" s="12">
        <v>880</v>
      </c>
      <c r="D102" s="12">
        <v>1796</v>
      </c>
      <c r="E102" s="12">
        <v>821</v>
      </c>
      <c r="F102" s="12">
        <v>975</v>
      </c>
      <c r="G102" s="12">
        <v>167</v>
      </c>
      <c r="H102" s="12">
        <v>144</v>
      </c>
      <c r="I102" s="12">
        <v>178</v>
      </c>
      <c r="J102" s="12">
        <v>240</v>
      </c>
      <c r="K102" s="12">
        <v>269</v>
      </c>
      <c r="L102" s="12">
        <v>190</v>
      </c>
      <c r="M102" s="12">
        <v>205</v>
      </c>
      <c r="N102" s="12">
        <v>403</v>
      </c>
      <c r="O102" s="12">
        <v>0</v>
      </c>
      <c r="P102" s="12">
        <v>241</v>
      </c>
      <c r="Q102" s="12">
        <v>1023</v>
      </c>
      <c r="R102" s="12">
        <v>532</v>
      </c>
    </row>
    <row r="103" spans="1:18" s="4" customFormat="1" x14ac:dyDescent="0.15">
      <c r="A103" s="3"/>
      <c r="B103" s="3" t="s">
        <v>622</v>
      </c>
      <c r="C103" s="12">
        <v>768</v>
      </c>
      <c r="D103" s="12">
        <v>1523</v>
      </c>
      <c r="E103" s="12">
        <v>754</v>
      </c>
      <c r="F103" s="12">
        <v>769</v>
      </c>
      <c r="G103" s="12">
        <v>134</v>
      </c>
      <c r="H103" s="12">
        <v>113</v>
      </c>
      <c r="I103" s="12">
        <v>175</v>
      </c>
      <c r="J103" s="12">
        <v>183</v>
      </c>
      <c r="K103" s="12">
        <v>219</v>
      </c>
      <c r="L103" s="12">
        <v>179</v>
      </c>
      <c r="M103" s="12">
        <v>191</v>
      </c>
      <c r="N103" s="12">
        <v>329</v>
      </c>
      <c r="O103" s="12">
        <v>0</v>
      </c>
      <c r="P103" s="12">
        <v>196</v>
      </c>
      <c r="Q103" s="12">
        <v>905</v>
      </c>
      <c r="R103" s="12">
        <v>422</v>
      </c>
    </row>
    <row r="104" spans="1:18" s="4" customFormat="1" x14ac:dyDescent="0.15">
      <c r="A104" s="3"/>
      <c r="B104" s="3" t="s">
        <v>623</v>
      </c>
      <c r="C104" s="12">
        <v>935</v>
      </c>
      <c r="D104" s="12">
        <v>1938</v>
      </c>
      <c r="E104" s="12">
        <v>969</v>
      </c>
      <c r="F104" s="12">
        <v>969</v>
      </c>
      <c r="G104" s="12">
        <v>204</v>
      </c>
      <c r="H104" s="12">
        <v>149</v>
      </c>
      <c r="I104" s="12">
        <v>202</v>
      </c>
      <c r="J104" s="12">
        <v>239</v>
      </c>
      <c r="K104" s="12">
        <v>282</v>
      </c>
      <c r="L104" s="12">
        <v>246</v>
      </c>
      <c r="M104" s="12">
        <v>210</v>
      </c>
      <c r="N104" s="12">
        <v>406</v>
      </c>
      <c r="O104" s="12">
        <v>0</v>
      </c>
      <c r="P104" s="12">
        <v>282</v>
      </c>
      <c r="Q104" s="12">
        <v>1140</v>
      </c>
      <c r="R104" s="12">
        <v>516</v>
      </c>
    </row>
    <row r="105" spans="1:18" s="4" customFormat="1" x14ac:dyDescent="0.15">
      <c r="A105" s="3"/>
      <c r="B105" s="3" t="s">
        <v>624</v>
      </c>
      <c r="C105" s="12">
        <v>994</v>
      </c>
      <c r="D105" s="12">
        <v>2254</v>
      </c>
      <c r="E105" s="12">
        <v>1136</v>
      </c>
      <c r="F105" s="12">
        <v>1118</v>
      </c>
      <c r="G105" s="12">
        <v>210</v>
      </c>
      <c r="H105" s="12">
        <v>209</v>
      </c>
      <c r="I105" s="12">
        <v>230</v>
      </c>
      <c r="J105" s="12">
        <v>283</v>
      </c>
      <c r="K105" s="12">
        <v>321</v>
      </c>
      <c r="L105" s="12">
        <v>304</v>
      </c>
      <c r="M105" s="12">
        <v>215</v>
      </c>
      <c r="N105" s="12">
        <v>482</v>
      </c>
      <c r="O105" s="12">
        <v>0</v>
      </c>
      <c r="P105" s="12">
        <v>326</v>
      </c>
      <c r="Q105" s="12">
        <v>1335</v>
      </c>
      <c r="R105" s="12">
        <v>593</v>
      </c>
    </row>
    <row r="106" spans="1:18" s="4" customFormat="1" x14ac:dyDescent="0.15">
      <c r="A106" s="3"/>
      <c r="B106" s="3" t="s">
        <v>625</v>
      </c>
      <c r="C106" s="12">
        <v>224</v>
      </c>
      <c r="D106" s="12">
        <v>352</v>
      </c>
      <c r="E106" s="12">
        <v>164</v>
      </c>
      <c r="F106" s="12">
        <v>188</v>
      </c>
      <c r="G106" s="12">
        <v>19</v>
      </c>
      <c r="H106" s="12">
        <v>13</v>
      </c>
      <c r="I106" s="12">
        <v>87</v>
      </c>
      <c r="J106" s="12">
        <v>58</v>
      </c>
      <c r="K106" s="12">
        <v>38</v>
      </c>
      <c r="L106" s="12">
        <v>40</v>
      </c>
      <c r="M106" s="12">
        <v>38</v>
      </c>
      <c r="N106" s="12">
        <v>59</v>
      </c>
      <c r="O106" s="12">
        <v>0</v>
      </c>
      <c r="P106" s="12">
        <v>22</v>
      </c>
      <c r="Q106" s="12">
        <v>252</v>
      </c>
      <c r="R106" s="12">
        <v>78</v>
      </c>
    </row>
    <row r="107" spans="1:18" s="4" customFormat="1" x14ac:dyDescent="0.15">
      <c r="A107" s="3"/>
      <c r="B107" s="3" t="s">
        <v>626</v>
      </c>
      <c r="C107" s="12">
        <v>243</v>
      </c>
      <c r="D107" s="12">
        <v>381</v>
      </c>
      <c r="E107" s="12">
        <v>186</v>
      </c>
      <c r="F107" s="12">
        <v>195</v>
      </c>
      <c r="G107" s="12">
        <v>35</v>
      </c>
      <c r="H107" s="12">
        <v>10</v>
      </c>
      <c r="I107" s="12">
        <v>67</v>
      </c>
      <c r="J107" s="12">
        <v>113</v>
      </c>
      <c r="K107" s="12">
        <v>60</v>
      </c>
      <c r="L107" s="12">
        <v>36</v>
      </c>
      <c r="M107" s="12">
        <v>22</v>
      </c>
      <c r="N107" s="12">
        <v>38</v>
      </c>
      <c r="O107" s="12">
        <v>0</v>
      </c>
      <c r="P107" s="12">
        <v>39</v>
      </c>
      <c r="Q107" s="12">
        <v>298</v>
      </c>
      <c r="R107" s="12">
        <v>44</v>
      </c>
    </row>
    <row r="108" spans="1:18" s="4" customFormat="1" x14ac:dyDescent="0.15">
      <c r="A108" s="3"/>
      <c r="B108" s="3" t="s">
        <v>627</v>
      </c>
      <c r="C108" s="12">
        <v>545</v>
      </c>
      <c r="D108" s="12">
        <v>996</v>
      </c>
      <c r="E108" s="12">
        <v>460</v>
      </c>
      <c r="F108" s="12">
        <v>536</v>
      </c>
      <c r="G108" s="12">
        <v>66</v>
      </c>
      <c r="H108" s="12">
        <v>58</v>
      </c>
      <c r="I108" s="12">
        <v>108</v>
      </c>
      <c r="J108" s="12">
        <v>104</v>
      </c>
      <c r="K108" s="12">
        <v>113</v>
      </c>
      <c r="L108" s="12">
        <v>123</v>
      </c>
      <c r="M108" s="12">
        <v>91</v>
      </c>
      <c r="N108" s="12">
        <v>333</v>
      </c>
      <c r="O108" s="12">
        <v>0</v>
      </c>
      <c r="P108" s="12">
        <v>89</v>
      </c>
      <c r="Q108" s="12">
        <v>535</v>
      </c>
      <c r="R108" s="12">
        <v>372</v>
      </c>
    </row>
    <row r="109" spans="1:18" s="4" customFormat="1" x14ac:dyDescent="0.15">
      <c r="A109" s="3"/>
      <c r="B109" s="3" t="s">
        <v>628</v>
      </c>
      <c r="C109" s="12">
        <v>955</v>
      </c>
      <c r="D109" s="12">
        <v>1613</v>
      </c>
      <c r="E109" s="12">
        <v>834</v>
      </c>
      <c r="F109" s="12">
        <v>779</v>
      </c>
      <c r="G109" s="12">
        <v>97</v>
      </c>
      <c r="H109" s="12">
        <v>90</v>
      </c>
      <c r="I109" s="12">
        <v>208</v>
      </c>
      <c r="J109" s="12">
        <v>197</v>
      </c>
      <c r="K109" s="12">
        <v>218</v>
      </c>
      <c r="L109" s="12">
        <v>221</v>
      </c>
      <c r="M109" s="12">
        <v>169</v>
      </c>
      <c r="N109" s="12">
        <v>413</v>
      </c>
      <c r="O109" s="12">
        <v>0</v>
      </c>
      <c r="P109" s="12">
        <v>145</v>
      </c>
      <c r="Q109" s="12">
        <v>968</v>
      </c>
      <c r="R109" s="12">
        <v>500</v>
      </c>
    </row>
    <row r="110" spans="1:18" s="4" customFormat="1" x14ac:dyDescent="0.15">
      <c r="A110" s="3"/>
      <c r="B110" s="3" t="s">
        <v>629</v>
      </c>
      <c r="C110" s="12">
        <v>420</v>
      </c>
      <c r="D110" s="12">
        <v>771</v>
      </c>
      <c r="E110" s="12">
        <v>404</v>
      </c>
      <c r="F110" s="12">
        <v>367</v>
      </c>
      <c r="G110" s="12">
        <v>46</v>
      </c>
      <c r="H110" s="12">
        <v>59</v>
      </c>
      <c r="I110" s="12">
        <v>120</v>
      </c>
      <c r="J110" s="12">
        <v>107</v>
      </c>
      <c r="K110" s="12">
        <v>121</v>
      </c>
      <c r="L110" s="12">
        <v>97</v>
      </c>
      <c r="M110" s="12">
        <v>82</v>
      </c>
      <c r="N110" s="12">
        <v>139</v>
      </c>
      <c r="O110" s="12">
        <v>0</v>
      </c>
      <c r="P110" s="12">
        <v>83</v>
      </c>
      <c r="Q110" s="12">
        <v>510</v>
      </c>
      <c r="R110" s="12">
        <v>178</v>
      </c>
    </row>
    <row r="111" spans="1:18" s="4" customFormat="1" x14ac:dyDescent="0.15">
      <c r="A111" s="3"/>
      <c r="B111" s="3" t="s">
        <v>630</v>
      </c>
      <c r="C111" s="12">
        <v>485</v>
      </c>
      <c r="D111" s="12">
        <v>1009</v>
      </c>
      <c r="E111" s="12">
        <v>481</v>
      </c>
      <c r="F111" s="12">
        <v>528</v>
      </c>
      <c r="G111" s="12">
        <v>79</v>
      </c>
      <c r="H111" s="12">
        <v>94</v>
      </c>
      <c r="I111" s="12">
        <v>114</v>
      </c>
      <c r="J111" s="12">
        <v>134</v>
      </c>
      <c r="K111" s="12">
        <v>134</v>
      </c>
      <c r="L111" s="12">
        <v>132</v>
      </c>
      <c r="M111" s="12">
        <v>118</v>
      </c>
      <c r="N111" s="12">
        <v>204</v>
      </c>
      <c r="O111" s="12">
        <v>0</v>
      </c>
      <c r="P111" s="12">
        <v>124</v>
      </c>
      <c r="Q111" s="12">
        <v>618</v>
      </c>
      <c r="R111" s="12">
        <v>267</v>
      </c>
    </row>
    <row r="112" spans="1:18" s="4" customFormat="1" x14ac:dyDescent="0.15">
      <c r="A112" s="3"/>
      <c r="B112" s="3" t="s">
        <v>631</v>
      </c>
      <c r="C112" s="12">
        <v>851</v>
      </c>
      <c r="D112" s="12">
        <v>1442</v>
      </c>
      <c r="E112" s="12">
        <v>719</v>
      </c>
      <c r="F112" s="12">
        <v>723</v>
      </c>
      <c r="G112" s="12">
        <v>112</v>
      </c>
      <c r="H112" s="12">
        <v>75</v>
      </c>
      <c r="I112" s="12">
        <v>295</v>
      </c>
      <c r="J112" s="12">
        <v>257</v>
      </c>
      <c r="K112" s="12">
        <v>191</v>
      </c>
      <c r="L112" s="12">
        <v>179</v>
      </c>
      <c r="M112" s="12">
        <v>118</v>
      </c>
      <c r="N112" s="12">
        <v>215</v>
      </c>
      <c r="O112" s="12">
        <v>0</v>
      </c>
      <c r="P112" s="12">
        <v>143</v>
      </c>
      <c r="Q112" s="12">
        <v>1014</v>
      </c>
      <c r="R112" s="12">
        <v>285</v>
      </c>
    </row>
    <row r="113" spans="1:18" s="4" customFormat="1" x14ac:dyDescent="0.15">
      <c r="A113" s="3"/>
      <c r="B113" s="3" t="s">
        <v>632</v>
      </c>
      <c r="C113" s="12">
        <v>171</v>
      </c>
      <c r="D113" s="12">
        <v>324</v>
      </c>
      <c r="E113" s="12">
        <v>168</v>
      </c>
      <c r="F113" s="12">
        <v>156</v>
      </c>
      <c r="G113" s="12">
        <v>34</v>
      </c>
      <c r="H113" s="12">
        <v>10</v>
      </c>
      <c r="I113" s="12">
        <v>57</v>
      </c>
      <c r="J113" s="12">
        <v>124</v>
      </c>
      <c r="K113" s="12">
        <v>67</v>
      </c>
      <c r="L113" s="12">
        <v>18</v>
      </c>
      <c r="M113" s="12">
        <v>9</v>
      </c>
      <c r="N113" s="12">
        <v>5</v>
      </c>
      <c r="O113" s="12">
        <v>0</v>
      </c>
      <c r="P113" s="12">
        <v>39</v>
      </c>
      <c r="Q113" s="12">
        <v>277</v>
      </c>
      <c r="R113" s="12">
        <v>8</v>
      </c>
    </row>
    <row r="114" spans="1:18" s="4" customFormat="1" x14ac:dyDescent="0.15">
      <c r="A114" s="3"/>
      <c r="B114" s="3" t="s">
        <v>633</v>
      </c>
      <c r="C114" s="12">
        <v>1084</v>
      </c>
      <c r="D114" s="12">
        <v>1884</v>
      </c>
      <c r="E114" s="12">
        <v>973</v>
      </c>
      <c r="F114" s="12">
        <v>911</v>
      </c>
      <c r="G114" s="12">
        <v>105</v>
      </c>
      <c r="H114" s="12">
        <v>100</v>
      </c>
      <c r="I114" s="12">
        <v>312</v>
      </c>
      <c r="J114" s="12">
        <v>259</v>
      </c>
      <c r="K114" s="12">
        <v>216</v>
      </c>
      <c r="L114" s="12">
        <v>209</v>
      </c>
      <c r="M114" s="12">
        <v>234</v>
      </c>
      <c r="N114" s="12">
        <v>449</v>
      </c>
      <c r="O114" s="12">
        <v>0</v>
      </c>
      <c r="P114" s="12">
        <v>152</v>
      </c>
      <c r="Q114" s="12">
        <v>1161</v>
      </c>
      <c r="R114" s="12">
        <v>571</v>
      </c>
    </row>
    <row r="115" spans="1:18" s="4" customFormat="1" x14ac:dyDescent="0.15">
      <c r="A115" s="3"/>
      <c r="B115" s="3" t="s">
        <v>634</v>
      </c>
      <c r="C115" s="12">
        <v>426</v>
      </c>
      <c r="D115" s="12">
        <v>638</v>
      </c>
      <c r="E115" s="12">
        <v>346</v>
      </c>
      <c r="F115" s="12">
        <v>292</v>
      </c>
      <c r="G115" s="12">
        <v>18</v>
      </c>
      <c r="H115" s="12">
        <v>36</v>
      </c>
      <c r="I115" s="12">
        <v>127</v>
      </c>
      <c r="J115" s="12">
        <v>86</v>
      </c>
      <c r="K115" s="12">
        <v>80</v>
      </c>
      <c r="L115" s="12">
        <v>69</v>
      </c>
      <c r="M115" s="12">
        <v>78</v>
      </c>
      <c r="N115" s="12">
        <v>144</v>
      </c>
      <c r="O115" s="12">
        <v>0</v>
      </c>
      <c r="P115" s="12">
        <v>35</v>
      </c>
      <c r="Q115" s="12">
        <v>418</v>
      </c>
      <c r="R115" s="12">
        <v>185</v>
      </c>
    </row>
    <row r="116" spans="1:18" s="4" customFormat="1" x14ac:dyDescent="0.15">
      <c r="A116" s="3"/>
      <c r="B116" s="3" t="s">
        <v>635</v>
      </c>
      <c r="C116" s="12">
        <v>188</v>
      </c>
      <c r="D116" s="12">
        <v>407</v>
      </c>
      <c r="E116" s="12">
        <v>210</v>
      </c>
      <c r="F116" s="12">
        <v>197</v>
      </c>
      <c r="G116" s="12">
        <v>43</v>
      </c>
      <c r="H116" s="12">
        <v>35</v>
      </c>
      <c r="I116" s="12">
        <v>33</v>
      </c>
      <c r="J116" s="12">
        <v>54</v>
      </c>
      <c r="K116" s="12">
        <v>57</v>
      </c>
      <c r="L116" s="12">
        <v>51</v>
      </c>
      <c r="M116" s="12">
        <v>42</v>
      </c>
      <c r="N116" s="12">
        <v>92</v>
      </c>
      <c r="O116" s="12">
        <v>0</v>
      </c>
      <c r="P116" s="12">
        <v>59</v>
      </c>
      <c r="Q116" s="12">
        <v>232</v>
      </c>
      <c r="R116" s="12">
        <v>116</v>
      </c>
    </row>
    <row r="117" spans="1:18" s="4" customFormat="1" x14ac:dyDescent="0.15">
      <c r="A117" s="3"/>
      <c r="B117" s="3" t="s">
        <v>636</v>
      </c>
      <c r="C117" s="12">
        <v>1113</v>
      </c>
      <c r="D117" s="12">
        <v>2124</v>
      </c>
      <c r="E117" s="12">
        <v>975</v>
      </c>
      <c r="F117" s="12">
        <v>1149</v>
      </c>
      <c r="G117" s="12">
        <v>123</v>
      </c>
      <c r="H117" s="12">
        <v>143</v>
      </c>
      <c r="I117" s="12">
        <v>196</v>
      </c>
      <c r="J117" s="12">
        <v>203</v>
      </c>
      <c r="K117" s="12">
        <v>264</v>
      </c>
      <c r="L117" s="12">
        <v>296</v>
      </c>
      <c r="M117" s="12">
        <v>236</v>
      </c>
      <c r="N117" s="12">
        <v>663</v>
      </c>
      <c r="O117" s="12">
        <v>0</v>
      </c>
      <c r="P117" s="12">
        <v>198</v>
      </c>
      <c r="Q117" s="12">
        <v>1145</v>
      </c>
      <c r="R117" s="12">
        <v>781</v>
      </c>
    </row>
    <row r="118" spans="1:18" s="4" customFormat="1" x14ac:dyDescent="0.15">
      <c r="A118" s="3"/>
      <c r="B118" s="3" t="s">
        <v>471</v>
      </c>
      <c r="C118" s="12">
        <v>155</v>
      </c>
      <c r="D118" s="12">
        <v>220</v>
      </c>
      <c r="E118" s="12">
        <v>100</v>
      </c>
      <c r="F118" s="12">
        <v>120</v>
      </c>
      <c r="G118" s="12">
        <v>11</v>
      </c>
      <c r="H118" s="12">
        <v>3</v>
      </c>
      <c r="I118" s="12">
        <v>26</v>
      </c>
      <c r="J118" s="12">
        <v>32</v>
      </c>
      <c r="K118" s="12">
        <v>11</v>
      </c>
      <c r="L118" s="12">
        <v>15</v>
      </c>
      <c r="M118" s="12">
        <v>22</v>
      </c>
      <c r="N118" s="12">
        <v>100</v>
      </c>
      <c r="O118" s="12">
        <v>0</v>
      </c>
      <c r="P118" s="12">
        <v>11</v>
      </c>
      <c r="Q118" s="12">
        <v>96</v>
      </c>
      <c r="R118" s="12">
        <v>113</v>
      </c>
    </row>
    <row r="119" spans="1:18" s="4" customFormat="1" x14ac:dyDescent="0.15">
      <c r="A119" s="3"/>
      <c r="B119" s="3" t="s">
        <v>472</v>
      </c>
      <c r="C119" s="12">
        <v>335</v>
      </c>
      <c r="D119" s="12">
        <v>539</v>
      </c>
      <c r="E119" s="12">
        <v>264</v>
      </c>
      <c r="F119" s="12">
        <v>275</v>
      </c>
      <c r="G119" s="12">
        <v>50</v>
      </c>
      <c r="H119" s="12">
        <v>20</v>
      </c>
      <c r="I119" s="12">
        <v>58</v>
      </c>
      <c r="J119" s="12">
        <v>131</v>
      </c>
      <c r="K119" s="12">
        <v>102</v>
      </c>
      <c r="L119" s="12">
        <v>72</v>
      </c>
      <c r="M119" s="12">
        <v>34</v>
      </c>
      <c r="N119" s="12">
        <v>72</v>
      </c>
      <c r="O119" s="12">
        <v>0</v>
      </c>
      <c r="P119" s="12">
        <v>64</v>
      </c>
      <c r="Q119" s="12">
        <v>389</v>
      </c>
      <c r="R119" s="12">
        <v>86</v>
      </c>
    </row>
    <row r="120" spans="1:18" s="4" customFormat="1" x14ac:dyDescent="0.15">
      <c r="A120" s="3"/>
      <c r="B120" s="3" t="s">
        <v>637</v>
      </c>
      <c r="C120" s="12">
        <v>82</v>
      </c>
      <c r="D120" s="12">
        <v>146</v>
      </c>
      <c r="E120" s="12">
        <v>66</v>
      </c>
      <c r="F120" s="12">
        <v>80</v>
      </c>
      <c r="G120" s="12">
        <v>6</v>
      </c>
      <c r="H120" s="12">
        <v>14</v>
      </c>
      <c r="I120" s="12">
        <v>14</v>
      </c>
      <c r="J120" s="12">
        <v>7</v>
      </c>
      <c r="K120" s="12">
        <v>22</v>
      </c>
      <c r="L120" s="12">
        <v>16</v>
      </c>
      <c r="M120" s="12">
        <v>23</v>
      </c>
      <c r="N120" s="12">
        <v>44</v>
      </c>
      <c r="O120" s="12">
        <v>0</v>
      </c>
      <c r="P120" s="12">
        <v>13</v>
      </c>
      <c r="Q120" s="12">
        <v>76</v>
      </c>
      <c r="R120" s="12">
        <v>57</v>
      </c>
    </row>
    <row r="121" spans="1:18" s="4" customFormat="1" x14ac:dyDescent="0.15">
      <c r="A121" s="3"/>
      <c r="B121" s="3" t="s">
        <v>638</v>
      </c>
      <c r="C121" s="12">
        <v>584</v>
      </c>
      <c r="D121" s="12">
        <v>911</v>
      </c>
      <c r="E121" s="12">
        <v>446</v>
      </c>
      <c r="F121" s="12">
        <v>465</v>
      </c>
      <c r="G121" s="12">
        <v>60</v>
      </c>
      <c r="H121" s="12">
        <v>44</v>
      </c>
      <c r="I121" s="12">
        <v>83</v>
      </c>
      <c r="J121" s="12">
        <v>137</v>
      </c>
      <c r="K121" s="12">
        <v>176</v>
      </c>
      <c r="L121" s="12">
        <v>120</v>
      </c>
      <c r="M121" s="12">
        <v>80</v>
      </c>
      <c r="N121" s="12">
        <v>211</v>
      </c>
      <c r="O121" s="12">
        <v>0</v>
      </c>
      <c r="P121" s="12">
        <v>88</v>
      </c>
      <c r="Q121" s="12">
        <v>574</v>
      </c>
      <c r="R121" s="12">
        <v>249</v>
      </c>
    </row>
    <row r="122" spans="1:18" s="4" customFormat="1" x14ac:dyDescent="0.15">
      <c r="A122" s="3"/>
      <c r="B122" s="3" t="s">
        <v>639</v>
      </c>
      <c r="C122" s="12">
        <v>775</v>
      </c>
      <c r="D122" s="12">
        <v>1018</v>
      </c>
      <c r="E122" s="12">
        <v>570</v>
      </c>
      <c r="F122" s="12">
        <v>448</v>
      </c>
      <c r="G122" s="12">
        <v>35</v>
      </c>
      <c r="H122" s="12">
        <v>30</v>
      </c>
      <c r="I122" s="12">
        <v>300</v>
      </c>
      <c r="J122" s="12">
        <v>193</v>
      </c>
      <c r="K122" s="12">
        <v>141</v>
      </c>
      <c r="L122" s="12">
        <v>113</v>
      </c>
      <c r="M122" s="12">
        <v>51</v>
      </c>
      <c r="N122" s="12">
        <v>155</v>
      </c>
      <c r="O122" s="12">
        <v>0</v>
      </c>
      <c r="P122" s="12">
        <v>47</v>
      </c>
      <c r="Q122" s="12">
        <v>791</v>
      </c>
      <c r="R122" s="12">
        <v>180</v>
      </c>
    </row>
    <row r="123" spans="1:18" s="4" customFormat="1" x14ac:dyDescent="0.15">
      <c r="A123" s="3"/>
      <c r="B123" s="3" t="s">
        <v>640</v>
      </c>
      <c r="C123" s="12">
        <v>455</v>
      </c>
      <c r="D123" s="12">
        <v>548</v>
      </c>
      <c r="E123" s="12">
        <v>367</v>
      </c>
      <c r="F123" s="12">
        <v>181</v>
      </c>
      <c r="G123" s="12">
        <v>15</v>
      </c>
      <c r="H123" s="12">
        <v>16</v>
      </c>
      <c r="I123" s="12">
        <v>97</v>
      </c>
      <c r="J123" s="12">
        <v>108</v>
      </c>
      <c r="K123" s="12">
        <v>100</v>
      </c>
      <c r="L123" s="12">
        <v>89</v>
      </c>
      <c r="M123" s="12">
        <v>50</v>
      </c>
      <c r="N123" s="12">
        <v>73</v>
      </c>
      <c r="O123" s="12">
        <v>0</v>
      </c>
      <c r="P123" s="12">
        <v>24</v>
      </c>
      <c r="Q123" s="12">
        <v>438</v>
      </c>
      <c r="R123" s="12">
        <v>86</v>
      </c>
    </row>
    <row r="124" spans="1:18" s="4" customFormat="1" x14ac:dyDescent="0.15">
      <c r="A124" s="3"/>
      <c r="B124" s="3" t="s">
        <v>641</v>
      </c>
      <c r="C124" s="12">
        <v>768</v>
      </c>
      <c r="D124" s="12">
        <v>1039</v>
      </c>
      <c r="E124" s="12">
        <v>605</v>
      </c>
      <c r="F124" s="12">
        <v>434</v>
      </c>
      <c r="G124" s="12">
        <v>29</v>
      </c>
      <c r="H124" s="12">
        <v>46</v>
      </c>
      <c r="I124" s="12">
        <v>338</v>
      </c>
      <c r="J124" s="12">
        <v>180</v>
      </c>
      <c r="K124" s="12">
        <v>143</v>
      </c>
      <c r="L124" s="12">
        <v>89</v>
      </c>
      <c r="M124" s="12">
        <v>73</v>
      </c>
      <c r="N124" s="12">
        <v>141</v>
      </c>
      <c r="O124" s="12">
        <v>0</v>
      </c>
      <c r="P124" s="12">
        <v>50</v>
      </c>
      <c r="Q124" s="12">
        <v>819</v>
      </c>
      <c r="R124" s="12">
        <v>170</v>
      </c>
    </row>
    <row r="125" spans="1:18" s="4" customFormat="1" x14ac:dyDescent="0.15">
      <c r="A125" s="3"/>
      <c r="B125" s="3" t="s">
        <v>642</v>
      </c>
      <c r="C125" s="12">
        <v>188</v>
      </c>
      <c r="D125" s="12">
        <v>238</v>
      </c>
      <c r="E125" s="12">
        <v>138</v>
      </c>
      <c r="F125" s="12">
        <v>100</v>
      </c>
      <c r="G125" s="12">
        <v>9</v>
      </c>
      <c r="H125" s="12">
        <v>2</v>
      </c>
      <c r="I125" s="12">
        <v>82</v>
      </c>
      <c r="J125" s="12">
        <v>59</v>
      </c>
      <c r="K125" s="12">
        <v>33</v>
      </c>
      <c r="L125" s="12">
        <v>13</v>
      </c>
      <c r="M125" s="12">
        <v>14</v>
      </c>
      <c r="N125" s="12">
        <v>26</v>
      </c>
      <c r="O125" s="12">
        <v>0</v>
      </c>
      <c r="P125" s="12">
        <v>9</v>
      </c>
      <c r="Q125" s="12">
        <v>196</v>
      </c>
      <c r="R125" s="12">
        <v>33</v>
      </c>
    </row>
    <row r="126" spans="1:18" s="4" customFormat="1" x14ac:dyDescent="0.15">
      <c r="A126" s="3"/>
      <c r="B126" s="3" t="s">
        <v>643</v>
      </c>
      <c r="C126" s="12">
        <v>580</v>
      </c>
      <c r="D126" s="12">
        <v>885</v>
      </c>
      <c r="E126" s="12">
        <v>503</v>
      </c>
      <c r="F126" s="12">
        <v>382</v>
      </c>
      <c r="G126" s="12">
        <v>43</v>
      </c>
      <c r="H126" s="12">
        <v>59</v>
      </c>
      <c r="I126" s="12">
        <v>201</v>
      </c>
      <c r="J126" s="12">
        <v>144</v>
      </c>
      <c r="K126" s="12">
        <v>119</v>
      </c>
      <c r="L126" s="12">
        <v>93</v>
      </c>
      <c r="M126" s="12">
        <v>87</v>
      </c>
      <c r="N126" s="12">
        <v>139</v>
      </c>
      <c r="O126" s="12">
        <v>0</v>
      </c>
      <c r="P126" s="12">
        <v>67</v>
      </c>
      <c r="Q126" s="12">
        <v>637</v>
      </c>
      <c r="R126" s="12">
        <v>181</v>
      </c>
    </row>
    <row r="127" spans="1:18" s="4" customFormat="1" x14ac:dyDescent="0.15">
      <c r="A127" s="3"/>
      <c r="B127" s="3" t="s">
        <v>644</v>
      </c>
      <c r="C127" s="12">
        <v>187</v>
      </c>
      <c r="D127" s="12">
        <v>303</v>
      </c>
      <c r="E127" s="12">
        <v>165</v>
      </c>
      <c r="F127" s="12">
        <v>138</v>
      </c>
      <c r="G127" s="12">
        <v>13</v>
      </c>
      <c r="H127" s="12">
        <v>17</v>
      </c>
      <c r="I127" s="12">
        <v>45</v>
      </c>
      <c r="J127" s="12">
        <v>41</v>
      </c>
      <c r="K127" s="12">
        <v>48</v>
      </c>
      <c r="L127" s="12">
        <v>35</v>
      </c>
      <c r="M127" s="12">
        <v>50</v>
      </c>
      <c r="N127" s="12">
        <v>54</v>
      </c>
      <c r="O127" s="12">
        <v>0</v>
      </c>
      <c r="P127" s="12">
        <v>25</v>
      </c>
      <c r="Q127" s="12">
        <v>194</v>
      </c>
      <c r="R127" s="12">
        <v>84</v>
      </c>
    </row>
    <row r="128" spans="1:18" s="4" customFormat="1" x14ac:dyDescent="0.15">
      <c r="A128" s="3"/>
      <c r="B128" s="3" t="s">
        <v>645</v>
      </c>
      <c r="C128" s="12">
        <v>544</v>
      </c>
      <c r="D128" s="12">
        <v>793</v>
      </c>
      <c r="E128" s="12">
        <v>402</v>
      </c>
      <c r="F128" s="12">
        <v>391</v>
      </c>
      <c r="G128" s="12">
        <v>18</v>
      </c>
      <c r="H128" s="12">
        <v>27</v>
      </c>
      <c r="I128" s="12">
        <v>128</v>
      </c>
      <c r="J128" s="12">
        <v>99</v>
      </c>
      <c r="K128" s="12">
        <v>80</v>
      </c>
      <c r="L128" s="12">
        <v>112</v>
      </c>
      <c r="M128" s="12">
        <v>86</v>
      </c>
      <c r="N128" s="12">
        <v>243</v>
      </c>
      <c r="O128" s="12">
        <v>0</v>
      </c>
      <c r="P128" s="12">
        <v>25</v>
      </c>
      <c r="Q128" s="12">
        <v>488</v>
      </c>
      <c r="R128" s="12">
        <v>280</v>
      </c>
    </row>
    <row r="129" spans="1:18" s="4" customFormat="1" x14ac:dyDescent="0.15">
      <c r="A129" s="3"/>
      <c r="B129" s="3" t="s">
        <v>646</v>
      </c>
      <c r="C129" s="12">
        <v>542</v>
      </c>
      <c r="D129" s="12">
        <v>1005</v>
      </c>
      <c r="E129" s="12">
        <v>475</v>
      </c>
      <c r="F129" s="12">
        <v>530</v>
      </c>
      <c r="G129" s="12">
        <v>53</v>
      </c>
      <c r="H129" s="12">
        <v>49</v>
      </c>
      <c r="I129" s="12">
        <v>108</v>
      </c>
      <c r="J129" s="12">
        <v>114</v>
      </c>
      <c r="K129" s="12">
        <v>122</v>
      </c>
      <c r="L129" s="12">
        <v>121</v>
      </c>
      <c r="M129" s="12">
        <v>125</v>
      </c>
      <c r="N129" s="12">
        <v>313</v>
      </c>
      <c r="O129" s="12">
        <v>0</v>
      </c>
      <c r="P129" s="12">
        <v>81</v>
      </c>
      <c r="Q129" s="12">
        <v>558</v>
      </c>
      <c r="R129" s="12">
        <v>366</v>
      </c>
    </row>
    <row r="130" spans="1:18" s="4" customFormat="1" x14ac:dyDescent="0.15">
      <c r="A130" s="3"/>
      <c r="B130" s="3" t="s">
        <v>647</v>
      </c>
      <c r="C130" s="12">
        <v>740</v>
      </c>
      <c r="D130" s="12">
        <v>1372</v>
      </c>
      <c r="E130" s="12">
        <v>686</v>
      </c>
      <c r="F130" s="12">
        <v>686</v>
      </c>
      <c r="G130" s="12">
        <v>81</v>
      </c>
      <c r="H130" s="12">
        <v>71</v>
      </c>
      <c r="I130" s="12">
        <v>159</v>
      </c>
      <c r="J130" s="12">
        <v>154</v>
      </c>
      <c r="K130" s="12">
        <v>161</v>
      </c>
      <c r="L130" s="12">
        <v>179</v>
      </c>
      <c r="M130" s="12">
        <v>152</v>
      </c>
      <c r="N130" s="12">
        <v>415</v>
      </c>
      <c r="O130" s="12">
        <v>0</v>
      </c>
      <c r="P130" s="12">
        <v>119</v>
      </c>
      <c r="Q130" s="12">
        <v>762</v>
      </c>
      <c r="R130" s="12">
        <v>491</v>
      </c>
    </row>
    <row r="131" spans="1:18" s="4" customFormat="1" x14ac:dyDescent="0.15">
      <c r="A131" s="3"/>
      <c r="B131" s="3" t="s">
        <v>648</v>
      </c>
      <c r="C131" s="12">
        <v>638</v>
      </c>
      <c r="D131" s="12">
        <v>1078</v>
      </c>
      <c r="E131" s="12">
        <v>541</v>
      </c>
      <c r="F131" s="12">
        <v>537</v>
      </c>
      <c r="G131" s="12">
        <v>65</v>
      </c>
      <c r="H131" s="12">
        <v>44</v>
      </c>
      <c r="I131" s="12">
        <v>198</v>
      </c>
      <c r="J131" s="12">
        <v>169</v>
      </c>
      <c r="K131" s="12">
        <v>130</v>
      </c>
      <c r="L131" s="12">
        <v>113</v>
      </c>
      <c r="M131" s="12">
        <v>101</v>
      </c>
      <c r="N131" s="12">
        <v>258</v>
      </c>
      <c r="O131" s="12">
        <v>0</v>
      </c>
      <c r="P131" s="12">
        <v>91</v>
      </c>
      <c r="Q131" s="12">
        <v>684</v>
      </c>
      <c r="R131" s="12">
        <v>303</v>
      </c>
    </row>
    <row r="132" spans="1:18" s="4" customFormat="1" x14ac:dyDescent="0.15">
      <c r="A132" s="3"/>
      <c r="B132" s="3" t="s">
        <v>649</v>
      </c>
      <c r="C132" s="12">
        <v>907</v>
      </c>
      <c r="D132" s="12">
        <v>1610</v>
      </c>
      <c r="E132" s="12">
        <v>821</v>
      </c>
      <c r="F132" s="12">
        <v>789</v>
      </c>
      <c r="G132" s="12">
        <v>95</v>
      </c>
      <c r="H132" s="12">
        <v>99</v>
      </c>
      <c r="I132" s="12">
        <v>209</v>
      </c>
      <c r="J132" s="12">
        <v>195</v>
      </c>
      <c r="K132" s="12">
        <v>228</v>
      </c>
      <c r="L132" s="12">
        <v>214</v>
      </c>
      <c r="M132" s="12">
        <v>175</v>
      </c>
      <c r="N132" s="12">
        <v>395</v>
      </c>
      <c r="O132" s="12">
        <v>0</v>
      </c>
      <c r="P132" s="12">
        <v>156</v>
      </c>
      <c r="Q132" s="12">
        <v>963</v>
      </c>
      <c r="R132" s="12">
        <v>491</v>
      </c>
    </row>
    <row r="133" spans="1:18" s="4" customFormat="1" x14ac:dyDescent="0.15">
      <c r="A133" s="3"/>
      <c r="B133" s="3" t="s">
        <v>650</v>
      </c>
      <c r="C133" s="12">
        <v>598</v>
      </c>
      <c r="D133" s="12">
        <v>1120</v>
      </c>
      <c r="E133" s="12">
        <v>543</v>
      </c>
      <c r="F133" s="12">
        <v>577</v>
      </c>
      <c r="G133" s="12">
        <v>65</v>
      </c>
      <c r="H133" s="12">
        <v>80</v>
      </c>
      <c r="I133" s="12">
        <v>80</v>
      </c>
      <c r="J133" s="12">
        <v>120</v>
      </c>
      <c r="K133" s="12">
        <v>163</v>
      </c>
      <c r="L133" s="12">
        <v>149</v>
      </c>
      <c r="M133" s="12">
        <v>136</v>
      </c>
      <c r="N133" s="12">
        <v>327</v>
      </c>
      <c r="O133" s="12">
        <v>0</v>
      </c>
      <c r="P133" s="12">
        <v>101</v>
      </c>
      <c r="Q133" s="12">
        <v>609</v>
      </c>
      <c r="R133" s="12">
        <v>410</v>
      </c>
    </row>
    <row r="134" spans="1:18" s="4" customFormat="1" x14ac:dyDescent="0.15">
      <c r="A134" s="3"/>
      <c r="B134" s="3" t="s">
        <v>651</v>
      </c>
      <c r="C134" s="12">
        <v>288</v>
      </c>
      <c r="D134" s="12">
        <v>642</v>
      </c>
      <c r="E134" s="12">
        <v>328</v>
      </c>
      <c r="F134" s="12">
        <v>314</v>
      </c>
      <c r="G134" s="12">
        <v>57</v>
      </c>
      <c r="H134" s="12">
        <v>44</v>
      </c>
      <c r="I134" s="12">
        <v>62</v>
      </c>
      <c r="J134" s="12">
        <v>82</v>
      </c>
      <c r="K134" s="12">
        <v>84</v>
      </c>
      <c r="L134" s="12">
        <v>80</v>
      </c>
      <c r="M134" s="12">
        <v>97</v>
      </c>
      <c r="N134" s="12">
        <v>136</v>
      </c>
      <c r="O134" s="12">
        <v>0</v>
      </c>
      <c r="P134" s="12">
        <v>73</v>
      </c>
      <c r="Q134" s="12">
        <v>384</v>
      </c>
      <c r="R134" s="12">
        <v>185</v>
      </c>
    </row>
    <row r="135" spans="1:18" s="4" customFormat="1" x14ac:dyDescent="0.15">
      <c r="A135" s="3"/>
      <c r="B135" s="3" t="s">
        <v>652</v>
      </c>
      <c r="C135" s="12">
        <v>306</v>
      </c>
      <c r="D135" s="12">
        <v>603</v>
      </c>
      <c r="E135" s="12">
        <v>310</v>
      </c>
      <c r="F135" s="12">
        <v>293</v>
      </c>
      <c r="G135" s="12">
        <v>76</v>
      </c>
      <c r="H135" s="12">
        <v>42</v>
      </c>
      <c r="I135" s="12">
        <v>82</v>
      </c>
      <c r="J135" s="12">
        <v>100</v>
      </c>
      <c r="K135" s="12">
        <v>90</v>
      </c>
      <c r="L135" s="12">
        <v>79</v>
      </c>
      <c r="M135" s="12">
        <v>56</v>
      </c>
      <c r="N135" s="12">
        <v>78</v>
      </c>
      <c r="O135" s="12">
        <v>0</v>
      </c>
      <c r="P135" s="12">
        <v>97</v>
      </c>
      <c r="Q135" s="12">
        <v>401</v>
      </c>
      <c r="R135" s="12">
        <v>105</v>
      </c>
    </row>
    <row r="136" spans="1:18" s="4" customFormat="1" x14ac:dyDescent="0.15">
      <c r="A136" s="3"/>
      <c r="B136" s="3" t="s">
        <v>653</v>
      </c>
      <c r="C136" s="12">
        <v>782</v>
      </c>
      <c r="D136" s="12">
        <v>1155</v>
      </c>
      <c r="E136" s="12">
        <v>583</v>
      </c>
      <c r="F136" s="12">
        <v>572</v>
      </c>
      <c r="G136" s="12">
        <v>64</v>
      </c>
      <c r="H136" s="12">
        <v>51</v>
      </c>
      <c r="I136" s="12">
        <v>292</v>
      </c>
      <c r="J136" s="12">
        <v>199</v>
      </c>
      <c r="K136" s="12">
        <v>159</v>
      </c>
      <c r="L136" s="12">
        <v>123</v>
      </c>
      <c r="M136" s="12">
        <v>97</v>
      </c>
      <c r="N136" s="12">
        <v>170</v>
      </c>
      <c r="O136" s="12">
        <v>0</v>
      </c>
      <c r="P136" s="12">
        <v>84</v>
      </c>
      <c r="Q136" s="12">
        <v>862</v>
      </c>
      <c r="R136" s="12">
        <v>209</v>
      </c>
    </row>
    <row r="137" spans="1:18" s="4" customFormat="1" x14ac:dyDescent="0.15">
      <c r="A137" s="3"/>
      <c r="B137" s="3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  <c r="N137" s="12"/>
      <c r="O137" s="12"/>
      <c r="P137" s="12"/>
      <c r="Q137" s="12"/>
      <c r="R137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61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654</v>
      </c>
      <c r="B6" s="3"/>
      <c r="C6" s="12">
        <v>59440</v>
      </c>
      <c r="D6" s="12">
        <v>88873</v>
      </c>
      <c r="E6" s="12">
        <v>44566</v>
      </c>
      <c r="F6" s="12">
        <v>44307</v>
      </c>
      <c r="G6" s="12">
        <v>4865</v>
      </c>
      <c r="H6" s="12">
        <v>4012</v>
      </c>
      <c r="I6" s="12">
        <v>18167</v>
      </c>
      <c r="J6" s="12">
        <v>15888</v>
      </c>
      <c r="K6" s="12">
        <v>13348</v>
      </c>
      <c r="L6" s="12">
        <v>11389</v>
      </c>
      <c r="M6" s="12">
        <v>8128</v>
      </c>
      <c r="N6" s="12">
        <v>13075</v>
      </c>
      <c r="O6" s="12">
        <v>1</v>
      </c>
      <c r="P6" s="12">
        <v>6780</v>
      </c>
      <c r="Q6" s="12">
        <v>65042</v>
      </c>
      <c r="R6" s="12">
        <v>17050</v>
      </c>
    </row>
    <row r="7" spans="1:18" s="4" customFormat="1" x14ac:dyDescent="0.15">
      <c r="A7" s="3"/>
      <c r="B7" s="3" t="s">
        <v>171</v>
      </c>
      <c r="C7" s="12">
        <v>56</v>
      </c>
      <c r="D7" s="12">
        <v>84</v>
      </c>
      <c r="E7" s="12">
        <v>39</v>
      </c>
      <c r="F7" s="12">
        <v>45</v>
      </c>
      <c r="G7" s="12">
        <v>1</v>
      </c>
      <c r="H7" s="12">
        <v>3</v>
      </c>
      <c r="I7" s="12">
        <v>6</v>
      </c>
      <c r="J7" s="12">
        <v>9</v>
      </c>
      <c r="K7" s="12">
        <v>8</v>
      </c>
      <c r="L7" s="12">
        <v>15</v>
      </c>
      <c r="M7" s="12">
        <v>10</v>
      </c>
      <c r="N7" s="12">
        <v>32</v>
      </c>
      <c r="O7" s="12">
        <v>0</v>
      </c>
      <c r="P7" s="12">
        <v>2</v>
      </c>
      <c r="Q7" s="12">
        <v>42</v>
      </c>
      <c r="R7" s="12">
        <v>40</v>
      </c>
    </row>
    <row r="8" spans="1:18" s="4" customFormat="1" x14ac:dyDescent="0.15">
      <c r="A8" s="3"/>
      <c r="B8" s="3" t="s">
        <v>172</v>
      </c>
      <c r="C8" s="12">
        <v>224</v>
      </c>
      <c r="D8" s="12">
        <v>257</v>
      </c>
      <c r="E8" s="12">
        <v>122</v>
      </c>
      <c r="F8" s="12">
        <v>135</v>
      </c>
      <c r="G8" s="12">
        <v>7</v>
      </c>
      <c r="H8" s="12">
        <v>2</v>
      </c>
      <c r="I8" s="12">
        <v>100</v>
      </c>
      <c r="J8" s="12">
        <v>57</v>
      </c>
      <c r="K8" s="12">
        <v>42</v>
      </c>
      <c r="L8" s="12">
        <v>28</v>
      </c>
      <c r="M8" s="12">
        <v>5</v>
      </c>
      <c r="N8" s="12">
        <v>16</v>
      </c>
      <c r="O8" s="12">
        <v>0</v>
      </c>
      <c r="P8" s="12">
        <v>9</v>
      </c>
      <c r="Q8" s="12">
        <v>232</v>
      </c>
      <c r="R8" s="12">
        <v>16</v>
      </c>
    </row>
    <row r="9" spans="1:18" s="4" customFormat="1" x14ac:dyDescent="0.15">
      <c r="A9" s="3"/>
      <c r="B9" s="3" t="s">
        <v>173</v>
      </c>
      <c r="C9" s="12">
        <v>46</v>
      </c>
      <c r="D9" s="12">
        <v>47</v>
      </c>
      <c r="E9" s="12">
        <v>24</v>
      </c>
      <c r="F9" s="12">
        <v>23</v>
      </c>
      <c r="G9" s="12">
        <v>0</v>
      </c>
      <c r="H9" s="12">
        <v>0</v>
      </c>
      <c r="I9" s="12">
        <v>21</v>
      </c>
      <c r="J9" s="12">
        <v>12</v>
      </c>
      <c r="K9" s="12">
        <v>8</v>
      </c>
      <c r="L9" s="12">
        <v>4</v>
      </c>
      <c r="M9" s="12">
        <v>2</v>
      </c>
      <c r="N9" s="12">
        <v>0</v>
      </c>
      <c r="O9" s="12">
        <v>0</v>
      </c>
      <c r="P9" s="12">
        <v>0</v>
      </c>
      <c r="Q9" s="12">
        <v>47</v>
      </c>
      <c r="R9" s="12">
        <v>0</v>
      </c>
    </row>
    <row r="10" spans="1:18" s="4" customFormat="1" x14ac:dyDescent="0.15">
      <c r="A10" s="3"/>
      <c r="B10" s="3" t="s">
        <v>655</v>
      </c>
      <c r="C10" s="12">
        <v>712</v>
      </c>
      <c r="D10" s="12">
        <v>1125</v>
      </c>
      <c r="E10" s="12">
        <v>539</v>
      </c>
      <c r="F10" s="12">
        <v>586</v>
      </c>
      <c r="G10" s="12">
        <v>66</v>
      </c>
      <c r="H10" s="12">
        <v>59</v>
      </c>
      <c r="I10" s="12">
        <v>192</v>
      </c>
      <c r="J10" s="12">
        <v>192</v>
      </c>
      <c r="K10" s="12">
        <v>179</v>
      </c>
      <c r="L10" s="12">
        <v>171</v>
      </c>
      <c r="M10" s="12">
        <v>102</v>
      </c>
      <c r="N10" s="12">
        <v>164</v>
      </c>
      <c r="O10" s="12">
        <v>0</v>
      </c>
      <c r="P10" s="12">
        <v>94</v>
      </c>
      <c r="Q10" s="12">
        <v>826</v>
      </c>
      <c r="R10" s="12">
        <v>205</v>
      </c>
    </row>
    <row r="11" spans="1:18" s="4" customFormat="1" x14ac:dyDescent="0.15">
      <c r="A11" s="3"/>
      <c r="B11" s="3" t="s">
        <v>656</v>
      </c>
      <c r="C11" s="12">
        <v>611</v>
      </c>
      <c r="D11" s="12">
        <v>987</v>
      </c>
      <c r="E11" s="12">
        <v>501</v>
      </c>
      <c r="F11" s="12">
        <v>486</v>
      </c>
      <c r="G11" s="12">
        <v>46</v>
      </c>
      <c r="H11" s="12">
        <v>53</v>
      </c>
      <c r="I11" s="12">
        <v>173</v>
      </c>
      <c r="J11" s="12">
        <v>173</v>
      </c>
      <c r="K11" s="12">
        <v>130</v>
      </c>
      <c r="L11" s="12">
        <v>126</v>
      </c>
      <c r="M11" s="12">
        <v>112</v>
      </c>
      <c r="N11" s="12">
        <v>174</v>
      </c>
      <c r="O11" s="12">
        <v>0</v>
      </c>
      <c r="P11" s="12">
        <v>68</v>
      </c>
      <c r="Q11" s="12">
        <v>687</v>
      </c>
      <c r="R11" s="12">
        <v>232</v>
      </c>
    </row>
    <row r="12" spans="1:18" s="4" customFormat="1" x14ac:dyDescent="0.15">
      <c r="A12" s="3"/>
      <c r="B12" s="3" t="s">
        <v>657</v>
      </c>
      <c r="C12" s="12">
        <v>705</v>
      </c>
      <c r="D12" s="12">
        <v>1207</v>
      </c>
      <c r="E12" s="12">
        <v>546</v>
      </c>
      <c r="F12" s="12">
        <v>661</v>
      </c>
      <c r="G12" s="12">
        <v>108</v>
      </c>
      <c r="H12" s="12">
        <v>61</v>
      </c>
      <c r="I12" s="12">
        <v>155</v>
      </c>
      <c r="J12" s="12">
        <v>189</v>
      </c>
      <c r="K12" s="12">
        <v>196</v>
      </c>
      <c r="L12" s="12">
        <v>161</v>
      </c>
      <c r="M12" s="12">
        <v>124</v>
      </c>
      <c r="N12" s="12">
        <v>213</v>
      </c>
      <c r="O12" s="12">
        <v>0</v>
      </c>
      <c r="P12" s="12">
        <v>144</v>
      </c>
      <c r="Q12" s="12">
        <v>789</v>
      </c>
      <c r="R12" s="12">
        <v>274</v>
      </c>
    </row>
    <row r="13" spans="1:18" s="4" customFormat="1" x14ac:dyDescent="0.15">
      <c r="A13" s="3"/>
      <c r="B13" s="3" t="s">
        <v>658</v>
      </c>
      <c r="C13" s="12">
        <v>2014</v>
      </c>
      <c r="D13" s="12">
        <v>2954</v>
      </c>
      <c r="E13" s="12">
        <v>1550</v>
      </c>
      <c r="F13" s="12">
        <v>1404</v>
      </c>
      <c r="G13" s="12">
        <v>138</v>
      </c>
      <c r="H13" s="12">
        <v>120</v>
      </c>
      <c r="I13" s="12">
        <v>700</v>
      </c>
      <c r="J13" s="12">
        <v>551</v>
      </c>
      <c r="K13" s="12">
        <v>457</v>
      </c>
      <c r="L13" s="12">
        <v>331</v>
      </c>
      <c r="M13" s="12">
        <v>256</v>
      </c>
      <c r="N13" s="12">
        <v>401</v>
      </c>
      <c r="O13" s="12">
        <v>0</v>
      </c>
      <c r="P13" s="12">
        <v>195</v>
      </c>
      <c r="Q13" s="12">
        <v>2227</v>
      </c>
      <c r="R13" s="12">
        <v>532</v>
      </c>
    </row>
    <row r="14" spans="1:18" s="4" customFormat="1" x14ac:dyDescent="0.15">
      <c r="A14" s="3"/>
      <c r="B14" s="3" t="s">
        <v>659</v>
      </c>
      <c r="C14" s="12">
        <v>1575</v>
      </c>
      <c r="D14" s="12">
        <v>2211</v>
      </c>
      <c r="E14" s="12">
        <v>1141</v>
      </c>
      <c r="F14" s="12">
        <v>1070</v>
      </c>
      <c r="G14" s="12">
        <v>75</v>
      </c>
      <c r="H14" s="12">
        <v>84</v>
      </c>
      <c r="I14" s="12">
        <v>610</v>
      </c>
      <c r="J14" s="12">
        <v>327</v>
      </c>
      <c r="K14" s="12">
        <v>296</v>
      </c>
      <c r="L14" s="12">
        <v>247</v>
      </c>
      <c r="M14" s="12">
        <v>193</v>
      </c>
      <c r="N14" s="12">
        <v>379</v>
      </c>
      <c r="O14" s="12">
        <v>0</v>
      </c>
      <c r="P14" s="12">
        <v>113</v>
      </c>
      <c r="Q14" s="12">
        <v>1625</v>
      </c>
      <c r="R14" s="12">
        <v>473</v>
      </c>
    </row>
    <row r="15" spans="1:18" s="4" customFormat="1" x14ac:dyDescent="0.15">
      <c r="A15" s="3"/>
      <c r="B15" s="3" t="s">
        <v>660</v>
      </c>
      <c r="C15" s="12">
        <v>1149</v>
      </c>
      <c r="D15" s="12">
        <v>1878</v>
      </c>
      <c r="E15" s="12">
        <v>889</v>
      </c>
      <c r="F15" s="12">
        <v>989</v>
      </c>
      <c r="G15" s="12">
        <v>69</v>
      </c>
      <c r="H15" s="12">
        <v>99</v>
      </c>
      <c r="I15" s="12">
        <v>264</v>
      </c>
      <c r="J15" s="12">
        <v>260</v>
      </c>
      <c r="K15" s="12">
        <v>293</v>
      </c>
      <c r="L15" s="12">
        <v>253</v>
      </c>
      <c r="M15" s="12">
        <v>188</v>
      </c>
      <c r="N15" s="12">
        <v>452</v>
      </c>
      <c r="O15" s="12">
        <v>0</v>
      </c>
      <c r="P15" s="12">
        <v>109</v>
      </c>
      <c r="Q15" s="12">
        <v>1211</v>
      </c>
      <c r="R15" s="12">
        <v>558</v>
      </c>
    </row>
    <row r="16" spans="1:18" s="4" customFormat="1" x14ac:dyDescent="0.15">
      <c r="A16" s="3"/>
      <c r="B16" s="3" t="s">
        <v>661</v>
      </c>
      <c r="C16" s="12">
        <v>1279</v>
      </c>
      <c r="D16" s="12">
        <v>1798</v>
      </c>
      <c r="E16" s="12">
        <v>869</v>
      </c>
      <c r="F16" s="12">
        <v>929</v>
      </c>
      <c r="G16" s="12">
        <v>59</v>
      </c>
      <c r="H16" s="12">
        <v>74</v>
      </c>
      <c r="I16" s="12">
        <v>339</v>
      </c>
      <c r="J16" s="12">
        <v>308</v>
      </c>
      <c r="K16" s="12">
        <v>263</v>
      </c>
      <c r="L16" s="12">
        <v>266</v>
      </c>
      <c r="M16" s="12">
        <v>161</v>
      </c>
      <c r="N16" s="12">
        <v>328</v>
      </c>
      <c r="O16" s="12">
        <v>0</v>
      </c>
      <c r="P16" s="12">
        <v>92</v>
      </c>
      <c r="Q16" s="12">
        <v>1302</v>
      </c>
      <c r="R16" s="12">
        <v>404</v>
      </c>
    </row>
    <row r="17" spans="1:18" s="4" customFormat="1" x14ac:dyDescent="0.15">
      <c r="A17" s="3"/>
      <c r="B17" s="3" t="s">
        <v>662</v>
      </c>
      <c r="C17" s="12">
        <v>540</v>
      </c>
      <c r="D17" s="12">
        <v>814</v>
      </c>
      <c r="E17" s="12">
        <v>407</v>
      </c>
      <c r="F17" s="12">
        <v>407</v>
      </c>
      <c r="G17" s="12">
        <v>40</v>
      </c>
      <c r="H17" s="12">
        <v>34</v>
      </c>
      <c r="I17" s="12">
        <v>93</v>
      </c>
      <c r="J17" s="12">
        <v>135</v>
      </c>
      <c r="K17" s="12">
        <v>116</v>
      </c>
      <c r="L17" s="12">
        <v>140</v>
      </c>
      <c r="M17" s="12">
        <v>101</v>
      </c>
      <c r="N17" s="12">
        <v>155</v>
      </c>
      <c r="O17" s="12">
        <v>0</v>
      </c>
      <c r="P17" s="12">
        <v>56</v>
      </c>
      <c r="Q17" s="12">
        <v>559</v>
      </c>
      <c r="R17" s="12">
        <v>199</v>
      </c>
    </row>
    <row r="18" spans="1:18" s="4" customFormat="1" x14ac:dyDescent="0.15">
      <c r="A18" s="3"/>
      <c r="B18" s="3" t="s">
        <v>663</v>
      </c>
      <c r="C18" s="12">
        <v>796</v>
      </c>
      <c r="D18" s="12">
        <v>1262</v>
      </c>
      <c r="E18" s="12">
        <v>629</v>
      </c>
      <c r="F18" s="12">
        <v>633</v>
      </c>
      <c r="G18" s="12">
        <v>58</v>
      </c>
      <c r="H18" s="12">
        <v>58</v>
      </c>
      <c r="I18" s="12">
        <v>207</v>
      </c>
      <c r="J18" s="12">
        <v>215</v>
      </c>
      <c r="K18" s="12">
        <v>188</v>
      </c>
      <c r="L18" s="12">
        <v>188</v>
      </c>
      <c r="M18" s="12">
        <v>118</v>
      </c>
      <c r="N18" s="12">
        <v>230</v>
      </c>
      <c r="O18" s="12">
        <v>0</v>
      </c>
      <c r="P18" s="12">
        <v>87</v>
      </c>
      <c r="Q18" s="12">
        <v>894</v>
      </c>
      <c r="R18" s="12">
        <v>281</v>
      </c>
    </row>
    <row r="19" spans="1:18" s="4" customFormat="1" x14ac:dyDescent="0.15">
      <c r="A19" s="3"/>
      <c r="B19" s="3" t="s">
        <v>664</v>
      </c>
      <c r="C19" s="12">
        <v>375</v>
      </c>
      <c r="D19" s="12">
        <v>580</v>
      </c>
      <c r="E19" s="12">
        <v>290</v>
      </c>
      <c r="F19" s="12">
        <v>290</v>
      </c>
      <c r="G19" s="12">
        <v>19</v>
      </c>
      <c r="H19" s="12">
        <v>20</v>
      </c>
      <c r="I19" s="12">
        <v>109</v>
      </c>
      <c r="J19" s="12">
        <v>75</v>
      </c>
      <c r="K19" s="12">
        <v>74</v>
      </c>
      <c r="L19" s="12">
        <v>91</v>
      </c>
      <c r="M19" s="12">
        <v>64</v>
      </c>
      <c r="N19" s="12">
        <v>128</v>
      </c>
      <c r="O19" s="12">
        <v>0</v>
      </c>
      <c r="P19" s="12">
        <v>30</v>
      </c>
      <c r="Q19" s="12">
        <v>387</v>
      </c>
      <c r="R19" s="12">
        <v>163</v>
      </c>
    </row>
    <row r="20" spans="1:18" s="4" customFormat="1" x14ac:dyDescent="0.15">
      <c r="A20" s="3"/>
      <c r="B20" s="3" t="s">
        <v>665</v>
      </c>
      <c r="C20" s="12">
        <v>229</v>
      </c>
      <c r="D20" s="12">
        <v>251</v>
      </c>
      <c r="E20" s="12">
        <v>145</v>
      </c>
      <c r="F20" s="12">
        <v>106</v>
      </c>
      <c r="G20" s="12">
        <v>0</v>
      </c>
      <c r="H20" s="12">
        <v>2</v>
      </c>
      <c r="I20" s="12">
        <v>104</v>
      </c>
      <c r="J20" s="12">
        <v>51</v>
      </c>
      <c r="K20" s="12">
        <v>31</v>
      </c>
      <c r="L20" s="12">
        <v>21</v>
      </c>
      <c r="M20" s="12">
        <v>21</v>
      </c>
      <c r="N20" s="12">
        <v>21</v>
      </c>
      <c r="O20" s="12">
        <v>0</v>
      </c>
      <c r="P20" s="12">
        <v>0</v>
      </c>
      <c r="Q20" s="12">
        <v>224</v>
      </c>
      <c r="R20" s="12">
        <v>27</v>
      </c>
    </row>
    <row r="21" spans="1:18" s="4" customFormat="1" x14ac:dyDescent="0.15">
      <c r="A21" s="3"/>
      <c r="B21" s="3" t="s">
        <v>666</v>
      </c>
      <c r="C21" s="12">
        <v>502</v>
      </c>
      <c r="D21" s="12">
        <v>788</v>
      </c>
      <c r="E21" s="12">
        <v>409</v>
      </c>
      <c r="F21" s="12">
        <v>379</v>
      </c>
      <c r="G21" s="12">
        <v>40</v>
      </c>
      <c r="H21" s="12">
        <v>39</v>
      </c>
      <c r="I21" s="12">
        <v>166</v>
      </c>
      <c r="J21" s="12">
        <v>108</v>
      </c>
      <c r="K21" s="12">
        <v>132</v>
      </c>
      <c r="L21" s="12">
        <v>93</v>
      </c>
      <c r="M21" s="12">
        <v>72</v>
      </c>
      <c r="N21" s="12">
        <v>138</v>
      </c>
      <c r="O21" s="12">
        <v>0</v>
      </c>
      <c r="P21" s="12">
        <v>64</v>
      </c>
      <c r="Q21" s="12">
        <v>550</v>
      </c>
      <c r="R21" s="12">
        <v>174</v>
      </c>
    </row>
    <row r="22" spans="1:18" s="4" customFormat="1" x14ac:dyDescent="0.15">
      <c r="A22" s="3"/>
      <c r="B22" s="3" t="s">
        <v>667</v>
      </c>
      <c r="C22" s="12">
        <v>724</v>
      </c>
      <c r="D22" s="12">
        <v>1045</v>
      </c>
      <c r="E22" s="12">
        <v>513</v>
      </c>
      <c r="F22" s="12">
        <v>532</v>
      </c>
      <c r="G22" s="12">
        <v>38</v>
      </c>
      <c r="H22" s="12">
        <v>49</v>
      </c>
      <c r="I22" s="12">
        <v>208</v>
      </c>
      <c r="J22" s="12">
        <v>181</v>
      </c>
      <c r="K22" s="12">
        <v>169</v>
      </c>
      <c r="L22" s="12">
        <v>106</v>
      </c>
      <c r="M22" s="12">
        <v>96</v>
      </c>
      <c r="N22" s="12">
        <v>198</v>
      </c>
      <c r="O22" s="12">
        <v>0</v>
      </c>
      <c r="P22" s="12">
        <v>55</v>
      </c>
      <c r="Q22" s="12">
        <v>742</v>
      </c>
      <c r="R22" s="12">
        <v>248</v>
      </c>
    </row>
    <row r="23" spans="1:18" s="4" customFormat="1" x14ac:dyDescent="0.15">
      <c r="A23" s="3"/>
      <c r="B23" s="3" t="s">
        <v>668</v>
      </c>
      <c r="C23" s="12">
        <v>1567</v>
      </c>
      <c r="D23" s="12">
        <v>2439</v>
      </c>
      <c r="E23" s="12">
        <v>1182</v>
      </c>
      <c r="F23" s="12">
        <v>1257</v>
      </c>
      <c r="G23" s="12">
        <v>188</v>
      </c>
      <c r="H23" s="12">
        <v>104</v>
      </c>
      <c r="I23" s="12">
        <v>402</v>
      </c>
      <c r="J23" s="12">
        <v>456</v>
      </c>
      <c r="K23" s="12">
        <v>411</v>
      </c>
      <c r="L23" s="12">
        <v>321</v>
      </c>
      <c r="M23" s="12">
        <v>189</v>
      </c>
      <c r="N23" s="12">
        <v>368</v>
      </c>
      <c r="O23" s="12">
        <v>0</v>
      </c>
      <c r="P23" s="12">
        <v>243</v>
      </c>
      <c r="Q23" s="12">
        <v>1749</v>
      </c>
      <c r="R23" s="12">
        <v>447</v>
      </c>
    </row>
    <row r="24" spans="1:18" s="4" customFormat="1" x14ac:dyDescent="0.15">
      <c r="A24" s="3"/>
      <c r="B24" s="3" t="s">
        <v>669</v>
      </c>
      <c r="C24" s="12">
        <v>3071</v>
      </c>
      <c r="D24" s="12">
        <v>4541</v>
      </c>
      <c r="E24" s="12">
        <v>2403</v>
      </c>
      <c r="F24" s="12">
        <v>2138</v>
      </c>
      <c r="G24" s="12">
        <v>236</v>
      </c>
      <c r="H24" s="12">
        <v>197</v>
      </c>
      <c r="I24" s="12">
        <v>794</v>
      </c>
      <c r="J24" s="12">
        <v>834</v>
      </c>
      <c r="K24" s="12">
        <v>726</v>
      </c>
      <c r="L24" s="12">
        <v>688</v>
      </c>
      <c r="M24" s="12">
        <v>505</v>
      </c>
      <c r="N24" s="12">
        <v>561</v>
      </c>
      <c r="O24" s="12">
        <v>0</v>
      </c>
      <c r="P24" s="12">
        <v>338</v>
      </c>
      <c r="Q24" s="12">
        <v>3399</v>
      </c>
      <c r="R24" s="12">
        <v>804</v>
      </c>
    </row>
    <row r="25" spans="1:18" s="4" customFormat="1" x14ac:dyDescent="0.15">
      <c r="A25" s="3"/>
      <c r="B25" s="3" t="s">
        <v>670</v>
      </c>
      <c r="C25" s="12">
        <v>916</v>
      </c>
      <c r="D25" s="12">
        <v>1395</v>
      </c>
      <c r="E25" s="12">
        <v>719</v>
      </c>
      <c r="F25" s="12">
        <v>676</v>
      </c>
      <c r="G25" s="12">
        <v>84</v>
      </c>
      <c r="H25" s="12">
        <v>48</v>
      </c>
      <c r="I25" s="12">
        <v>168</v>
      </c>
      <c r="J25" s="12">
        <v>286</v>
      </c>
      <c r="K25" s="12">
        <v>310</v>
      </c>
      <c r="L25" s="12">
        <v>248</v>
      </c>
      <c r="M25" s="12">
        <v>132</v>
      </c>
      <c r="N25" s="12">
        <v>119</v>
      </c>
      <c r="O25" s="12">
        <v>0</v>
      </c>
      <c r="P25" s="12">
        <v>109</v>
      </c>
      <c r="Q25" s="12">
        <v>1112</v>
      </c>
      <c r="R25" s="12">
        <v>174</v>
      </c>
    </row>
    <row r="26" spans="1:18" s="4" customFormat="1" x14ac:dyDescent="0.15">
      <c r="A26" s="3"/>
      <c r="B26" s="3" t="s">
        <v>671</v>
      </c>
      <c r="C26" s="12">
        <v>795</v>
      </c>
      <c r="D26" s="12">
        <v>1135</v>
      </c>
      <c r="E26" s="12">
        <v>571</v>
      </c>
      <c r="F26" s="12">
        <v>564</v>
      </c>
      <c r="G26" s="12">
        <v>43</v>
      </c>
      <c r="H26" s="12">
        <v>33</v>
      </c>
      <c r="I26" s="12">
        <v>171</v>
      </c>
      <c r="J26" s="12">
        <v>181</v>
      </c>
      <c r="K26" s="12">
        <v>163</v>
      </c>
      <c r="L26" s="12">
        <v>173</v>
      </c>
      <c r="M26" s="12">
        <v>135</v>
      </c>
      <c r="N26" s="12">
        <v>236</v>
      </c>
      <c r="O26" s="12">
        <v>0</v>
      </c>
      <c r="P26" s="12">
        <v>61</v>
      </c>
      <c r="Q26" s="12">
        <v>775</v>
      </c>
      <c r="R26" s="12">
        <v>299</v>
      </c>
    </row>
    <row r="27" spans="1:18" s="4" customFormat="1" x14ac:dyDescent="0.15">
      <c r="A27" s="3"/>
      <c r="B27" s="3" t="s">
        <v>672</v>
      </c>
      <c r="C27" s="12">
        <v>649</v>
      </c>
      <c r="D27" s="12">
        <v>831</v>
      </c>
      <c r="E27" s="12">
        <v>421</v>
      </c>
      <c r="F27" s="12">
        <v>410</v>
      </c>
      <c r="G27" s="12">
        <v>31</v>
      </c>
      <c r="H27" s="12">
        <v>24</v>
      </c>
      <c r="I27" s="12">
        <v>186</v>
      </c>
      <c r="J27" s="12">
        <v>146</v>
      </c>
      <c r="K27" s="12">
        <v>136</v>
      </c>
      <c r="L27" s="12">
        <v>137</v>
      </c>
      <c r="M27" s="12">
        <v>65</v>
      </c>
      <c r="N27" s="12">
        <v>106</v>
      </c>
      <c r="O27" s="12">
        <v>0</v>
      </c>
      <c r="P27" s="12">
        <v>40</v>
      </c>
      <c r="Q27" s="12">
        <v>653</v>
      </c>
      <c r="R27" s="12">
        <v>138</v>
      </c>
    </row>
    <row r="28" spans="1:18" s="4" customFormat="1" x14ac:dyDescent="0.15">
      <c r="A28" s="3"/>
      <c r="B28" s="3" t="s">
        <v>673</v>
      </c>
      <c r="C28" s="12">
        <v>2457</v>
      </c>
      <c r="D28" s="12">
        <v>3226</v>
      </c>
      <c r="E28" s="12">
        <v>1615</v>
      </c>
      <c r="F28" s="12">
        <v>1611</v>
      </c>
      <c r="G28" s="12">
        <v>165</v>
      </c>
      <c r="H28" s="12">
        <v>124</v>
      </c>
      <c r="I28" s="12">
        <v>854</v>
      </c>
      <c r="J28" s="12">
        <v>700</v>
      </c>
      <c r="K28" s="12">
        <v>455</v>
      </c>
      <c r="L28" s="12">
        <v>352</v>
      </c>
      <c r="M28" s="12">
        <v>230</v>
      </c>
      <c r="N28" s="12">
        <v>346</v>
      </c>
      <c r="O28" s="12">
        <v>0</v>
      </c>
      <c r="P28" s="12">
        <v>222</v>
      </c>
      <c r="Q28" s="12">
        <v>2544</v>
      </c>
      <c r="R28" s="12">
        <v>460</v>
      </c>
    </row>
    <row r="29" spans="1:18" s="4" customFormat="1" x14ac:dyDescent="0.15">
      <c r="A29" s="3"/>
      <c r="B29" s="3" t="s">
        <v>674</v>
      </c>
      <c r="C29" s="12">
        <v>63</v>
      </c>
      <c r="D29" s="12">
        <v>107</v>
      </c>
      <c r="E29" s="12">
        <v>44</v>
      </c>
      <c r="F29" s="12">
        <v>63</v>
      </c>
      <c r="G29" s="12">
        <v>4</v>
      </c>
      <c r="H29" s="12">
        <v>5</v>
      </c>
      <c r="I29" s="12">
        <v>10</v>
      </c>
      <c r="J29" s="12">
        <v>15</v>
      </c>
      <c r="K29" s="12">
        <v>17</v>
      </c>
      <c r="L29" s="12">
        <v>16</v>
      </c>
      <c r="M29" s="12">
        <v>21</v>
      </c>
      <c r="N29" s="12">
        <v>19</v>
      </c>
      <c r="O29" s="12">
        <v>0</v>
      </c>
      <c r="P29" s="12">
        <v>8</v>
      </c>
      <c r="Q29" s="12">
        <v>67</v>
      </c>
      <c r="R29" s="12">
        <v>32</v>
      </c>
    </row>
    <row r="30" spans="1:18" s="4" customFormat="1" x14ac:dyDescent="0.15">
      <c r="A30" s="3"/>
      <c r="B30" s="3" t="s">
        <v>187</v>
      </c>
      <c r="C30" s="12">
        <v>154</v>
      </c>
      <c r="D30" s="12">
        <v>178</v>
      </c>
      <c r="E30" s="12">
        <v>63</v>
      </c>
      <c r="F30" s="12">
        <v>115</v>
      </c>
      <c r="G30" s="12">
        <v>8</v>
      </c>
      <c r="H30" s="12">
        <v>3</v>
      </c>
      <c r="I30" s="12">
        <v>102</v>
      </c>
      <c r="J30" s="12">
        <v>30</v>
      </c>
      <c r="K30" s="12">
        <v>16</v>
      </c>
      <c r="L30" s="12">
        <v>17</v>
      </c>
      <c r="M30" s="12">
        <v>2</v>
      </c>
      <c r="N30" s="12">
        <v>0</v>
      </c>
      <c r="O30" s="12">
        <v>0</v>
      </c>
      <c r="P30" s="12">
        <v>10</v>
      </c>
      <c r="Q30" s="12">
        <v>167</v>
      </c>
      <c r="R30" s="12">
        <v>1</v>
      </c>
    </row>
    <row r="31" spans="1:18" s="4" customFormat="1" x14ac:dyDescent="0.15">
      <c r="A31" s="3"/>
      <c r="B31" s="3" t="s">
        <v>675</v>
      </c>
      <c r="C31" s="12">
        <v>9</v>
      </c>
      <c r="D31" s="12">
        <v>11</v>
      </c>
      <c r="E31" s="12">
        <v>6</v>
      </c>
      <c r="F31" s="12">
        <v>5</v>
      </c>
      <c r="G31" s="12">
        <v>0</v>
      </c>
      <c r="H31" s="12">
        <v>0</v>
      </c>
      <c r="I31" s="12">
        <v>2</v>
      </c>
      <c r="J31" s="12">
        <v>3</v>
      </c>
      <c r="K31" s="12">
        <v>0</v>
      </c>
      <c r="L31" s="12">
        <v>2</v>
      </c>
      <c r="M31" s="12">
        <v>2</v>
      </c>
      <c r="N31" s="12">
        <v>2</v>
      </c>
      <c r="O31" s="12">
        <v>0</v>
      </c>
      <c r="P31" s="12">
        <v>0</v>
      </c>
      <c r="Q31" s="12">
        <v>8</v>
      </c>
      <c r="R31" s="12">
        <v>3</v>
      </c>
    </row>
    <row r="32" spans="1:18" s="4" customFormat="1" x14ac:dyDescent="0.15">
      <c r="A32" s="3"/>
      <c r="B32" s="3" t="s">
        <v>676</v>
      </c>
      <c r="C32" s="12">
        <v>4089</v>
      </c>
      <c r="D32" s="12">
        <v>5230</v>
      </c>
      <c r="E32" s="12">
        <v>2730</v>
      </c>
      <c r="F32" s="12">
        <v>2500</v>
      </c>
      <c r="G32" s="12">
        <v>210</v>
      </c>
      <c r="H32" s="12">
        <v>183</v>
      </c>
      <c r="I32" s="12">
        <v>1572</v>
      </c>
      <c r="J32" s="12">
        <v>1047</v>
      </c>
      <c r="K32" s="12">
        <v>731</v>
      </c>
      <c r="L32" s="12">
        <v>522</v>
      </c>
      <c r="M32" s="12">
        <v>363</v>
      </c>
      <c r="N32" s="12">
        <v>602</v>
      </c>
      <c r="O32" s="12">
        <v>0</v>
      </c>
      <c r="P32" s="12">
        <v>285</v>
      </c>
      <c r="Q32" s="12">
        <v>4166</v>
      </c>
      <c r="R32" s="12">
        <v>779</v>
      </c>
    </row>
    <row r="33" spans="1:18" s="4" customFormat="1" x14ac:dyDescent="0.15">
      <c r="A33" s="3"/>
      <c r="B33" s="3" t="s">
        <v>677</v>
      </c>
      <c r="C33" s="12">
        <v>3412</v>
      </c>
      <c r="D33" s="12">
        <v>4523</v>
      </c>
      <c r="E33" s="12">
        <v>2415</v>
      </c>
      <c r="F33" s="12">
        <v>2108</v>
      </c>
      <c r="G33" s="12">
        <v>167</v>
      </c>
      <c r="H33" s="12">
        <v>167</v>
      </c>
      <c r="I33" s="12">
        <v>1383</v>
      </c>
      <c r="J33" s="12">
        <v>835</v>
      </c>
      <c r="K33" s="12">
        <v>604</v>
      </c>
      <c r="L33" s="12">
        <v>498</v>
      </c>
      <c r="M33" s="12">
        <v>326</v>
      </c>
      <c r="N33" s="12">
        <v>543</v>
      </c>
      <c r="O33" s="12">
        <v>0</v>
      </c>
      <c r="P33" s="12">
        <v>234</v>
      </c>
      <c r="Q33" s="12">
        <v>3596</v>
      </c>
      <c r="R33" s="12">
        <v>693</v>
      </c>
    </row>
    <row r="34" spans="1:18" s="4" customFormat="1" x14ac:dyDescent="0.15">
      <c r="A34" s="3"/>
      <c r="B34" s="3" t="s">
        <v>90</v>
      </c>
      <c r="C34" s="12">
        <v>2563</v>
      </c>
      <c r="D34" s="12">
        <v>3673</v>
      </c>
      <c r="E34" s="12">
        <v>1794</v>
      </c>
      <c r="F34" s="12">
        <v>1879</v>
      </c>
      <c r="G34" s="12">
        <v>169</v>
      </c>
      <c r="H34" s="12">
        <v>136</v>
      </c>
      <c r="I34" s="12">
        <v>765</v>
      </c>
      <c r="J34" s="12">
        <v>564</v>
      </c>
      <c r="K34" s="12">
        <v>428</v>
      </c>
      <c r="L34" s="12">
        <v>520</v>
      </c>
      <c r="M34" s="12">
        <v>337</v>
      </c>
      <c r="N34" s="12">
        <v>754</v>
      </c>
      <c r="O34" s="12">
        <v>0</v>
      </c>
      <c r="P34" s="12">
        <v>235</v>
      </c>
      <c r="Q34" s="12">
        <v>2521</v>
      </c>
      <c r="R34" s="12">
        <v>917</v>
      </c>
    </row>
    <row r="35" spans="1:18" s="4" customFormat="1" x14ac:dyDescent="0.15">
      <c r="A35" s="3"/>
      <c r="B35" s="3" t="s">
        <v>678</v>
      </c>
      <c r="C35" s="12">
        <v>1463</v>
      </c>
      <c r="D35" s="12">
        <v>2279</v>
      </c>
      <c r="E35" s="12">
        <v>1165</v>
      </c>
      <c r="F35" s="12">
        <v>1114</v>
      </c>
      <c r="G35" s="12">
        <v>109</v>
      </c>
      <c r="H35" s="12">
        <v>91</v>
      </c>
      <c r="I35" s="12">
        <v>486</v>
      </c>
      <c r="J35" s="12">
        <v>420</v>
      </c>
      <c r="K35" s="12">
        <v>304</v>
      </c>
      <c r="L35" s="12">
        <v>271</v>
      </c>
      <c r="M35" s="12">
        <v>234</v>
      </c>
      <c r="N35" s="12">
        <v>364</v>
      </c>
      <c r="O35" s="12">
        <v>0</v>
      </c>
      <c r="P35" s="12">
        <v>157</v>
      </c>
      <c r="Q35" s="12">
        <v>1646</v>
      </c>
      <c r="R35" s="12">
        <v>476</v>
      </c>
    </row>
    <row r="36" spans="1:18" s="4" customFormat="1" x14ac:dyDescent="0.15">
      <c r="A36" s="3"/>
      <c r="B36" s="3" t="s">
        <v>679</v>
      </c>
      <c r="C36" s="12">
        <v>220</v>
      </c>
      <c r="D36" s="12">
        <v>370</v>
      </c>
      <c r="E36" s="12">
        <v>195</v>
      </c>
      <c r="F36" s="12">
        <v>175</v>
      </c>
      <c r="G36" s="12">
        <v>27</v>
      </c>
      <c r="H36" s="12">
        <v>19</v>
      </c>
      <c r="I36" s="12">
        <v>77</v>
      </c>
      <c r="J36" s="12">
        <v>62</v>
      </c>
      <c r="K36" s="12">
        <v>68</v>
      </c>
      <c r="L36" s="12">
        <v>41</v>
      </c>
      <c r="M36" s="12">
        <v>24</v>
      </c>
      <c r="N36" s="12">
        <v>52</v>
      </c>
      <c r="O36" s="12">
        <v>0</v>
      </c>
      <c r="P36" s="12">
        <v>38</v>
      </c>
      <c r="Q36" s="12">
        <v>268</v>
      </c>
      <c r="R36" s="12">
        <v>64</v>
      </c>
    </row>
    <row r="37" spans="1:18" s="4" customFormat="1" x14ac:dyDescent="0.15">
      <c r="A37" s="3"/>
      <c r="B37" s="3" t="s">
        <v>680</v>
      </c>
      <c r="C37" s="12">
        <v>947</v>
      </c>
      <c r="D37" s="12">
        <v>1339</v>
      </c>
      <c r="E37" s="12">
        <v>660</v>
      </c>
      <c r="F37" s="12">
        <v>679</v>
      </c>
      <c r="G37" s="12">
        <v>58</v>
      </c>
      <c r="H37" s="12">
        <v>35</v>
      </c>
      <c r="I37" s="12">
        <v>328</v>
      </c>
      <c r="J37" s="12">
        <v>273</v>
      </c>
      <c r="K37" s="12">
        <v>204</v>
      </c>
      <c r="L37" s="12">
        <v>153</v>
      </c>
      <c r="M37" s="12">
        <v>113</v>
      </c>
      <c r="N37" s="12">
        <v>175</v>
      </c>
      <c r="O37" s="12">
        <v>0</v>
      </c>
      <c r="P37" s="12">
        <v>74</v>
      </c>
      <c r="Q37" s="12">
        <v>1043</v>
      </c>
      <c r="R37" s="12">
        <v>222</v>
      </c>
    </row>
    <row r="38" spans="1:18" s="4" customFormat="1" x14ac:dyDescent="0.15">
      <c r="A38" s="3"/>
      <c r="B38" s="3" t="s">
        <v>681</v>
      </c>
      <c r="C38" s="12">
        <v>2456</v>
      </c>
      <c r="D38" s="12">
        <v>3529</v>
      </c>
      <c r="E38" s="12">
        <v>1714</v>
      </c>
      <c r="F38" s="12">
        <v>1815</v>
      </c>
      <c r="G38" s="12">
        <v>170</v>
      </c>
      <c r="H38" s="12">
        <v>128</v>
      </c>
      <c r="I38" s="12">
        <v>741</v>
      </c>
      <c r="J38" s="12">
        <v>652</v>
      </c>
      <c r="K38" s="12">
        <v>479</v>
      </c>
      <c r="L38" s="12">
        <v>436</v>
      </c>
      <c r="M38" s="12">
        <v>329</v>
      </c>
      <c r="N38" s="12">
        <v>593</v>
      </c>
      <c r="O38" s="12">
        <v>1</v>
      </c>
      <c r="P38" s="12">
        <v>219</v>
      </c>
      <c r="Q38" s="12">
        <v>2539</v>
      </c>
      <c r="R38" s="12">
        <v>770</v>
      </c>
    </row>
    <row r="39" spans="1:18" s="4" customFormat="1" x14ac:dyDescent="0.15">
      <c r="A39" s="3"/>
      <c r="B39" s="3" t="s">
        <v>682</v>
      </c>
      <c r="C39" s="12">
        <v>3075</v>
      </c>
      <c r="D39" s="12">
        <v>4631</v>
      </c>
      <c r="E39" s="12">
        <v>2270</v>
      </c>
      <c r="F39" s="12">
        <v>2361</v>
      </c>
      <c r="G39" s="12">
        <v>301</v>
      </c>
      <c r="H39" s="12">
        <v>116</v>
      </c>
      <c r="I39" s="12">
        <v>868</v>
      </c>
      <c r="J39" s="12">
        <v>977</v>
      </c>
      <c r="K39" s="12">
        <v>635</v>
      </c>
      <c r="L39" s="12">
        <v>580</v>
      </c>
      <c r="M39" s="12">
        <v>469</v>
      </c>
      <c r="N39" s="12">
        <v>685</v>
      </c>
      <c r="O39" s="12">
        <v>0</v>
      </c>
      <c r="P39" s="12">
        <v>344</v>
      </c>
      <c r="Q39" s="12">
        <v>3359</v>
      </c>
      <c r="R39" s="12">
        <v>928</v>
      </c>
    </row>
    <row r="40" spans="1:18" s="4" customFormat="1" x14ac:dyDescent="0.15">
      <c r="A40" s="3"/>
      <c r="B40" s="3" t="s">
        <v>683</v>
      </c>
      <c r="C40" s="12">
        <v>1626</v>
      </c>
      <c r="D40" s="12">
        <v>2812</v>
      </c>
      <c r="E40" s="12">
        <v>1354</v>
      </c>
      <c r="F40" s="12">
        <v>1458</v>
      </c>
      <c r="G40" s="12">
        <v>249</v>
      </c>
      <c r="H40" s="12">
        <v>158</v>
      </c>
      <c r="I40" s="12">
        <v>472</v>
      </c>
      <c r="J40" s="12">
        <v>557</v>
      </c>
      <c r="K40" s="12">
        <v>436</v>
      </c>
      <c r="L40" s="12">
        <v>355</v>
      </c>
      <c r="M40" s="12">
        <v>241</v>
      </c>
      <c r="N40" s="12">
        <v>344</v>
      </c>
      <c r="O40" s="12">
        <v>0</v>
      </c>
      <c r="P40" s="12">
        <v>339</v>
      </c>
      <c r="Q40" s="12">
        <v>2006</v>
      </c>
      <c r="R40" s="12">
        <v>467</v>
      </c>
    </row>
    <row r="41" spans="1:18" s="4" customFormat="1" x14ac:dyDescent="0.15">
      <c r="A41" s="3"/>
      <c r="B41" s="3" t="s">
        <v>684</v>
      </c>
      <c r="C41" s="12">
        <v>1657</v>
      </c>
      <c r="D41" s="12">
        <v>2401</v>
      </c>
      <c r="E41" s="12">
        <v>1180</v>
      </c>
      <c r="F41" s="12">
        <v>1221</v>
      </c>
      <c r="G41" s="12">
        <v>155</v>
      </c>
      <c r="H41" s="12">
        <v>87</v>
      </c>
      <c r="I41" s="12">
        <v>616</v>
      </c>
      <c r="J41" s="12">
        <v>489</v>
      </c>
      <c r="K41" s="12">
        <v>285</v>
      </c>
      <c r="L41" s="12">
        <v>262</v>
      </c>
      <c r="M41" s="12">
        <v>203</v>
      </c>
      <c r="N41" s="12">
        <v>304</v>
      </c>
      <c r="O41" s="12">
        <v>0</v>
      </c>
      <c r="P41" s="12">
        <v>197</v>
      </c>
      <c r="Q41" s="12">
        <v>1801</v>
      </c>
      <c r="R41" s="12">
        <v>403</v>
      </c>
    </row>
    <row r="42" spans="1:18" s="4" customFormat="1" x14ac:dyDescent="0.15">
      <c r="A42" s="3"/>
      <c r="B42" s="3" t="s">
        <v>685</v>
      </c>
      <c r="C42" s="12">
        <v>723</v>
      </c>
      <c r="D42" s="12">
        <v>1111</v>
      </c>
      <c r="E42" s="12">
        <v>568</v>
      </c>
      <c r="F42" s="12">
        <v>543</v>
      </c>
      <c r="G42" s="12">
        <v>72</v>
      </c>
      <c r="H42" s="12">
        <v>48</v>
      </c>
      <c r="I42" s="12">
        <v>186</v>
      </c>
      <c r="J42" s="12">
        <v>238</v>
      </c>
      <c r="K42" s="12">
        <v>206</v>
      </c>
      <c r="L42" s="12">
        <v>163</v>
      </c>
      <c r="M42" s="12">
        <v>96</v>
      </c>
      <c r="N42" s="12">
        <v>102</v>
      </c>
      <c r="O42" s="12">
        <v>0</v>
      </c>
      <c r="P42" s="12">
        <v>94</v>
      </c>
      <c r="Q42" s="12">
        <v>873</v>
      </c>
      <c r="R42" s="12">
        <v>144</v>
      </c>
    </row>
    <row r="43" spans="1:18" s="4" customFormat="1" x14ac:dyDescent="0.15">
      <c r="A43" s="3"/>
      <c r="B43" s="3" t="s">
        <v>686</v>
      </c>
      <c r="C43" s="12">
        <v>287</v>
      </c>
      <c r="D43" s="12">
        <v>393</v>
      </c>
      <c r="E43" s="12">
        <v>234</v>
      </c>
      <c r="F43" s="12">
        <v>159</v>
      </c>
      <c r="G43" s="12">
        <v>2</v>
      </c>
      <c r="H43" s="12">
        <v>18</v>
      </c>
      <c r="I43" s="12">
        <v>88</v>
      </c>
      <c r="J43" s="12">
        <v>60</v>
      </c>
      <c r="K43" s="12">
        <v>63</v>
      </c>
      <c r="L43" s="12">
        <v>55</v>
      </c>
      <c r="M43" s="12">
        <v>32</v>
      </c>
      <c r="N43" s="12">
        <v>75</v>
      </c>
      <c r="O43" s="12">
        <v>0</v>
      </c>
      <c r="P43" s="12">
        <v>11</v>
      </c>
      <c r="Q43" s="12">
        <v>296</v>
      </c>
      <c r="R43" s="12">
        <v>86</v>
      </c>
    </row>
    <row r="44" spans="1:18" s="4" customFormat="1" x14ac:dyDescent="0.15">
      <c r="A44" s="3"/>
      <c r="B44" s="3" t="s">
        <v>687</v>
      </c>
      <c r="C44" s="12">
        <v>293</v>
      </c>
      <c r="D44" s="12">
        <v>439</v>
      </c>
      <c r="E44" s="12">
        <v>225</v>
      </c>
      <c r="F44" s="12">
        <v>214</v>
      </c>
      <c r="G44" s="12">
        <v>23</v>
      </c>
      <c r="H44" s="12">
        <v>22</v>
      </c>
      <c r="I44" s="12">
        <v>55</v>
      </c>
      <c r="J44" s="12">
        <v>72</v>
      </c>
      <c r="K44" s="12">
        <v>74</v>
      </c>
      <c r="L44" s="12">
        <v>50</v>
      </c>
      <c r="M44" s="12">
        <v>48</v>
      </c>
      <c r="N44" s="12">
        <v>95</v>
      </c>
      <c r="O44" s="12">
        <v>0</v>
      </c>
      <c r="P44" s="12">
        <v>37</v>
      </c>
      <c r="Q44" s="12">
        <v>283</v>
      </c>
      <c r="R44" s="12">
        <v>119</v>
      </c>
    </row>
    <row r="45" spans="1:18" s="4" customFormat="1" x14ac:dyDescent="0.15">
      <c r="A45" s="3"/>
      <c r="B45" s="3" t="s">
        <v>223</v>
      </c>
      <c r="C45" s="12">
        <v>153</v>
      </c>
      <c r="D45" s="12">
        <v>208</v>
      </c>
      <c r="E45" s="12">
        <v>104</v>
      </c>
      <c r="F45" s="12">
        <v>104</v>
      </c>
      <c r="G45" s="12">
        <v>6</v>
      </c>
      <c r="H45" s="12">
        <v>9</v>
      </c>
      <c r="I45" s="12">
        <v>41</v>
      </c>
      <c r="J45" s="12">
        <v>22</v>
      </c>
      <c r="K45" s="12">
        <v>27</v>
      </c>
      <c r="L45" s="12">
        <v>39</v>
      </c>
      <c r="M45" s="12">
        <v>26</v>
      </c>
      <c r="N45" s="12">
        <v>38</v>
      </c>
      <c r="O45" s="12">
        <v>0</v>
      </c>
      <c r="P45" s="12">
        <v>9</v>
      </c>
      <c r="Q45" s="12">
        <v>150</v>
      </c>
      <c r="R45" s="12">
        <v>49</v>
      </c>
    </row>
    <row r="46" spans="1:18" s="4" customFormat="1" x14ac:dyDescent="0.15">
      <c r="A46" s="3"/>
      <c r="B46" s="3" t="s">
        <v>688</v>
      </c>
      <c r="C46" s="12">
        <v>1872</v>
      </c>
      <c r="D46" s="12">
        <v>3009</v>
      </c>
      <c r="E46" s="12">
        <v>1434</v>
      </c>
      <c r="F46" s="12">
        <v>1575</v>
      </c>
      <c r="G46" s="12">
        <v>166</v>
      </c>
      <c r="H46" s="12">
        <v>167</v>
      </c>
      <c r="I46" s="12">
        <v>501</v>
      </c>
      <c r="J46" s="12">
        <v>436</v>
      </c>
      <c r="K46" s="12">
        <v>514</v>
      </c>
      <c r="L46" s="12">
        <v>437</v>
      </c>
      <c r="M46" s="12">
        <v>346</v>
      </c>
      <c r="N46" s="12">
        <v>442</v>
      </c>
      <c r="O46" s="12">
        <v>0</v>
      </c>
      <c r="P46" s="12">
        <v>244</v>
      </c>
      <c r="Q46" s="12">
        <v>2153</v>
      </c>
      <c r="R46" s="12">
        <v>612</v>
      </c>
    </row>
    <row r="47" spans="1:18" s="4" customFormat="1" x14ac:dyDescent="0.15">
      <c r="A47" s="3"/>
      <c r="B47" s="3" t="s">
        <v>689</v>
      </c>
      <c r="C47" s="12">
        <v>275</v>
      </c>
      <c r="D47" s="12">
        <v>426</v>
      </c>
      <c r="E47" s="12">
        <v>201</v>
      </c>
      <c r="F47" s="12">
        <v>225</v>
      </c>
      <c r="G47" s="12">
        <v>21</v>
      </c>
      <c r="H47" s="12">
        <v>15</v>
      </c>
      <c r="I47" s="12">
        <v>83</v>
      </c>
      <c r="J47" s="12">
        <v>73</v>
      </c>
      <c r="K47" s="12">
        <v>65</v>
      </c>
      <c r="L47" s="12">
        <v>38</v>
      </c>
      <c r="M47" s="12">
        <v>47</v>
      </c>
      <c r="N47" s="12">
        <v>84</v>
      </c>
      <c r="O47" s="12">
        <v>0</v>
      </c>
      <c r="P47" s="12">
        <v>27</v>
      </c>
      <c r="Q47" s="12">
        <v>286</v>
      </c>
      <c r="R47" s="12">
        <v>113</v>
      </c>
    </row>
    <row r="48" spans="1:18" s="4" customFormat="1" x14ac:dyDescent="0.15">
      <c r="A48" s="3"/>
      <c r="B48" s="3" t="s">
        <v>690</v>
      </c>
      <c r="C48" s="12">
        <v>782</v>
      </c>
      <c r="D48" s="12">
        <v>1120</v>
      </c>
      <c r="E48" s="12">
        <v>578</v>
      </c>
      <c r="F48" s="12">
        <v>542</v>
      </c>
      <c r="G48" s="12">
        <v>49</v>
      </c>
      <c r="H48" s="12">
        <v>52</v>
      </c>
      <c r="I48" s="12">
        <v>247</v>
      </c>
      <c r="J48" s="12">
        <v>189</v>
      </c>
      <c r="K48" s="12">
        <v>171</v>
      </c>
      <c r="L48" s="12">
        <v>133</v>
      </c>
      <c r="M48" s="12">
        <v>119</v>
      </c>
      <c r="N48" s="12">
        <v>160</v>
      </c>
      <c r="O48" s="12">
        <v>0</v>
      </c>
      <c r="P48" s="12">
        <v>71</v>
      </c>
      <c r="Q48" s="12">
        <v>824</v>
      </c>
      <c r="R48" s="12">
        <v>225</v>
      </c>
    </row>
    <row r="49" spans="1:18" s="4" customFormat="1" x14ac:dyDescent="0.15">
      <c r="A49" s="3"/>
      <c r="B49" s="3" t="s">
        <v>691</v>
      </c>
      <c r="C49" s="12">
        <v>1045</v>
      </c>
      <c r="D49" s="12">
        <v>1579</v>
      </c>
      <c r="E49" s="12">
        <v>791</v>
      </c>
      <c r="F49" s="12">
        <v>788</v>
      </c>
      <c r="G49" s="12">
        <v>75</v>
      </c>
      <c r="H49" s="12">
        <v>60</v>
      </c>
      <c r="I49" s="12">
        <v>321</v>
      </c>
      <c r="J49" s="12">
        <v>312</v>
      </c>
      <c r="K49" s="12">
        <v>236</v>
      </c>
      <c r="L49" s="12">
        <v>193</v>
      </c>
      <c r="M49" s="12">
        <v>140</v>
      </c>
      <c r="N49" s="12">
        <v>242</v>
      </c>
      <c r="O49" s="12">
        <v>0</v>
      </c>
      <c r="P49" s="12">
        <v>103</v>
      </c>
      <c r="Q49" s="12">
        <v>1164</v>
      </c>
      <c r="R49" s="12">
        <v>312</v>
      </c>
    </row>
    <row r="50" spans="1:18" s="4" customFormat="1" x14ac:dyDescent="0.15">
      <c r="A50" s="3"/>
      <c r="B50" s="3" t="s">
        <v>692</v>
      </c>
      <c r="C50" s="12">
        <v>768</v>
      </c>
      <c r="D50" s="12">
        <v>1376</v>
      </c>
      <c r="E50" s="12">
        <v>681</v>
      </c>
      <c r="F50" s="12">
        <v>695</v>
      </c>
      <c r="G50" s="12">
        <v>100</v>
      </c>
      <c r="H50" s="12">
        <v>124</v>
      </c>
      <c r="I50" s="12">
        <v>220</v>
      </c>
      <c r="J50" s="12">
        <v>206</v>
      </c>
      <c r="K50" s="12">
        <v>220</v>
      </c>
      <c r="L50" s="12">
        <v>167</v>
      </c>
      <c r="M50" s="12">
        <v>141</v>
      </c>
      <c r="N50" s="12">
        <v>198</v>
      </c>
      <c r="O50" s="12">
        <v>0</v>
      </c>
      <c r="P50" s="12">
        <v>169</v>
      </c>
      <c r="Q50" s="12">
        <v>928</v>
      </c>
      <c r="R50" s="12">
        <v>279</v>
      </c>
    </row>
    <row r="51" spans="1:18" s="4" customFormat="1" x14ac:dyDescent="0.15">
      <c r="A51" s="3"/>
      <c r="B51" s="3" t="s">
        <v>693</v>
      </c>
      <c r="C51" s="12">
        <v>921</v>
      </c>
      <c r="D51" s="12">
        <v>1855</v>
      </c>
      <c r="E51" s="12">
        <v>937</v>
      </c>
      <c r="F51" s="12">
        <v>918</v>
      </c>
      <c r="G51" s="12">
        <v>168</v>
      </c>
      <c r="H51" s="12">
        <v>152</v>
      </c>
      <c r="I51" s="12">
        <v>264</v>
      </c>
      <c r="J51" s="12">
        <v>278</v>
      </c>
      <c r="K51" s="12">
        <v>279</v>
      </c>
      <c r="L51" s="12">
        <v>249</v>
      </c>
      <c r="M51" s="12">
        <v>195</v>
      </c>
      <c r="N51" s="12">
        <v>270</v>
      </c>
      <c r="O51" s="12">
        <v>0</v>
      </c>
      <c r="P51" s="12">
        <v>246</v>
      </c>
      <c r="Q51" s="12">
        <v>1249</v>
      </c>
      <c r="R51" s="12">
        <v>360</v>
      </c>
    </row>
    <row r="52" spans="1:18" s="4" customFormat="1" x14ac:dyDescent="0.15">
      <c r="A52" s="3"/>
      <c r="B52" s="3" t="s">
        <v>694</v>
      </c>
      <c r="C52" s="12">
        <v>858</v>
      </c>
      <c r="D52" s="12">
        <v>1670</v>
      </c>
      <c r="E52" s="12">
        <v>824</v>
      </c>
      <c r="F52" s="12">
        <v>846</v>
      </c>
      <c r="G52" s="12">
        <v>140</v>
      </c>
      <c r="H52" s="12">
        <v>140</v>
      </c>
      <c r="I52" s="12">
        <v>178</v>
      </c>
      <c r="J52" s="12">
        <v>206</v>
      </c>
      <c r="K52" s="12">
        <v>266</v>
      </c>
      <c r="L52" s="12">
        <v>273</v>
      </c>
      <c r="M52" s="12">
        <v>184</v>
      </c>
      <c r="N52" s="12">
        <v>283</v>
      </c>
      <c r="O52" s="12">
        <v>0</v>
      </c>
      <c r="P52" s="12">
        <v>201</v>
      </c>
      <c r="Q52" s="12">
        <v>1099</v>
      </c>
      <c r="R52" s="12">
        <v>370</v>
      </c>
    </row>
    <row r="53" spans="1:18" s="4" customFormat="1" x14ac:dyDescent="0.15">
      <c r="A53" s="3"/>
      <c r="B53" s="3" t="s">
        <v>695</v>
      </c>
      <c r="C53" s="12">
        <v>554</v>
      </c>
      <c r="D53" s="12">
        <v>736</v>
      </c>
      <c r="E53" s="12">
        <v>414</v>
      </c>
      <c r="F53" s="12">
        <v>322</v>
      </c>
      <c r="G53" s="12">
        <v>35</v>
      </c>
      <c r="H53" s="12">
        <v>22</v>
      </c>
      <c r="I53" s="12">
        <v>200</v>
      </c>
      <c r="J53" s="12">
        <v>171</v>
      </c>
      <c r="K53" s="12">
        <v>115</v>
      </c>
      <c r="L53" s="12">
        <v>64</v>
      </c>
      <c r="M53" s="12">
        <v>48</v>
      </c>
      <c r="N53" s="12">
        <v>81</v>
      </c>
      <c r="O53" s="12">
        <v>0</v>
      </c>
      <c r="P53" s="12">
        <v>50</v>
      </c>
      <c r="Q53" s="12">
        <v>578</v>
      </c>
      <c r="R53" s="12">
        <v>108</v>
      </c>
    </row>
    <row r="54" spans="1:18" s="4" customFormat="1" x14ac:dyDescent="0.15">
      <c r="A54" s="3"/>
      <c r="B54" s="3" t="s">
        <v>696</v>
      </c>
      <c r="C54" s="12">
        <v>730</v>
      </c>
      <c r="D54" s="12">
        <v>1029</v>
      </c>
      <c r="E54" s="12">
        <v>535</v>
      </c>
      <c r="F54" s="12">
        <v>494</v>
      </c>
      <c r="G54" s="12">
        <v>31</v>
      </c>
      <c r="H54" s="12">
        <v>38</v>
      </c>
      <c r="I54" s="12">
        <v>251</v>
      </c>
      <c r="J54" s="12">
        <v>196</v>
      </c>
      <c r="K54" s="12">
        <v>130</v>
      </c>
      <c r="L54" s="12">
        <v>114</v>
      </c>
      <c r="M54" s="12">
        <v>93</v>
      </c>
      <c r="N54" s="12">
        <v>176</v>
      </c>
      <c r="O54" s="12">
        <v>0</v>
      </c>
      <c r="P54" s="12">
        <v>50</v>
      </c>
      <c r="Q54" s="12">
        <v>749</v>
      </c>
      <c r="R54" s="12">
        <v>230</v>
      </c>
    </row>
    <row r="55" spans="1:18" s="4" customFormat="1" x14ac:dyDescent="0.15">
      <c r="A55" s="3"/>
      <c r="B55" s="3" t="s">
        <v>697</v>
      </c>
      <c r="C55" s="12">
        <v>1311</v>
      </c>
      <c r="D55" s="12">
        <v>2411</v>
      </c>
      <c r="E55" s="12">
        <v>1223</v>
      </c>
      <c r="F55" s="12">
        <v>1188</v>
      </c>
      <c r="G55" s="12">
        <v>239</v>
      </c>
      <c r="H55" s="12">
        <v>174</v>
      </c>
      <c r="I55" s="12">
        <v>375</v>
      </c>
      <c r="J55" s="12">
        <v>393</v>
      </c>
      <c r="K55" s="12">
        <v>424</v>
      </c>
      <c r="L55" s="12">
        <v>287</v>
      </c>
      <c r="M55" s="12">
        <v>227</v>
      </c>
      <c r="N55" s="12">
        <v>292</v>
      </c>
      <c r="O55" s="12">
        <v>0</v>
      </c>
      <c r="P55" s="12">
        <v>318</v>
      </c>
      <c r="Q55" s="12">
        <v>1690</v>
      </c>
      <c r="R55" s="12">
        <v>403</v>
      </c>
    </row>
    <row r="56" spans="1:18" s="4" customFormat="1" x14ac:dyDescent="0.15">
      <c r="A56" s="3"/>
      <c r="B56" s="3" t="s">
        <v>698</v>
      </c>
      <c r="C56" s="12">
        <v>801</v>
      </c>
      <c r="D56" s="12">
        <v>1447</v>
      </c>
      <c r="E56" s="12">
        <v>706</v>
      </c>
      <c r="F56" s="12">
        <v>741</v>
      </c>
      <c r="G56" s="12">
        <v>125</v>
      </c>
      <c r="H56" s="12">
        <v>89</v>
      </c>
      <c r="I56" s="12">
        <v>237</v>
      </c>
      <c r="J56" s="12">
        <v>227</v>
      </c>
      <c r="K56" s="12">
        <v>212</v>
      </c>
      <c r="L56" s="12">
        <v>180</v>
      </c>
      <c r="M56" s="12">
        <v>154</v>
      </c>
      <c r="N56" s="12">
        <v>223</v>
      </c>
      <c r="O56" s="12">
        <v>0</v>
      </c>
      <c r="P56" s="12">
        <v>178</v>
      </c>
      <c r="Q56" s="12">
        <v>964</v>
      </c>
      <c r="R56" s="12">
        <v>305</v>
      </c>
    </row>
    <row r="57" spans="1:18" s="4" customFormat="1" x14ac:dyDescent="0.15">
      <c r="A57" s="3"/>
      <c r="B57" s="3" t="s">
        <v>699</v>
      </c>
      <c r="C57" s="12">
        <v>1201</v>
      </c>
      <c r="D57" s="12">
        <v>1721</v>
      </c>
      <c r="E57" s="12">
        <v>932</v>
      </c>
      <c r="F57" s="12">
        <v>789</v>
      </c>
      <c r="G57" s="12">
        <v>75</v>
      </c>
      <c r="H57" s="12">
        <v>82</v>
      </c>
      <c r="I57" s="12">
        <v>335</v>
      </c>
      <c r="J57" s="12">
        <v>352</v>
      </c>
      <c r="K57" s="12">
        <v>288</v>
      </c>
      <c r="L57" s="12">
        <v>232</v>
      </c>
      <c r="M57" s="12">
        <v>142</v>
      </c>
      <c r="N57" s="12">
        <v>215</v>
      </c>
      <c r="O57" s="12">
        <v>0</v>
      </c>
      <c r="P57" s="12">
        <v>106</v>
      </c>
      <c r="Q57" s="12">
        <v>1335</v>
      </c>
      <c r="R57" s="12">
        <v>280</v>
      </c>
    </row>
    <row r="58" spans="1:18" s="4" customFormat="1" x14ac:dyDescent="0.15">
      <c r="A58" s="3"/>
      <c r="B58" s="3" t="s">
        <v>700</v>
      </c>
      <c r="C58" s="12">
        <v>1619</v>
      </c>
      <c r="D58" s="12">
        <v>2485</v>
      </c>
      <c r="E58" s="12">
        <v>1224</v>
      </c>
      <c r="F58" s="12">
        <v>1261</v>
      </c>
      <c r="G58" s="12">
        <v>129</v>
      </c>
      <c r="H58" s="12">
        <v>149</v>
      </c>
      <c r="I58" s="12">
        <v>472</v>
      </c>
      <c r="J58" s="12">
        <v>433</v>
      </c>
      <c r="K58" s="12">
        <v>388</v>
      </c>
      <c r="L58" s="12">
        <v>359</v>
      </c>
      <c r="M58" s="12">
        <v>199</v>
      </c>
      <c r="N58" s="12">
        <v>356</v>
      </c>
      <c r="O58" s="12">
        <v>0</v>
      </c>
      <c r="P58" s="12">
        <v>201</v>
      </c>
      <c r="Q58" s="12">
        <v>1830</v>
      </c>
      <c r="R58" s="12">
        <v>454</v>
      </c>
    </row>
    <row r="59" spans="1:18" s="4" customFormat="1" x14ac:dyDescent="0.15">
      <c r="A59" s="3"/>
      <c r="B59" s="3" t="s">
        <v>701</v>
      </c>
      <c r="C59" s="12">
        <v>1932</v>
      </c>
      <c r="D59" s="12">
        <v>2968</v>
      </c>
      <c r="E59" s="12">
        <v>1371</v>
      </c>
      <c r="F59" s="12">
        <v>1597</v>
      </c>
      <c r="G59" s="12">
        <v>223</v>
      </c>
      <c r="H59" s="12">
        <v>174</v>
      </c>
      <c r="I59" s="12">
        <v>519</v>
      </c>
      <c r="J59" s="12">
        <v>529</v>
      </c>
      <c r="K59" s="12">
        <v>519</v>
      </c>
      <c r="L59" s="12">
        <v>386</v>
      </c>
      <c r="M59" s="12">
        <v>244</v>
      </c>
      <c r="N59" s="12">
        <v>374</v>
      </c>
      <c r="O59" s="12">
        <v>0</v>
      </c>
      <c r="P59" s="12">
        <v>311</v>
      </c>
      <c r="Q59" s="12">
        <v>2176</v>
      </c>
      <c r="R59" s="12">
        <v>481</v>
      </c>
    </row>
    <row r="60" spans="1:18" s="4" customFormat="1" x14ac:dyDescent="0.15">
      <c r="A60" s="3"/>
      <c r="B60" s="3" t="s">
        <v>702</v>
      </c>
      <c r="C60" s="12">
        <v>589</v>
      </c>
      <c r="D60" s="12">
        <v>952</v>
      </c>
      <c r="E60" s="12">
        <v>470</v>
      </c>
      <c r="F60" s="12">
        <v>482</v>
      </c>
      <c r="G60" s="12">
        <v>48</v>
      </c>
      <c r="H60" s="12">
        <v>62</v>
      </c>
      <c r="I60" s="12">
        <v>150</v>
      </c>
      <c r="J60" s="12">
        <v>125</v>
      </c>
      <c r="K60" s="12">
        <v>161</v>
      </c>
      <c r="L60" s="12">
        <v>137</v>
      </c>
      <c r="M60" s="12">
        <v>102</v>
      </c>
      <c r="N60" s="12">
        <v>167</v>
      </c>
      <c r="O60" s="12">
        <v>0</v>
      </c>
      <c r="P60" s="12">
        <v>83</v>
      </c>
      <c r="Q60" s="12">
        <v>652</v>
      </c>
      <c r="R60" s="12">
        <v>217</v>
      </c>
    </row>
    <row r="61" spans="1:18" s="4" customFormat="1" x14ac:dyDescent="0.15">
      <c r="A61" s="3"/>
      <c r="B61" s="3"/>
      <c r="C61" s="12"/>
      <c r="D61" s="12"/>
      <c r="E61" s="12"/>
      <c r="F61" s="12"/>
      <c r="G61" s="12"/>
      <c r="H61" s="12"/>
      <c r="I61" s="12"/>
      <c r="J61" s="12"/>
      <c r="K61" s="12"/>
      <c r="L61" s="12"/>
      <c r="M61" s="12"/>
      <c r="N61" s="12"/>
      <c r="O61" s="12"/>
      <c r="P61" s="12"/>
      <c r="Q61" s="12"/>
      <c r="R61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09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703</v>
      </c>
      <c r="B6" s="3"/>
      <c r="C6" s="12">
        <v>53978</v>
      </c>
      <c r="D6" s="12">
        <v>105195</v>
      </c>
      <c r="E6" s="12">
        <v>51151</v>
      </c>
      <c r="F6" s="12">
        <v>54044</v>
      </c>
      <c r="G6" s="12">
        <v>9145</v>
      </c>
      <c r="H6" s="12">
        <v>8374</v>
      </c>
      <c r="I6" s="12">
        <v>13464</v>
      </c>
      <c r="J6" s="12">
        <v>13753</v>
      </c>
      <c r="K6" s="12">
        <v>15140</v>
      </c>
      <c r="L6" s="12">
        <v>14115</v>
      </c>
      <c r="M6" s="12">
        <v>11289</v>
      </c>
      <c r="N6" s="12">
        <v>19915</v>
      </c>
      <c r="O6" s="12">
        <v>0</v>
      </c>
      <c r="P6" s="12">
        <v>13425</v>
      </c>
      <c r="Q6" s="12">
        <v>66288</v>
      </c>
      <c r="R6" s="12">
        <v>25482</v>
      </c>
    </row>
    <row r="7" spans="1:18" s="4" customFormat="1" x14ac:dyDescent="0.15">
      <c r="A7" s="3"/>
      <c r="B7" s="3" t="s">
        <v>704</v>
      </c>
      <c r="C7" s="12">
        <v>510</v>
      </c>
      <c r="D7" s="12">
        <v>909</v>
      </c>
      <c r="E7" s="12">
        <v>450</v>
      </c>
      <c r="F7" s="12">
        <v>459</v>
      </c>
      <c r="G7" s="12">
        <v>75</v>
      </c>
      <c r="H7" s="12">
        <v>53</v>
      </c>
      <c r="I7" s="12">
        <v>172</v>
      </c>
      <c r="J7" s="12">
        <v>142</v>
      </c>
      <c r="K7" s="12">
        <v>112</v>
      </c>
      <c r="L7" s="12">
        <v>118</v>
      </c>
      <c r="M7" s="12">
        <v>65</v>
      </c>
      <c r="N7" s="12">
        <v>172</v>
      </c>
      <c r="O7" s="12">
        <v>0</v>
      </c>
      <c r="P7" s="12">
        <v>97</v>
      </c>
      <c r="Q7" s="12">
        <v>605</v>
      </c>
      <c r="R7" s="12">
        <v>207</v>
      </c>
    </row>
    <row r="8" spans="1:18" s="4" customFormat="1" x14ac:dyDescent="0.15">
      <c r="A8" s="3"/>
      <c r="B8" s="3" t="s">
        <v>705</v>
      </c>
      <c r="C8" s="12">
        <v>1345</v>
      </c>
      <c r="D8" s="12">
        <v>2370</v>
      </c>
      <c r="E8" s="12">
        <v>1125</v>
      </c>
      <c r="F8" s="12">
        <v>1245</v>
      </c>
      <c r="G8" s="12">
        <v>246</v>
      </c>
      <c r="H8" s="12">
        <v>152</v>
      </c>
      <c r="I8" s="12">
        <v>387</v>
      </c>
      <c r="J8" s="12">
        <v>443</v>
      </c>
      <c r="K8" s="12">
        <v>403</v>
      </c>
      <c r="L8" s="12">
        <v>268</v>
      </c>
      <c r="M8" s="12">
        <v>173</v>
      </c>
      <c r="N8" s="12">
        <v>298</v>
      </c>
      <c r="O8" s="12">
        <v>0</v>
      </c>
      <c r="P8" s="12">
        <v>321</v>
      </c>
      <c r="Q8" s="12">
        <v>1674</v>
      </c>
      <c r="R8" s="12">
        <v>375</v>
      </c>
    </row>
    <row r="9" spans="1:18" s="4" customFormat="1" x14ac:dyDescent="0.15">
      <c r="A9" s="3"/>
      <c r="B9" s="3" t="s">
        <v>706</v>
      </c>
      <c r="C9" s="12">
        <v>535</v>
      </c>
      <c r="D9" s="12">
        <v>1148</v>
      </c>
      <c r="E9" s="12">
        <v>538</v>
      </c>
      <c r="F9" s="12">
        <v>610</v>
      </c>
      <c r="G9" s="12">
        <v>128</v>
      </c>
      <c r="H9" s="12">
        <v>89</v>
      </c>
      <c r="I9" s="12">
        <v>129</v>
      </c>
      <c r="J9" s="12">
        <v>169</v>
      </c>
      <c r="K9" s="12">
        <v>156</v>
      </c>
      <c r="L9" s="12">
        <v>145</v>
      </c>
      <c r="M9" s="12">
        <v>134</v>
      </c>
      <c r="N9" s="12">
        <v>198</v>
      </c>
      <c r="O9" s="12">
        <v>0</v>
      </c>
      <c r="P9" s="12">
        <v>182</v>
      </c>
      <c r="Q9" s="12">
        <v>706</v>
      </c>
      <c r="R9" s="12">
        <v>260</v>
      </c>
    </row>
    <row r="10" spans="1:18" s="4" customFormat="1" x14ac:dyDescent="0.15">
      <c r="A10" s="3"/>
      <c r="B10" s="3" t="s">
        <v>707</v>
      </c>
      <c r="C10" s="12">
        <v>505</v>
      </c>
      <c r="D10" s="12">
        <v>1017</v>
      </c>
      <c r="E10" s="12">
        <v>526</v>
      </c>
      <c r="F10" s="12">
        <v>491</v>
      </c>
      <c r="G10" s="12">
        <v>73</v>
      </c>
      <c r="H10" s="12">
        <v>100</v>
      </c>
      <c r="I10" s="12">
        <v>164</v>
      </c>
      <c r="J10" s="12">
        <v>101</v>
      </c>
      <c r="K10" s="12">
        <v>148</v>
      </c>
      <c r="L10" s="12">
        <v>140</v>
      </c>
      <c r="M10" s="12">
        <v>92</v>
      </c>
      <c r="N10" s="12">
        <v>199</v>
      </c>
      <c r="O10" s="12">
        <v>0</v>
      </c>
      <c r="P10" s="12">
        <v>117</v>
      </c>
      <c r="Q10" s="12">
        <v>660</v>
      </c>
      <c r="R10" s="12">
        <v>240</v>
      </c>
    </row>
    <row r="11" spans="1:18" s="4" customFormat="1" x14ac:dyDescent="0.15">
      <c r="A11" s="3"/>
      <c r="B11" s="3" t="s">
        <v>708</v>
      </c>
      <c r="C11" s="12">
        <v>154</v>
      </c>
      <c r="D11" s="12">
        <v>302</v>
      </c>
      <c r="E11" s="12">
        <v>139</v>
      </c>
      <c r="F11" s="12">
        <v>163</v>
      </c>
      <c r="G11" s="12">
        <v>31</v>
      </c>
      <c r="H11" s="12">
        <v>14</v>
      </c>
      <c r="I11" s="12">
        <v>27</v>
      </c>
      <c r="J11" s="12">
        <v>40</v>
      </c>
      <c r="K11" s="12">
        <v>33</v>
      </c>
      <c r="L11" s="12">
        <v>42</v>
      </c>
      <c r="M11" s="12">
        <v>36</v>
      </c>
      <c r="N11" s="12">
        <v>79</v>
      </c>
      <c r="O11" s="12">
        <v>0</v>
      </c>
      <c r="P11" s="12">
        <v>39</v>
      </c>
      <c r="Q11" s="12">
        <v>169</v>
      </c>
      <c r="R11" s="12">
        <v>94</v>
      </c>
    </row>
    <row r="12" spans="1:18" s="4" customFormat="1" x14ac:dyDescent="0.15">
      <c r="A12" s="3"/>
      <c r="B12" s="3" t="s">
        <v>709</v>
      </c>
      <c r="C12" s="12">
        <v>933</v>
      </c>
      <c r="D12" s="12">
        <v>1804</v>
      </c>
      <c r="E12" s="12">
        <v>877</v>
      </c>
      <c r="F12" s="12">
        <v>927</v>
      </c>
      <c r="G12" s="12">
        <v>150</v>
      </c>
      <c r="H12" s="12">
        <v>167</v>
      </c>
      <c r="I12" s="12">
        <v>256</v>
      </c>
      <c r="J12" s="12">
        <v>238</v>
      </c>
      <c r="K12" s="12">
        <v>335</v>
      </c>
      <c r="L12" s="12">
        <v>258</v>
      </c>
      <c r="M12" s="12">
        <v>198</v>
      </c>
      <c r="N12" s="12">
        <v>202</v>
      </c>
      <c r="O12" s="12">
        <v>0</v>
      </c>
      <c r="P12" s="12">
        <v>250</v>
      </c>
      <c r="Q12" s="12">
        <v>1248</v>
      </c>
      <c r="R12" s="12">
        <v>306</v>
      </c>
    </row>
    <row r="13" spans="1:18" s="4" customFormat="1" x14ac:dyDescent="0.15">
      <c r="A13" s="3"/>
      <c r="B13" s="3" t="s">
        <v>710</v>
      </c>
      <c r="C13" s="12">
        <v>153</v>
      </c>
      <c r="D13" s="12">
        <v>313</v>
      </c>
      <c r="E13" s="12">
        <v>150</v>
      </c>
      <c r="F13" s="12">
        <v>163</v>
      </c>
      <c r="G13" s="12">
        <v>34</v>
      </c>
      <c r="H13" s="12">
        <v>18</v>
      </c>
      <c r="I13" s="12">
        <v>26</v>
      </c>
      <c r="J13" s="12">
        <v>51</v>
      </c>
      <c r="K13" s="12">
        <v>32</v>
      </c>
      <c r="L13" s="12">
        <v>29</v>
      </c>
      <c r="M13" s="12">
        <v>36</v>
      </c>
      <c r="N13" s="12">
        <v>87</v>
      </c>
      <c r="O13" s="12">
        <v>0</v>
      </c>
      <c r="P13" s="12">
        <v>43</v>
      </c>
      <c r="Q13" s="12">
        <v>163</v>
      </c>
      <c r="R13" s="12">
        <v>107</v>
      </c>
    </row>
    <row r="14" spans="1:18" s="4" customFormat="1" x14ac:dyDescent="0.15">
      <c r="A14" s="3"/>
      <c r="B14" s="3" t="s">
        <v>711</v>
      </c>
      <c r="C14" s="12">
        <v>368</v>
      </c>
      <c r="D14" s="12">
        <v>733</v>
      </c>
      <c r="E14" s="12">
        <v>355</v>
      </c>
      <c r="F14" s="12">
        <v>378</v>
      </c>
      <c r="G14" s="12">
        <v>51</v>
      </c>
      <c r="H14" s="12">
        <v>60</v>
      </c>
      <c r="I14" s="12">
        <v>56</v>
      </c>
      <c r="J14" s="12">
        <v>76</v>
      </c>
      <c r="K14" s="12">
        <v>94</v>
      </c>
      <c r="L14" s="12">
        <v>100</v>
      </c>
      <c r="M14" s="12">
        <v>93</v>
      </c>
      <c r="N14" s="12">
        <v>203</v>
      </c>
      <c r="O14" s="12">
        <v>0</v>
      </c>
      <c r="P14" s="12">
        <v>80</v>
      </c>
      <c r="Q14" s="12">
        <v>404</v>
      </c>
      <c r="R14" s="12">
        <v>249</v>
      </c>
    </row>
    <row r="15" spans="1:18" s="4" customFormat="1" x14ac:dyDescent="0.15">
      <c r="A15" s="3"/>
      <c r="B15" s="3" t="s">
        <v>712</v>
      </c>
      <c r="C15" s="12">
        <v>676</v>
      </c>
      <c r="D15" s="12">
        <v>1402</v>
      </c>
      <c r="E15" s="12">
        <v>704</v>
      </c>
      <c r="F15" s="12">
        <v>698</v>
      </c>
      <c r="G15" s="12">
        <v>93</v>
      </c>
      <c r="H15" s="12">
        <v>109</v>
      </c>
      <c r="I15" s="12">
        <v>156</v>
      </c>
      <c r="J15" s="12">
        <v>174</v>
      </c>
      <c r="K15" s="12">
        <v>210</v>
      </c>
      <c r="L15" s="12">
        <v>187</v>
      </c>
      <c r="M15" s="12">
        <v>183</v>
      </c>
      <c r="N15" s="12">
        <v>290</v>
      </c>
      <c r="O15" s="12">
        <v>0</v>
      </c>
      <c r="P15" s="12">
        <v>140</v>
      </c>
      <c r="Q15" s="12">
        <v>875</v>
      </c>
      <c r="R15" s="12">
        <v>387</v>
      </c>
    </row>
    <row r="16" spans="1:18" s="4" customFormat="1" x14ac:dyDescent="0.15">
      <c r="A16" s="3"/>
      <c r="B16" s="3" t="s">
        <v>713</v>
      </c>
      <c r="C16" s="12">
        <v>708</v>
      </c>
      <c r="D16" s="12">
        <v>1471</v>
      </c>
      <c r="E16" s="12">
        <v>750</v>
      </c>
      <c r="F16" s="12">
        <v>721</v>
      </c>
      <c r="G16" s="12">
        <v>119</v>
      </c>
      <c r="H16" s="12">
        <v>160</v>
      </c>
      <c r="I16" s="12">
        <v>161</v>
      </c>
      <c r="J16" s="12">
        <v>169</v>
      </c>
      <c r="K16" s="12">
        <v>207</v>
      </c>
      <c r="L16" s="12">
        <v>201</v>
      </c>
      <c r="M16" s="12">
        <v>152</v>
      </c>
      <c r="N16" s="12">
        <v>302</v>
      </c>
      <c r="O16" s="12">
        <v>0</v>
      </c>
      <c r="P16" s="12">
        <v>213</v>
      </c>
      <c r="Q16" s="12">
        <v>882</v>
      </c>
      <c r="R16" s="12">
        <v>376</v>
      </c>
    </row>
    <row r="17" spans="1:18" s="4" customFormat="1" x14ac:dyDescent="0.15">
      <c r="A17" s="3"/>
      <c r="B17" s="3" t="s">
        <v>714</v>
      </c>
      <c r="C17" s="12">
        <v>422</v>
      </c>
      <c r="D17" s="12">
        <v>801</v>
      </c>
      <c r="E17" s="12">
        <v>410</v>
      </c>
      <c r="F17" s="12">
        <v>391</v>
      </c>
      <c r="G17" s="12">
        <v>71</v>
      </c>
      <c r="H17" s="12">
        <v>70</v>
      </c>
      <c r="I17" s="12">
        <v>161</v>
      </c>
      <c r="J17" s="12">
        <v>94</v>
      </c>
      <c r="K17" s="12">
        <v>104</v>
      </c>
      <c r="L17" s="12">
        <v>100</v>
      </c>
      <c r="M17" s="12">
        <v>74</v>
      </c>
      <c r="N17" s="12">
        <v>127</v>
      </c>
      <c r="O17" s="12">
        <v>0</v>
      </c>
      <c r="P17" s="12">
        <v>99</v>
      </c>
      <c r="Q17" s="12">
        <v>539</v>
      </c>
      <c r="R17" s="12">
        <v>163</v>
      </c>
    </row>
    <row r="18" spans="1:18" s="4" customFormat="1" x14ac:dyDescent="0.15">
      <c r="A18" s="3"/>
      <c r="B18" s="3" t="s">
        <v>715</v>
      </c>
      <c r="C18" s="12">
        <v>75</v>
      </c>
      <c r="D18" s="12">
        <v>165</v>
      </c>
      <c r="E18" s="12">
        <v>76</v>
      </c>
      <c r="F18" s="12">
        <v>89</v>
      </c>
      <c r="G18" s="12">
        <v>19</v>
      </c>
      <c r="H18" s="12">
        <v>12</v>
      </c>
      <c r="I18" s="12">
        <v>12</v>
      </c>
      <c r="J18" s="12">
        <v>20</v>
      </c>
      <c r="K18" s="12">
        <v>32</v>
      </c>
      <c r="L18" s="12">
        <v>22</v>
      </c>
      <c r="M18" s="12">
        <v>15</v>
      </c>
      <c r="N18" s="12">
        <v>33</v>
      </c>
      <c r="O18" s="12">
        <v>0</v>
      </c>
      <c r="P18" s="12">
        <v>27</v>
      </c>
      <c r="Q18" s="12">
        <v>98</v>
      </c>
      <c r="R18" s="12">
        <v>40</v>
      </c>
    </row>
    <row r="19" spans="1:18" s="4" customFormat="1" x14ac:dyDescent="0.15">
      <c r="A19" s="3"/>
      <c r="B19" s="3" t="s">
        <v>716</v>
      </c>
      <c r="C19" s="12">
        <v>1443</v>
      </c>
      <c r="D19" s="12">
        <v>2787</v>
      </c>
      <c r="E19" s="12">
        <v>1431</v>
      </c>
      <c r="F19" s="12">
        <v>1356</v>
      </c>
      <c r="G19" s="12">
        <v>260</v>
      </c>
      <c r="H19" s="12">
        <v>206</v>
      </c>
      <c r="I19" s="12">
        <v>337</v>
      </c>
      <c r="J19" s="12">
        <v>429</v>
      </c>
      <c r="K19" s="12">
        <v>402</v>
      </c>
      <c r="L19" s="12">
        <v>352</v>
      </c>
      <c r="M19" s="12">
        <v>295</v>
      </c>
      <c r="N19" s="12">
        <v>506</v>
      </c>
      <c r="O19" s="12">
        <v>0</v>
      </c>
      <c r="P19" s="12">
        <v>374</v>
      </c>
      <c r="Q19" s="12">
        <v>1760</v>
      </c>
      <c r="R19" s="12">
        <v>653</v>
      </c>
    </row>
    <row r="20" spans="1:18" s="4" customFormat="1" x14ac:dyDescent="0.15">
      <c r="A20" s="3"/>
      <c r="B20" s="3" t="s">
        <v>717</v>
      </c>
      <c r="C20" s="12">
        <v>1258</v>
      </c>
      <c r="D20" s="12">
        <v>2389</v>
      </c>
      <c r="E20" s="12">
        <v>1165</v>
      </c>
      <c r="F20" s="12">
        <v>1224</v>
      </c>
      <c r="G20" s="12">
        <v>187</v>
      </c>
      <c r="H20" s="12">
        <v>152</v>
      </c>
      <c r="I20" s="12">
        <v>280</v>
      </c>
      <c r="J20" s="12">
        <v>309</v>
      </c>
      <c r="K20" s="12">
        <v>317</v>
      </c>
      <c r="L20" s="12">
        <v>347</v>
      </c>
      <c r="M20" s="12">
        <v>307</v>
      </c>
      <c r="N20" s="12">
        <v>490</v>
      </c>
      <c r="O20" s="12">
        <v>0</v>
      </c>
      <c r="P20" s="12">
        <v>262</v>
      </c>
      <c r="Q20" s="12">
        <v>1488</v>
      </c>
      <c r="R20" s="12">
        <v>639</v>
      </c>
    </row>
    <row r="21" spans="1:18" s="4" customFormat="1" x14ac:dyDescent="0.15">
      <c r="A21" s="3"/>
      <c r="B21" s="3" t="s">
        <v>718</v>
      </c>
      <c r="C21" s="12">
        <v>799</v>
      </c>
      <c r="D21" s="12">
        <v>1860</v>
      </c>
      <c r="E21" s="12">
        <v>897</v>
      </c>
      <c r="F21" s="12">
        <v>963</v>
      </c>
      <c r="G21" s="12">
        <v>232</v>
      </c>
      <c r="H21" s="12">
        <v>208</v>
      </c>
      <c r="I21" s="12">
        <v>140</v>
      </c>
      <c r="J21" s="12">
        <v>183</v>
      </c>
      <c r="K21" s="12">
        <v>341</v>
      </c>
      <c r="L21" s="12">
        <v>222</v>
      </c>
      <c r="M21" s="12">
        <v>196</v>
      </c>
      <c r="N21" s="12">
        <v>338</v>
      </c>
      <c r="O21" s="12">
        <v>0</v>
      </c>
      <c r="P21" s="12">
        <v>350</v>
      </c>
      <c r="Q21" s="12">
        <v>1076</v>
      </c>
      <c r="R21" s="12">
        <v>434</v>
      </c>
    </row>
    <row r="22" spans="1:18" s="4" customFormat="1" x14ac:dyDescent="0.15">
      <c r="A22" s="3"/>
      <c r="B22" s="3" t="s">
        <v>719</v>
      </c>
      <c r="C22" s="12">
        <v>702</v>
      </c>
      <c r="D22" s="12">
        <v>1100</v>
      </c>
      <c r="E22" s="12">
        <v>566</v>
      </c>
      <c r="F22" s="12">
        <v>534</v>
      </c>
      <c r="G22" s="12">
        <v>47</v>
      </c>
      <c r="H22" s="12">
        <v>65</v>
      </c>
      <c r="I22" s="12">
        <v>261</v>
      </c>
      <c r="J22" s="12">
        <v>145</v>
      </c>
      <c r="K22" s="12">
        <v>133</v>
      </c>
      <c r="L22" s="12">
        <v>127</v>
      </c>
      <c r="M22" s="12">
        <v>108</v>
      </c>
      <c r="N22" s="12">
        <v>214</v>
      </c>
      <c r="O22" s="12">
        <v>0</v>
      </c>
      <c r="P22" s="12">
        <v>74</v>
      </c>
      <c r="Q22" s="12">
        <v>753</v>
      </c>
      <c r="R22" s="12">
        <v>273</v>
      </c>
    </row>
    <row r="23" spans="1:18" s="4" customFormat="1" x14ac:dyDescent="0.15">
      <c r="A23" s="3"/>
      <c r="B23" s="3" t="s">
        <v>720</v>
      </c>
      <c r="C23" s="12">
        <v>559</v>
      </c>
      <c r="D23" s="12">
        <v>1137</v>
      </c>
      <c r="E23" s="12">
        <v>527</v>
      </c>
      <c r="F23" s="12">
        <v>610</v>
      </c>
      <c r="G23" s="12">
        <v>108</v>
      </c>
      <c r="H23" s="12">
        <v>79</v>
      </c>
      <c r="I23" s="12">
        <v>112</v>
      </c>
      <c r="J23" s="12">
        <v>159</v>
      </c>
      <c r="K23" s="12">
        <v>143</v>
      </c>
      <c r="L23" s="12">
        <v>131</v>
      </c>
      <c r="M23" s="12">
        <v>127</v>
      </c>
      <c r="N23" s="12">
        <v>278</v>
      </c>
      <c r="O23" s="12">
        <v>0</v>
      </c>
      <c r="P23" s="12">
        <v>145</v>
      </c>
      <c r="Q23" s="12">
        <v>645</v>
      </c>
      <c r="R23" s="12">
        <v>347</v>
      </c>
    </row>
    <row r="24" spans="1:18" s="4" customFormat="1" x14ac:dyDescent="0.15">
      <c r="A24" s="3"/>
      <c r="B24" s="3" t="s">
        <v>721</v>
      </c>
      <c r="C24" s="12">
        <v>794</v>
      </c>
      <c r="D24" s="12">
        <v>1459</v>
      </c>
      <c r="E24" s="12">
        <v>685</v>
      </c>
      <c r="F24" s="12">
        <v>774</v>
      </c>
      <c r="G24" s="12">
        <v>113</v>
      </c>
      <c r="H24" s="12">
        <v>86</v>
      </c>
      <c r="I24" s="12">
        <v>165</v>
      </c>
      <c r="J24" s="12">
        <v>190</v>
      </c>
      <c r="K24" s="12">
        <v>192</v>
      </c>
      <c r="L24" s="12">
        <v>159</v>
      </c>
      <c r="M24" s="12">
        <v>180</v>
      </c>
      <c r="N24" s="12">
        <v>374</v>
      </c>
      <c r="O24" s="12">
        <v>0</v>
      </c>
      <c r="P24" s="12">
        <v>150</v>
      </c>
      <c r="Q24" s="12">
        <v>837</v>
      </c>
      <c r="R24" s="12">
        <v>472</v>
      </c>
    </row>
    <row r="25" spans="1:18" s="4" customFormat="1" x14ac:dyDescent="0.15">
      <c r="A25" s="3"/>
      <c r="B25" s="3" t="s">
        <v>722</v>
      </c>
      <c r="C25" s="12">
        <v>274</v>
      </c>
      <c r="D25" s="12">
        <v>549</v>
      </c>
      <c r="E25" s="12">
        <v>280</v>
      </c>
      <c r="F25" s="12">
        <v>269</v>
      </c>
      <c r="G25" s="12">
        <v>32</v>
      </c>
      <c r="H25" s="12">
        <v>50</v>
      </c>
      <c r="I25" s="12">
        <v>44</v>
      </c>
      <c r="J25" s="12">
        <v>61</v>
      </c>
      <c r="K25" s="12">
        <v>82</v>
      </c>
      <c r="L25" s="12">
        <v>64</v>
      </c>
      <c r="M25" s="12">
        <v>72</v>
      </c>
      <c r="N25" s="12">
        <v>144</v>
      </c>
      <c r="O25" s="12">
        <v>0</v>
      </c>
      <c r="P25" s="12">
        <v>56</v>
      </c>
      <c r="Q25" s="12">
        <v>312</v>
      </c>
      <c r="R25" s="12">
        <v>181</v>
      </c>
    </row>
    <row r="26" spans="1:18" s="4" customFormat="1" x14ac:dyDescent="0.15">
      <c r="A26" s="3"/>
      <c r="B26" s="3" t="s">
        <v>723</v>
      </c>
      <c r="C26" s="12">
        <v>470</v>
      </c>
      <c r="D26" s="12">
        <v>857</v>
      </c>
      <c r="E26" s="12">
        <v>423</v>
      </c>
      <c r="F26" s="12">
        <v>434</v>
      </c>
      <c r="G26" s="12">
        <v>110</v>
      </c>
      <c r="H26" s="12">
        <v>68</v>
      </c>
      <c r="I26" s="12">
        <v>109</v>
      </c>
      <c r="J26" s="12">
        <v>158</v>
      </c>
      <c r="K26" s="12">
        <v>118</v>
      </c>
      <c r="L26" s="12">
        <v>81</v>
      </c>
      <c r="M26" s="12">
        <v>67</v>
      </c>
      <c r="N26" s="12">
        <v>146</v>
      </c>
      <c r="O26" s="12">
        <v>0</v>
      </c>
      <c r="P26" s="12">
        <v>145</v>
      </c>
      <c r="Q26" s="12">
        <v>536</v>
      </c>
      <c r="R26" s="12">
        <v>176</v>
      </c>
    </row>
    <row r="27" spans="1:18" s="4" customFormat="1" x14ac:dyDescent="0.15">
      <c r="A27" s="3"/>
      <c r="B27" s="3" t="s">
        <v>724</v>
      </c>
      <c r="C27" s="12">
        <v>440</v>
      </c>
      <c r="D27" s="12">
        <v>774</v>
      </c>
      <c r="E27" s="12">
        <v>370</v>
      </c>
      <c r="F27" s="12">
        <v>404</v>
      </c>
      <c r="G27" s="12">
        <v>39</v>
      </c>
      <c r="H27" s="12">
        <v>59</v>
      </c>
      <c r="I27" s="12">
        <v>109</v>
      </c>
      <c r="J27" s="12">
        <v>70</v>
      </c>
      <c r="K27" s="12">
        <v>101</v>
      </c>
      <c r="L27" s="12">
        <v>132</v>
      </c>
      <c r="M27" s="12">
        <v>97</v>
      </c>
      <c r="N27" s="12">
        <v>167</v>
      </c>
      <c r="O27" s="12">
        <v>0</v>
      </c>
      <c r="P27" s="12">
        <v>62</v>
      </c>
      <c r="Q27" s="12">
        <v>501</v>
      </c>
      <c r="R27" s="12">
        <v>211</v>
      </c>
    </row>
    <row r="28" spans="1:18" s="4" customFormat="1" x14ac:dyDescent="0.15">
      <c r="A28" s="3"/>
      <c r="B28" s="3" t="s">
        <v>725</v>
      </c>
      <c r="C28" s="12">
        <v>330</v>
      </c>
      <c r="D28" s="12">
        <v>578</v>
      </c>
      <c r="E28" s="12">
        <v>283</v>
      </c>
      <c r="F28" s="12">
        <v>295</v>
      </c>
      <c r="G28" s="12">
        <v>39</v>
      </c>
      <c r="H28" s="12">
        <v>35</v>
      </c>
      <c r="I28" s="12">
        <v>73</v>
      </c>
      <c r="J28" s="12">
        <v>60</v>
      </c>
      <c r="K28" s="12">
        <v>72</v>
      </c>
      <c r="L28" s="12">
        <v>77</v>
      </c>
      <c r="M28" s="12">
        <v>63</v>
      </c>
      <c r="N28" s="12">
        <v>159</v>
      </c>
      <c r="O28" s="12">
        <v>0</v>
      </c>
      <c r="P28" s="12">
        <v>51</v>
      </c>
      <c r="Q28" s="12">
        <v>337</v>
      </c>
      <c r="R28" s="12">
        <v>190</v>
      </c>
    </row>
    <row r="29" spans="1:18" s="4" customFormat="1" x14ac:dyDescent="0.15">
      <c r="A29" s="3"/>
      <c r="B29" s="3" t="s">
        <v>726</v>
      </c>
      <c r="C29" s="12">
        <v>224</v>
      </c>
      <c r="D29" s="12">
        <v>430</v>
      </c>
      <c r="E29" s="12">
        <v>227</v>
      </c>
      <c r="F29" s="12">
        <v>203</v>
      </c>
      <c r="G29" s="12">
        <v>34</v>
      </c>
      <c r="H29" s="12">
        <v>33</v>
      </c>
      <c r="I29" s="12">
        <v>46</v>
      </c>
      <c r="J29" s="12">
        <v>67</v>
      </c>
      <c r="K29" s="12">
        <v>63</v>
      </c>
      <c r="L29" s="12">
        <v>56</v>
      </c>
      <c r="M29" s="12">
        <v>43</v>
      </c>
      <c r="N29" s="12">
        <v>88</v>
      </c>
      <c r="O29" s="12">
        <v>0</v>
      </c>
      <c r="P29" s="12">
        <v>49</v>
      </c>
      <c r="Q29" s="12">
        <v>265</v>
      </c>
      <c r="R29" s="12">
        <v>116</v>
      </c>
    </row>
    <row r="30" spans="1:18" s="4" customFormat="1" x14ac:dyDescent="0.15">
      <c r="A30" s="3"/>
      <c r="B30" s="3" t="s">
        <v>727</v>
      </c>
      <c r="C30" s="12">
        <v>715</v>
      </c>
      <c r="D30" s="12">
        <v>1420</v>
      </c>
      <c r="E30" s="12">
        <v>724</v>
      </c>
      <c r="F30" s="12">
        <v>696</v>
      </c>
      <c r="G30" s="12">
        <v>163</v>
      </c>
      <c r="H30" s="12">
        <v>128</v>
      </c>
      <c r="I30" s="12">
        <v>182</v>
      </c>
      <c r="J30" s="12">
        <v>243</v>
      </c>
      <c r="K30" s="12">
        <v>218</v>
      </c>
      <c r="L30" s="12">
        <v>194</v>
      </c>
      <c r="M30" s="12">
        <v>119</v>
      </c>
      <c r="N30" s="12">
        <v>173</v>
      </c>
      <c r="O30" s="12">
        <v>0</v>
      </c>
      <c r="P30" s="12">
        <v>243</v>
      </c>
      <c r="Q30" s="12">
        <v>945</v>
      </c>
      <c r="R30" s="12">
        <v>232</v>
      </c>
    </row>
    <row r="31" spans="1:18" s="4" customFormat="1" x14ac:dyDescent="0.15">
      <c r="A31" s="3"/>
      <c r="B31" s="3" t="s">
        <v>728</v>
      </c>
      <c r="C31" s="12">
        <v>446</v>
      </c>
      <c r="D31" s="12">
        <v>889</v>
      </c>
      <c r="E31" s="12">
        <v>440</v>
      </c>
      <c r="F31" s="12">
        <v>449</v>
      </c>
      <c r="G31" s="12">
        <v>79</v>
      </c>
      <c r="H31" s="12">
        <v>76</v>
      </c>
      <c r="I31" s="12">
        <v>104</v>
      </c>
      <c r="J31" s="12">
        <v>130</v>
      </c>
      <c r="K31" s="12">
        <v>152</v>
      </c>
      <c r="L31" s="12">
        <v>109</v>
      </c>
      <c r="M31" s="12">
        <v>89</v>
      </c>
      <c r="N31" s="12">
        <v>150</v>
      </c>
      <c r="O31" s="12">
        <v>0</v>
      </c>
      <c r="P31" s="12">
        <v>118</v>
      </c>
      <c r="Q31" s="12">
        <v>574</v>
      </c>
      <c r="R31" s="12">
        <v>197</v>
      </c>
    </row>
    <row r="32" spans="1:18" s="4" customFormat="1" x14ac:dyDescent="0.15">
      <c r="A32" s="3"/>
      <c r="B32" s="3" t="s">
        <v>729</v>
      </c>
      <c r="C32" s="12">
        <v>680</v>
      </c>
      <c r="D32" s="12">
        <v>1300</v>
      </c>
      <c r="E32" s="12">
        <v>635</v>
      </c>
      <c r="F32" s="12">
        <v>665</v>
      </c>
      <c r="G32" s="12">
        <v>89</v>
      </c>
      <c r="H32" s="12">
        <v>86</v>
      </c>
      <c r="I32" s="12">
        <v>171</v>
      </c>
      <c r="J32" s="12">
        <v>162</v>
      </c>
      <c r="K32" s="12">
        <v>170</v>
      </c>
      <c r="L32" s="12">
        <v>166</v>
      </c>
      <c r="M32" s="12">
        <v>168</v>
      </c>
      <c r="N32" s="12">
        <v>288</v>
      </c>
      <c r="O32" s="12">
        <v>0</v>
      </c>
      <c r="P32" s="12">
        <v>131</v>
      </c>
      <c r="Q32" s="12">
        <v>789</v>
      </c>
      <c r="R32" s="12">
        <v>380</v>
      </c>
    </row>
    <row r="33" spans="1:18" s="4" customFormat="1" x14ac:dyDescent="0.15">
      <c r="A33" s="3"/>
      <c r="B33" s="3" t="s">
        <v>730</v>
      </c>
      <c r="C33" s="12">
        <v>769</v>
      </c>
      <c r="D33" s="12">
        <v>1411</v>
      </c>
      <c r="E33" s="12">
        <v>703</v>
      </c>
      <c r="F33" s="12">
        <v>708</v>
      </c>
      <c r="G33" s="12">
        <v>96</v>
      </c>
      <c r="H33" s="12">
        <v>101</v>
      </c>
      <c r="I33" s="12">
        <v>214</v>
      </c>
      <c r="J33" s="12">
        <v>162</v>
      </c>
      <c r="K33" s="12">
        <v>191</v>
      </c>
      <c r="L33" s="12">
        <v>203</v>
      </c>
      <c r="M33" s="12">
        <v>137</v>
      </c>
      <c r="N33" s="12">
        <v>307</v>
      </c>
      <c r="O33" s="12">
        <v>0</v>
      </c>
      <c r="P33" s="12">
        <v>145</v>
      </c>
      <c r="Q33" s="12">
        <v>884</v>
      </c>
      <c r="R33" s="12">
        <v>382</v>
      </c>
    </row>
    <row r="34" spans="1:18" s="4" customFormat="1" x14ac:dyDescent="0.15">
      <c r="A34" s="3"/>
      <c r="B34" s="3" t="s">
        <v>731</v>
      </c>
      <c r="C34" s="12">
        <v>426</v>
      </c>
      <c r="D34" s="12">
        <v>849</v>
      </c>
      <c r="E34" s="12">
        <v>427</v>
      </c>
      <c r="F34" s="12">
        <v>422</v>
      </c>
      <c r="G34" s="12">
        <v>70</v>
      </c>
      <c r="H34" s="12">
        <v>60</v>
      </c>
      <c r="I34" s="12">
        <v>100</v>
      </c>
      <c r="J34" s="12">
        <v>91</v>
      </c>
      <c r="K34" s="12">
        <v>126</v>
      </c>
      <c r="L34" s="12">
        <v>123</v>
      </c>
      <c r="M34" s="12">
        <v>93</v>
      </c>
      <c r="N34" s="12">
        <v>186</v>
      </c>
      <c r="O34" s="12">
        <v>0</v>
      </c>
      <c r="P34" s="12">
        <v>97</v>
      </c>
      <c r="Q34" s="12">
        <v>515</v>
      </c>
      <c r="R34" s="12">
        <v>237</v>
      </c>
    </row>
    <row r="35" spans="1:18" s="4" customFormat="1" x14ac:dyDescent="0.15">
      <c r="A35" s="3"/>
      <c r="B35" s="3" t="s">
        <v>732</v>
      </c>
      <c r="C35" s="12">
        <v>1</v>
      </c>
      <c r="D35" s="12">
        <v>5</v>
      </c>
      <c r="E35" s="12">
        <v>2</v>
      </c>
      <c r="F35" s="12">
        <v>3</v>
      </c>
      <c r="G35" s="12" t="s">
        <v>132</v>
      </c>
      <c r="H35" s="12" t="s">
        <v>132</v>
      </c>
      <c r="I35" s="12" t="s">
        <v>132</v>
      </c>
      <c r="J35" s="12" t="s">
        <v>132</v>
      </c>
      <c r="K35" s="12" t="s">
        <v>132</v>
      </c>
      <c r="L35" s="12" t="s">
        <v>132</v>
      </c>
      <c r="M35" s="12" t="s">
        <v>132</v>
      </c>
      <c r="N35" s="12" t="s">
        <v>132</v>
      </c>
      <c r="O35" s="12" t="s">
        <v>132</v>
      </c>
      <c r="P35" s="12" t="s">
        <v>132</v>
      </c>
      <c r="Q35" s="12" t="s">
        <v>132</v>
      </c>
      <c r="R35" s="12" t="s">
        <v>132</v>
      </c>
    </row>
    <row r="36" spans="1:18" s="4" customFormat="1" x14ac:dyDescent="0.15">
      <c r="A36" s="3"/>
      <c r="B36" s="3" t="s">
        <v>733</v>
      </c>
      <c r="C36" s="12">
        <v>507</v>
      </c>
      <c r="D36" s="12">
        <v>944</v>
      </c>
      <c r="E36" s="12">
        <v>460</v>
      </c>
      <c r="F36" s="12">
        <v>484</v>
      </c>
      <c r="G36" s="12">
        <v>95</v>
      </c>
      <c r="H36" s="12">
        <v>76</v>
      </c>
      <c r="I36" s="12">
        <v>171</v>
      </c>
      <c r="J36" s="12">
        <v>167</v>
      </c>
      <c r="K36" s="12">
        <v>140</v>
      </c>
      <c r="L36" s="12">
        <v>138</v>
      </c>
      <c r="M36" s="12">
        <v>82</v>
      </c>
      <c r="N36" s="12">
        <v>75</v>
      </c>
      <c r="O36" s="12">
        <v>0</v>
      </c>
      <c r="P36" s="12">
        <v>133</v>
      </c>
      <c r="Q36" s="12">
        <v>699</v>
      </c>
      <c r="R36" s="12">
        <v>112</v>
      </c>
    </row>
    <row r="37" spans="1:18" s="4" customFormat="1" x14ac:dyDescent="0.15">
      <c r="A37" s="3"/>
      <c r="B37" s="3" t="s">
        <v>734</v>
      </c>
      <c r="C37" s="12">
        <v>532</v>
      </c>
      <c r="D37" s="12">
        <v>1023</v>
      </c>
      <c r="E37" s="12">
        <v>476</v>
      </c>
      <c r="F37" s="12">
        <v>547</v>
      </c>
      <c r="G37" s="12">
        <v>78</v>
      </c>
      <c r="H37" s="12">
        <v>77</v>
      </c>
      <c r="I37" s="12">
        <v>157</v>
      </c>
      <c r="J37" s="12">
        <v>128</v>
      </c>
      <c r="K37" s="12">
        <v>117</v>
      </c>
      <c r="L37" s="12">
        <v>150</v>
      </c>
      <c r="M37" s="12">
        <v>111</v>
      </c>
      <c r="N37" s="12">
        <v>205</v>
      </c>
      <c r="O37" s="12">
        <v>0</v>
      </c>
      <c r="P37" s="12">
        <v>119</v>
      </c>
      <c r="Q37" s="12">
        <v>651</v>
      </c>
      <c r="R37" s="12">
        <v>253</v>
      </c>
    </row>
    <row r="38" spans="1:18" s="4" customFormat="1" x14ac:dyDescent="0.15">
      <c r="A38" s="3"/>
      <c r="B38" s="3" t="s">
        <v>735</v>
      </c>
      <c r="C38" s="12">
        <v>608</v>
      </c>
      <c r="D38" s="12">
        <v>1089</v>
      </c>
      <c r="E38" s="12">
        <v>499</v>
      </c>
      <c r="F38" s="12">
        <v>590</v>
      </c>
      <c r="G38" s="12">
        <v>82</v>
      </c>
      <c r="H38" s="12">
        <v>77</v>
      </c>
      <c r="I38" s="12">
        <v>147</v>
      </c>
      <c r="J38" s="12">
        <v>148</v>
      </c>
      <c r="K38" s="12">
        <v>152</v>
      </c>
      <c r="L38" s="12">
        <v>171</v>
      </c>
      <c r="M38" s="12">
        <v>106</v>
      </c>
      <c r="N38" s="12">
        <v>206</v>
      </c>
      <c r="O38" s="12">
        <v>0</v>
      </c>
      <c r="P38" s="12">
        <v>120</v>
      </c>
      <c r="Q38" s="12">
        <v>712</v>
      </c>
      <c r="R38" s="12">
        <v>257</v>
      </c>
    </row>
    <row r="39" spans="1:18" s="4" customFormat="1" x14ac:dyDescent="0.15">
      <c r="A39" s="3"/>
      <c r="B39" s="3" t="s">
        <v>736</v>
      </c>
      <c r="C39" s="12">
        <v>1057</v>
      </c>
      <c r="D39" s="12">
        <v>2071</v>
      </c>
      <c r="E39" s="12">
        <v>979</v>
      </c>
      <c r="F39" s="12">
        <v>1092</v>
      </c>
      <c r="G39" s="12">
        <v>148</v>
      </c>
      <c r="H39" s="12">
        <v>152</v>
      </c>
      <c r="I39" s="12">
        <v>216</v>
      </c>
      <c r="J39" s="12">
        <v>259</v>
      </c>
      <c r="K39" s="12">
        <v>305</v>
      </c>
      <c r="L39" s="12">
        <v>297</v>
      </c>
      <c r="M39" s="12">
        <v>228</v>
      </c>
      <c r="N39" s="12">
        <v>466</v>
      </c>
      <c r="O39" s="12">
        <v>0</v>
      </c>
      <c r="P39" s="12">
        <v>220</v>
      </c>
      <c r="Q39" s="12">
        <v>1279</v>
      </c>
      <c r="R39" s="12">
        <v>572</v>
      </c>
    </row>
    <row r="40" spans="1:18" s="4" customFormat="1" x14ac:dyDescent="0.15">
      <c r="A40" s="3"/>
      <c r="B40" s="3" t="s">
        <v>737</v>
      </c>
      <c r="C40" s="12">
        <v>235</v>
      </c>
      <c r="D40" s="12">
        <v>535</v>
      </c>
      <c r="E40" s="12">
        <v>262</v>
      </c>
      <c r="F40" s="12">
        <v>273</v>
      </c>
      <c r="G40" s="12">
        <v>39</v>
      </c>
      <c r="H40" s="12">
        <v>59</v>
      </c>
      <c r="I40" s="12">
        <v>34</v>
      </c>
      <c r="J40" s="12">
        <v>44</v>
      </c>
      <c r="K40" s="12">
        <v>72</v>
      </c>
      <c r="L40" s="12">
        <v>69</v>
      </c>
      <c r="M40" s="12">
        <v>63</v>
      </c>
      <c r="N40" s="12">
        <v>155</v>
      </c>
      <c r="O40" s="12">
        <v>0</v>
      </c>
      <c r="P40" s="12">
        <v>71</v>
      </c>
      <c r="Q40" s="12">
        <v>270</v>
      </c>
      <c r="R40" s="12">
        <v>194</v>
      </c>
    </row>
    <row r="41" spans="1:18" s="4" customFormat="1" x14ac:dyDescent="0.15">
      <c r="A41" s="3"/>
      <c r="B41" s="3" t="s">
        <v>738</v>
      </c>
      <c r="C41" s="12">
        <v>235</v>
      </c>
      <c r="D41" s="12">
        <v>392</v>
      </c>
      <c r="E41" s="12">
        <v>153</v>
      </c>
      <c r="F41" s="12">
        <v>239</v>
      </c>
      <c r="G41" s="12">
        <v>19</v>
      </c>
      <c r="H41" s="12">
        <v>27</v>
      </c>
      <c r="I41" s="12">
        <v>95</v>
      </c>
      <c r="J41" s="12">
        <v>23</v>
      </c>
      <c r="K41" s="12">
        <v>40</v>
      </c>
      <c r="L41" s="12">
        <v>58</v>
      </c>
      <c r="M41" s="12">
        <v>26</v>
      </c>
      <c r="N41" s="12">
        <v>104</v>
      </c>
      <c r="O41" s="12">
        <v>0</v>
      </c>
      <c r="P41" s="12">
        <v>32</v>
      </c>
      <c r="Q41" s="12">
        <v>242</v>
      </c>
      <c r="R41" s="12">
        <v>118</v>
      </c>
    </row>
    <row r="42" spans="1:18" s="4" customFormat="1" x14ac:dyDescent="0.15">
      <c r="A42" s="3"/>
      <c r="B42" s="3" t="s">
        <v>739</v>
      </c>
      <c r="C42" s="12">
        <v>457</v>
      </c>
      <c r="D42" s="12">
        <v>770</v>
      </c>
      <c r="E42" s="12">
        <v>377</v>
      </c>
      <c r="F42" s="12">
        <v>393</v>
      </c>
      <c r="G42" s="12">
        <v>39</v>
      </c>
      <c r="H42" s="12">
        <v>44</v>
      </c>
      <c r="I42" s="12">
        <v>126</v>
      </c>
      <c r="J42" s="12">
        <v>119</v>
      </c>
      <c r="K42" s="12">
        <v>102</v>
      </c>
      <c r="L42" s="12">
        <v>99</v>
      </c>
      <c r="M42" s="12">
        <v>68</v>
      </c>
      <c r="N42" s="12">
        <v>173</v>
      </c>
      <c r="O42" s="12">
        <v>0</v>
      </c>
      <c r="P42" s="12">
        <v>60</v>
      </c>
      <c r="Q42" s="12">
        <v>503</v>
      </c>
      <c r="R42" s="12">
        <v>207</v>
      </c>
    </row>
    <row r="43" spans="1:18" s="4" customFormat="1" x14ac:dyDescent="0.15">
      <c r="A43" s="3"/>
      <c r="B43" s="3" t="s">
        <v>740</v>
      </c>
      <c r="C43" s="12">
        <v>282</v>
      </c>
      <c r="D43" s="12">
        <v>572</v>
      </c>
      <c r="E43" s="12">
        <v>282</v>
      </c>
      <c r="F43" s="12">
        <v>290</v>
      </c>
      <c r="G43" s="12">
        <v>41</v>
      </c>
      <c r="H43" s="12">
        <v>38</v>
      </c>
      <c r="I43" s="12">
        <v>62</v>
      </c>
      <c r="J43" s="12">
        <v>55</v>
      </c>
      <c r="K43" s="12">
        <v>88</v>
      </c>
      <c r="L43" s="12">
        <v>71</v>
      </c>
      <c r="M43" s="12">
        <v>74</v>
      </c>
      <c r="N43" s="12">
        <v>143</v>
      </c>
      <c r="O43" s="12">
        <v>0</v>
      </c>
      <c r="P43" s="12">
        <v>56</v>
      </c>
      <c r="Q43" s="12">
        <v>336</v>
      </c>
      <c r="R43" s="12">
        <v>180</v>
      </c>
    </row>
    <row r="44" spans="1:18" s="4" customFormat="1" x14ac:dyDescent="0.15">
      <c r="A44" s="3"/>
      <c r="B44" s="3" t="s">
        <v>741</v>
      </c>
      <c r="C44" s="12">
        <v>338</v>
      </c>
      <c r="D44" s="12">
        <v>697</v>
      </c>
      <c r="E44" s="12">
        <v>350</v>
      </c>
      <c r="F44" s="12">
        <v>347</v>
      </c>
      <c r="G44" s="12">
        <v>48</v>
      </c>
      <c r="H44" s="12">
        <v>75</v>
      </c>
      <c r="I44" s="12">
        <v>74</v>
      </c>
      <c r="J44" s="12">
        <v>63</v>
      </c>
      <c r="K44" s="12">
        <v>130</v>
      </c>
      <c r="L44" s="12">
        <v>118</v>
      </c>
      <c r="M44" s="12">
        <v>68</v>
      </c>
      <c r="N44" s="12">
        <v>121</v>
      </c>
      <c r="O44" s="12">
        <v>0</v>
      </c>
      <c r="P44" s="12">
        <v>87</v>
      </c>
      <c r="Q44" s="12">
        <v>462</v>
      </c>
      <c r="R44" s="12">
        <v>148</v>
      </c>
    </row>
    <row r="45" spans="1:18" s="4" customFormat="1" x14ac:dyDescent="0.15">
      <c r="A45" s="3"/>
      <c r="B45" s="3" t="s">
        <v>742</v>
      </c>
      <c r="C45" s="12">
        <v>374</v>
      </c>
      <c r="D45" s="12">
        <v>826</v>
      </c>
      <c r="E45" s="12">
        <v>426</v>
      </c>
      <c r="F45" s="12">
        <v>400</v>
      </c>
      <c r="G45" s="12">
        <v>55</v>
      </c>
      <c r="H45" s="12">
        <v>93</v>
      </c>
      <c r="I45" s="12">
        <v>114</v>
      </c>
      <c r="J45" s="12">
        <v>108</v>
      </c>
      <c r="K45" s="12">
        <v>111</v>
      </c>
      <c r="L45" s="12">
        <v>121</v>
      </c>
      <c r="M45" s="12">
        <v>77</v>
      </c>
      <c r="N45" s="12">
        <v>147</v>
      </c>
      <c r="O45" s="12">
        <v>0</v>
      </c>
      <c r="P45" s="12">
        <v>89</v>
      </c>
      <c r="Q45" s="12">
        <v>551</v>
      </c>
      <c r="R45" s="12">
        <v>186</v>
      </c>
    </row>
    <row r="46" spans="1:18" s="4" customFormat="1" x14ac:dyDescent="0.15">
      <c r="A46" s="3"/>
      <c r="B46" s="3" t="s">
        <v>743</v>
      </c>
      <c r="C46" s="12">
        <v>19</v>
      </c>
      <c r="D46" s="12">
        <v>36</v>
      </c>
      <c r="E46" s="12">
        <v>17</v>
      </c>
      <c r="F46" s="12">
        <v>19</v>
      </c>
      <c r="G46" s="12" t="s">
        <v>132</v>
      </c>
      <c r="H46" s="12" t="s">
        <v>132</v>
      </c>
      <c r="I46" s="12" t="s">
        <v>132</v>
      </c>
      <c r="J46" s="12" t="s">
        <v>132</v>
      </c>
      <c r="K46" s="12" t="s">
        <v>132</v>
      </c>
      <c r="L46" s="12" t="s">
        <v>132</v>
      </c>
      <c r="M46" s="12" t="s">
        <v>132</v>
      </c>
      <c r="N46" s="12" t="s">
        <v>132</v>
      </c>
      <c r="O46" s="12" t="s">
        <v>132</v>
      </c>
      <c r="P46" s="12" t="s">
        <v>132</v>
      </c>
      <c r="Q46" s="12" t="s">
        <v>132</v>
      </c>
      <c r="R46" s="12" t="s">
        <v>132</v>
      </c>
    </row>
    <row r="47" spans="1:18" s="4" customFormat="1" x14ac:dyDescent="0.15">
      <c r="A47" s="3"/>
      <c r="B47" s="3" t="s">
        <v>744</v>
      </c>
      <c r="C47" s="12">
        <v>546</v>
      </c>
      <c r="D47" s="12">
        <v>1225</v>
      </c>
      <c r="E47" s="12">
        <v>572</v>
      </c>
      <c r="F47" s="12">
        <v>653</v>
      </c>
      <c r="G47" s="12">
        <v>191</v>
      </c>
      <c r="H47" s="12">
        <v>94</v>
      </c>
      <c r="I47" s="12">
        <v>129</v>
      </c>
      <c r="J47" s="12">
        <v>208</v>
      </c>
      <c r="K47" s="12">
        <v>189</v>
      </c>
      <c r="L47" s="12">
        <v>141</v>
      </c>
      <c r="M47" s="12">
        <v>115</v>
      </c>
      <c r="N47" s="12">
        <v>158</v>
      </c>
      <c r="O47" s="12">
        <v>0</v>
      </c>
      <c r="P47" s="12">
        <v>243</v>
      </c>
      <c r="Q47" s="12">
        <v>763</v>
      </c>
      <c r="R47" s="12">
        <v>219</v>
      </c>
    </row>
    <row r="48" spans="1:18" s="4" customFormat="1" x14ac:dyDescent="0.15">
      <c r="A48" s="3"/>
      <c r="B48" s="3" t="s">
        <v>745</v>
      </c>
      <c r="C48" s="12">
        <v>1912</v>
      </c>
      <c r="D48" s="12">
        <v>4016</v>
      </c>
      <c r="E48" s="12">
        <v>1960</v>
      </c>
      <c r="F48" s="12">
        <v>2056</v>
      </c>
      <c r="G48" s="12">
        <v>336</v>
      </c>
      <c r="H48" s="12">
        <v>431</v>
      </c>
      <c r="I48" s="12">
        <v>488</v>
      </c>
      <c r="J48" s="12">
        <v>402</v>
      </c>
      <c r="K48" s="12">
        <v>552</v>
      </c>
      <c r="L48" s="12">
        <v>661</v>
      </c>
      <c r="M48" s="12">
        <v>515</v>
      </c>
      <c r="N48" s="12">
        <v>631</v>
      </c>
      <c r="O48" s="12">
        <v>0</v>
      </c>
      <c r="P48" s="12">
        <v>555</v>
      </c>
      <c r="Q48" s="12">
        <v>2592</v>
      </c>
      <c r="R48" s="12">
        <v>869</v>
      </c>
    </row>
    <row r="49" spans="1:18" s="4" customFormat="1" x14ac:dyDescent="0.15">
      <c r="A49" s="3"/>
      <c r="B49" s="3" t="s">
        <v>746</v>
      </c>
      <c r="C49" s="12">
        <v>664</v>
      </c>
      <c r="D49" s="12">
        <v>1416</v>
      </c>
      <c r="E49" s="12">
        <v>669</v>
      </c>
      <c r="F49" s="12">
        <v>747</v>
      </c>
      <c r="G49" s="12">
        <v>141</v>
      </c>
      <c r="H49" s="12">
        <v>115</v>
      </c>
      <c r="I49" s="12">
        <v>148</v>
      </c>
      <c r="J49" s="12">
        <v>212</v>
      </c>
      <c r="K49" s="12">
        <v>188</v>
      </c>
      <c r="L49" s="12">
        <v>186</v>
      </c>
      <c r="M49" s="12">
        <v>155</v>
      </c>
      <c r="N49" s="12">
        <v>271</v>
      </c>
      <c r="O49" s="12">
        <v>0</v>
      </c>
      <c r="P49" s="12">
        <v>215</v>
      </c>
      <c r="Q49" s="12">
        <v>854</v>
      </c>
      <c r="R49" s="12">
        <v>347</v>
      </c>
    </row>
    <row r="50" spans="1:18" s="4" customFormat="1" x14ac:dyDescent="0.15">
      <c r="A50" s="3"/>
      <c r="B50" s="3" t="s">
        <v>747</v>
      </c>
      <c r="C50" s="12">
        <v>311</v>
      </c>
      <c r="D50" s="12">
        <v>541</v>
      </c>
      <c r="E50" s="12">
        <v>246</v>
      </c>
      <c r="F50" s="12">
        <v>295</v>
      </c>
      <c r="G50" s="12">
        <v>22</v>
      </c>
      <c r="H50" s="12">
        <v>29</v>
      </c>
      <c r="I50" s="12">
        <v>55</v>
      </c>
      <c r="J50" s="12">
        <v>49</v>
      </c>
      <c r="K50" s="12">
        <v>65</v>
      </c>
      <c r="L50" s="12">
        <v>56</v>
      </c>
      <c r="M50" s="12">
        <v>82</v>
      </c>
      <c r="N50" s="12">
        <v>183</v>
      </c>
      <c r="O50" s="12">
        <v>0</v>
      </c>
      <c r="P50" s="12">
        <v>34</v>
      </c>
      <c r="Q50" s="12">
        <v>279</v>
      </c>
      <c r="R50" s="12">
        <v>228</v>
      </c>
    </row>
    <row r="51" spans="1:18" s="4" customFormat="1" x14ac:dyDescent="0.15">
      <c r="A51" s="3"/>
      <c r="B51" s="3" t="s">
        <v>748</v>
      </c>
      <c r="C51" s="12">
        <v>278</v>
      </c>
      <c r="D51" s="12">
        <v>478</v>
      </c>
      <c r="E51" s="12">
        <v>224</v>
      </c>
      <c r="F51" s="12">
        <v>254</v>
      </c>
      <c r="G51" s="12">
        <v>33</v>
      </c>
      <c r="H51" s="12">
        <v>40</v>
      </c>
      <c r="I51" s="12">
        <v>63</v>
      </c>
      <c r="J51" s="12">
        <v>68</v>
      </c>
      <c r="K51" s="12">
        <v>86</v>
      </c>
      <c r="L51" s="12">
        <v>65</v>
      </c>
      <c r="M51" s="12">
        <v>33</v>
      </c>
      <c r="N51" s="12">
        <v>90</v>
      </c>
      <c r="O51" s="12">
        <v>0</v>
      </c>
      <c r="P51" s="12">
        <v>50</v>
      </c>
      <c r="Q51" s="12">
        <v>325</v>
      </c>
      <c r="R51" s="12">
        <v>103</v>
      </c>
    </row>
    <row r="52" spans="1:18" s="4" customFormat="1" x14ac:dyDescent="0.15">
      <c r="A52" s="3"/>
      <c r="B52" s="3" t="s">
        <v>749</v>
      </c>
      <c r="C52" s="12">
        <v>797</v>
      </c>
      <c r="D52" s="12">
        <v>1523</v>
      </c>
      <c r="E52" s="12">
        <v>737</v>
      </c>
      <c r="F52" s="12">
        <v>786</v>
      </c>
      <c r="G52" s="12">
        <v>128</v>
      </c>
      <c r="H52" s="12">
        <v>117</v>
      </c>
      <c r="I52" s="12">
        <v>196</v>
      </c>
      <c r="J52" s="12">
        <v>194</v>
      </c>
      <c r="K52" s="12">
        <v>247</v>
      </c>
      <c r="L52" s="12">
        <v>243</v>
      </c>
      <c r="M52" s="12">
        <v>177</v>
      </c>
      <c r="N52" s="12">
        <v>221</v>
      </c>
      <c r="O52" s="12">
        <v>0</v>
      </c>
      <c r="P52" s="12">
        <v>185</v>
      </c>
      <c r="Q52" s="12">
        <v>1029</v>
      </c>
      <c r="R52" s="12">
        <v>309</v>
      </c>
    </row>
    <row r="53" spans="1:18" s="4" customFormat="1" x14ac:dyDescent="0.15">
      <c r="A53" s="3"/>
      <c r="B53" s="3" t="s">
        <v>750</v>
      </c>
      <c r="C53" s="12">
        <v>425</v>
      </c>
      <c r="D53" s="12">
        <v>702</v>
      </c>
      <c r="E53" s="12">
        <v>371</v>
      </c>
      <c r="F53" s="12">
        <v>331</v>
      </c>
      <c r="G53" s="12">
        <v>44</v>
      </c>
      <c r="H53" s="12">
        <v>48</v>
      </c>
      <c r="I53" s="12">
        <v>115</v>
      </c>
      <c r="J53" s="12">
        <v>115</v>
      </c>
      <c r="K53" s="12">
        <v>107</v>
      </c>
      <c r="L53" s="12">
        <v>88</v>
      </c>
      <c r="M53" s="12">
        <v>57</v>
      </c>
      <c r="N53" s="12">
        <v>128</v>
      </c>
      <c r="O53" s="12">
        <v>0</v>
      </c>
      <c r="P53" s="12">
        <v>73</v>
      </c>
      <c r="Q53" s="12">
        <v>470</v>
      </c>
      <c r="R53" s="12">
        <v>159</v>
      </c>
    </row>
    <row r="54" spans="1:18" s="4" customFormat="1" x14ac:dyDescent="0.15">
      <c r="A54" s="3"/>
      <c r="B54" s="3" t="s">
        <v>751</v>
      </c>
      <c r="C54" s="12">
        <v>170</v>
      </c>
      <c r="D54" s="12">
        <v>170</v>
      </c>
      <c r="E54" s="12">
        <v>9</v>
      </c>
      <c r="F54" s="12">
        <v>161</v>
      </c>
      <c r="G54" s="12">
        <v>0</v>
      </c>
      <c r="H54" s="12">
        <v>0</v>
      </c>
      <c r="I54" s="12">
        <v>170</v>
      </c>
      <c r="J54" s="12">
        <v>0</v>
      </c>
      <c r="K54" s="12">
        <v>0</v>
      </c>
      <c r="L54" s="12">
        <v>0</v>
      </c>
      <c r="M54" s="12">
        <v>0</v>
      </c>
      <c r="N54" s="12">
        <v>0</v>
      </c>
      <c r="O54" s="12">
        <v>0</v>
      </c>
      <c r="P54" s="12">
        <v>0</v>
      </c>
      <c r="Q54" s="12">
        <v>170</v>
      </c>
      <c r="R54" s="12">
        <v>0</v>
      </c>
    </row>
    <row r="55" spans="1:18" s="4" customFormat="1" x14ac:dyDescent="0.15">
      <c r="A55" s="3"/>
      <c r="B55" s="3" t="s">
        <v>752</v>
      </c>
      <c r="C55" s="12">
        <v>91</v>
      </c>
      <c r="D55" s="12">
        <v>100</v>
      </c>
      <c r="E55" s="12">
        <v>46</v>
      </c>
      <c r="F55" s="12">
        <v>54</v>
      </c>
      <c r="G55" s="12">
        <v>1</v>
      </c>
      <c r="H55" s="12">
        <v>0</v>
      </c>
      <c r="I55" s="12">
        <v>34</v>
      </c>
      <c r="J55" s="12">
        <v>36</v>
      </c>
      <c r="K55" s="12">
        <v>11</v>
      </c>
      <c r="L55" s="12">
        <v>4</v>
      </c>
      <c r="M55" s="12">
        <v>3</v>
      </c>
      <c r="N55" s="12">
        <v>11</v>
      </c>
      <c r="O55" s="12">
        <v>0</v>
      </c>
      <c r="P55" s="12">
        <v>1</v>
      </c>
      <c r="Q55" s="12">
        <v>86</v>
      </c>
      <c r="R55" s="12">
        <v>13</v>
      </c>
    </row>
    <row r="56" spans="1:18" s="4" customFormat="1" x14ac:dyDescent="0.15">
      <c r="A56" s="3"/>
      <c r="B56" s="3" t="s">
        <v>753</v>
      </c>
      <c r="C56" s="12">
        <v>812</v>
      </c>
      <c r="D56" s="12">
        <v>1270</v>
      </c>
      <c r="E56" s="12">
        <v>608</v>
      </c>
      <c r="F56" s="12">
        <v>662</v>
      </c>
      <c r="G56" s="12">
        <v>65</v>
      </c>
      <c r="H56" s="12">
        <v>58</v>
      </c>
      <c r="I56" s="12">
        <v>298</v>
      </c>
      <c r="J56" s="12">
        <v>213</v>
      </c>
      <c r="K56" s="12">
        <v>160</v>
      </c>
      <c r="L56" s="12">
        <v>130</v>
      </c>
      <c r="M56" s="12">
        <v>117</v>
      </c>
      <c r="N56" s="12">
        <v>229</v>
      </c>
      <c r="O56" s="12">
        <v>0</v>
      </c>
      <c r="P56" s="12">
        <v>93</v>
      </c>
      <c r="Q56" s="12">
        <v>888</v>
      </c>
      <c r="R56" s="12">
        <v>289</v>
      </c>
    </row>
    <row r="57" spans="1:18" s="4" customFormat="1" x14ac:dyDescent="0.15">
      <c r="A57" s="3"/>
      <c r="B57" s="3" t="s">
        <v>754</v>
      </c>
      <c r="C57" s="12">
        <v>705</v>
      </c>
      <c r="D57" s="12">
        <v>1356</v>
      </c>
      <c r="E57" s="12">
        <v>631</v>
      </c>
      <c r="F57" s="12">
        <v>725</v>
      </c>
      <c r="G57" s="12">
        <v>139</v>
      </c>
      <c r="H57" s="12">
        <v>88</v>
      </c>
      <c r="I57" s="12">
        <v>205</v>
      </c>
      <c r="J57" s="12">
        <v>236</v>
      </c>
      <c r="K57" s="12">
        <v>166</v>
      </c>
      <c r="L57" s="12">
        <v>136</v>
      </c>
      <c r="M57" s="12">
        <v>132</v>
      </c>
      <c r="N57" s="12">
        <v>254</v>
      </c>
      <c r="O57" s="12">
        <v>0</v>
      </c>
      <c r="P57" s="12">
        <v>196</v>
      </c>
      <c r="Q57" s="12">
        <v>831</v>
      </c>
      <c r="R57" s="12">
        <v>329</v>
      </c>
    </row>
    <row r="58" spans="1:18" s="4" customFormat="1" x14ac:dyDescent="0.15">
      <c r="A58" s="3"/>
      <c r="B58" s="3" t="s">
        <v>755</v>
      </c>
      <c r="C58" s="12">
        <v>762</v>
      </c>
      <c r="D58" s="12">
        <v>1449</v>
      </c>
      <c r="E58" s="12">
        <v>712</v>
      </c>
      <c r="F58" s="12">
        <v>737</v>
      </c>
      <c r="G58" s="12">
        <v>125</v>
      </c>
      <c r="H58" s="12">
        <v>119</v>
      </c>
      <c r="I58" s="12">
        <v>171</v>
      </c>
      <c r="J58" s="12">
        <v>186</v>
      </c>
      <c r="K58" s="12">
        <v>203</v>
      </c>
      <c r="L58" s="12">
        <v>212</v>
      </c>
      <c r="M58" s="12">
        <v>145</v>
      </c>
      <c r="N58" s="12">
        <v>288</v>
      </c>
      <c r="O58" s="12">
        <v>0</v>
      </c>
      <c r="P58" s="12">
        <v>186</v>
      </c>
      <c r="Q58" s="12">
        <v>904</v>
      </c>
      <c r="R58" s="12">
        <v>359</v>
      </c>
    </row>
    <row r="59" spans="1:18" s="4" customFormat="1" x14ac:dyDescent="0.15">
      <c r="A59" s="3"/>
      <c r="B59" s="3" t="s">
        <v>756</v>
      </c>
      <c r="C59" s="12">
        <v>387</v>
      </c>
      <c r="D59" s="12">
        <v>728</v>
      </c>
      <c r="E59" s="12">
        <v>367</v>
      </c>
      <c r="F59" s="12">
        <v>361</v>
      </c>
      <c r="G59" s="12">
        <v>73</v>
      </c>
      <c r="H59" s="12">
        <v>47</v>
      </c>
      <c r="I59" s="12">
        <v>92</v>
      </c>
      <c r="J59" s="12">
        <v>101</v>
      </c>
      <c r="K59" s="12">
        <v>115</v>
      </c>
      <c r="L59" s="12">
        <v>106</v>
      </c>
      <c r="M59" s="12">
        <v>78</v>
      </c>
      <c r="N59" s="12">
        <v>116</v>
      </c>
      <c r="O59" s="12">
        <v>0</v>
      </c>
      <c r="P59" s="12">
        <v>98</v>
      </c>
      <c r="Q59" s="12">
        <v>476</v>
      </c>
      <c r="R59" s="12">
        <v>154</v>
      </c>
    </row>
    <row r="60" spans="1:18" s="4" customFormat="1" x14ac:dyDescent="0.15">
      <c r="A60" s="3"/>
      <c r="B60" s="3" t="s">
        <v>757</v>
      </c>
      <c r="C60" s="12">
        <v>287</v>
      </c>
      <c r="D60" s="12">
        <v>637</v>
      </c>
      <c r="E60" s="12">
        <v>315</v>
      </c>
      <c r="F60" s="12">
        <v>322</v>
      </c>
      <c r="G60" s="12">
        <v>65</v>
      </c>
      <c r="H60" s="12">
        <v>69</v>
      </c>
      <c r="I60" s="12">
        <v>66</v>
      </c>
      <c r="J60" s="12">
        <v>71</v>
      </c>
      <c r="K60" s="12">
        <v>124</v>
      </c>
      <c r="L60" s="12">
        <v>82</v>
      </c>
      <c r="M60" s="12">
        <v>61</v>
      </c>
      <c r="N60" s="12">
        <v>99</v>
      </c>
      <c r="O60" s="12">
        <v>0</v>
      </c>
      <c r="P60" s="12">
        <v>111</v>
      </c>
      <c r="Q60" s="12">
        <v>397</v>
      </c>
      <c r="R60" s="12">
        <v>129</v>
      </c>
    </row>
    <row r="61" spans="1:18" s="4" customFormat="1" x14ac:dyDescent="0.15">
      <c r="A61" s="3"/>
      <c r="B61" s="3" t="s">
        <v>758</v>
      </c>
      <c r="C61" s="12">
        <v>152</v>
      </c>
      <c r="D61" s="12">
        <v>295</v>
      </c>
      <c r="E61" s="12">
        <v>125</v>
      </c>
      <c r="F61" s="12">
        <v>170</v>
      </c>
      <c r="G61" s="12">
        <v>10</v>
      </c>
      <c r="H61" s="12">
        <v>27</v>
      </c>
      <c r="I61" s="12">
        <v>21</v>
      </c>
      <c r="J61" s="12">
        <v>22</v>
      </c>
      <c r="K61" s="12">
        <v>34</v>
      </c>
      <c r="L61" s="12">
        <v>41</v>
      </c>
      <c r="M61" s="12">
        <v>44</v>
      </c>
      <c r="N61" s="12">
        <v>96</v>
      </c>
      <c r="O61" s="12">
        <v>0</v>
      </c>
      <c r="P61" s="12">
        <v>27</v>
      </c>
      <c r="Q61" s="12">
        <v>149</v>
      </c>
      <c r="R61" s="12">
        <v>119</v>
      </c>
    </row>
    <row r="62" spans="1:18" s="4" customFormat="1" x14ac:dyDescent="0.15">
      <c r="A62" s="3"/>
      <c r="B62" s="3" t="s">
        <v>759</v>
      </c>
      <c r="C62" s="12">
        <v>146</v>
      </c>
      <c r="D62" s="12">
        <v>286</v>
      </c>
      <c r="E62" s="12">
        <v>145</v>
      </c>
      <c r="F62" s="12">
        <v>141</v>
      </c>
      <c r="G62" s="12">
        <v>19</v>
      </c>
      <c r="H62" s="12">
        <v>28</v>
      </c>
      <c r="I62" s="12">
        <v>20</v>
      </c>
      <c r="J62" s="12">
        <v>25</v>
      </c>
      <c r="K62" s="12">
        <v>55</v>
      </c>
      <c r="L62" s="12">
        <v>42</v>
      </c>
      <c r="M62" s="12">
        <v>35</v>
      </c>
      <c r="N62" s="12">
        <v>62</v>
      </c>
      <c r="O62" s="12">
        <v>0</v>
      </c>
      <c r="P62" s="12">
        <v>32</v>
      </c>
      <c r="Q62" s="12">
        <v>175</v>
      </c>
      <c r="R62" s="12">
        <v>79</v>
      </c>
    </row>
    <row r="63" spans="1:18" s="4" customFormat="1" x14ac:dyDescent="0.15">
      <c r="A63" s="3"/>
      <c r="B63" s="3" t="s">
        <v>760</v>
      </c>
      <c r="C63" s="12">
        <v>356</v>
      </c>
      <c r="D63" s="12">
        <v>712</v>
      </c>
      <c r="E63" s="12">
        <v>367</v>
      </c>
      <c r="F63" s="12">
        <v>345</v>
      </c>
      <c r="G63" s="12">
        <v>59</v>
      </c>
      <c r="H63" s="12">
        <v>58</v>
      </c>
      <c r="I63" s="12">
        <v>91</v>
      </c>
      <c r="J63" s="12">
        <v>97</v>
      </c>
      <c r="K63" s="12">
        <v>98</v>
      </c>
      <c r="L63" s="12">
        <v>97</v>
      </c>
      <c r="M63" s="12">
        <v>78</v>
      </c>
      <c r="N63" s="12">
        <v>134</v>
      </c>
      <c r="O63" s="12">
        <v>0</v>
      </c>
      <c r="P63" s="12">
        <v>85</v>
      </c>
      <c r="Q63" s="12">
        <v>458</v>
      </c>
      <c r="R63" s="12">
        <v>169</v>
      </c>
    </row>
    <row r="64" spans="1:18" s="4" customFormat="1" x14ac:dyDescent="0.15">
      <c r="A64" s="3"/>
      <c r="B64" s="3" t="s">
        <v>761</v>
      </c>
      <c r="C64" s="12">
        <v>284</v>
      </c>
      <c r="D64" s="12">
        <v>607</v>
      </c>
      <c r="E64" s="12">
        <v>298</v>
      </c>
      <c r="F64" s="12">
        <v>309</v>
      </c>
      <c r="G64" s="12">
        <v>49</v>
      </c>
      <c r="H64" s="12">
        <v>47</v>
      </c>
      <c r="I64" s="12">
        <v>75</v>
      </c>
      <c r="J64" s="12">
        <v>90</v>
      </c>
      <c r="K64" s="12">
        <v>69</v>
      </c>
      <c r="L64" s="12">
        <v>86</v>
      </c>
      <c r="M64" s="12">
        <v>78</v>
      </c>
      <c r="N64" s="12">
        <v>113</v>
      </c>
      <c r="O64" s="12">
        <v>0</v>
      </c>
      <c r="P64" s="12">
        <v>68</v>
      </c>
      <c r="Q64" s="12">
        <v>393</v>
      </c>
      <c r="R64" s="12">
        <v>146</v>
      </c>
    </row>
    <row r="65" spans="1:18" s="4" customFormat="1" x14ac:dyDescent="0.15">
      <c r="A65" s="3"/>
      <c r="B65" s="3" t="s">
        <v>762</v>
      </c>
      <c r="C65" s="12">
        <v>458</v>
      </c>
      <c r="D65" s="12">
        <v>993</v>
      </c>
      <c r="E65" s="12">
        <v>478</v>
      </c>
      <c r="F65" s="12">
        <v>515</v>
      </c>
      <c r="G65" s="12">
        <v>108</v>
      </c>
      <c r="H65" s="12">
        <v>85</v>
      </c>
      <c r="I65" s="12">
        <v>79</v>
      </c>
      <c r="J65" s="12">
        <v>140</v>
      </c>
      <c r="K65" s="12">
        <v>135</v>
      </c>
      <c r="L65" s="12">
        <v>123</v>
      </c>
      <c r="M65" s="12">
        <v>108</v>
      </c>
      <c r="N65" s="12">
        <v>215</v>
      </c>
      <c r="O65" s="12">
        <v>0</v>
      </c>
      <c r="P65" s="12">
        <v>156</v>
      </c>
      <c r="Q65" s="12">
        <v>566</v>
      </c>
      <c r="R65" s="12">
        <v>271</v>
      </c>
    </row>
    <row r="66" spans="1:18" s="4" customFormat="1" x14ac:dyDescent="0.15">
      <c r="A66" s="3"/>
      <c r="B66" s="3" t="s">
        <v>763</v>
      </c>
      <c r="C66" s="12">
        <v>708</v>
      </c>
      <c r="D66" s="12">
        <v>1513</v>
      </c>
      <c r="E66" s="12">
        <v>777</v>
      </c>
      <c r="F66" s="12">
        <v>736</v>
      </c>
      <c r="G66" s="12">
        <v>152</v>
      </c>
      <c r="H66" s="12">
        <v>121</v>
      </c>
      <c r="I66" s="12">
        <v>161</v>
      </c>
      <c r="J66" s="12">
        <v>169</v>
      </c>
      <c r="K66" s="12">
        <v>194</v>
      </c>
      <c r="L66" s="12">
        <v>207</v>
      </c>
      <c r="M66" s="12">
        <v>150</v>
      </c>
      <c r="N66" s="12">
        <v>359</v>
      </c>
      <c r="O66" s="12">
        <v>0</v>
      </c>
      <c r="P66" s="12">
        <v>216</v>
      </c>
      <c r="Q66" s="12">
        <v>874</v>
      </c>
      <c r="R66" s="12">
        <v>423</v>
      </c>
    </row>
    <row r="67" spans="1:18" s="4" customFormat="1" x14ac:dyDescent="0.15">
      <c r="A67" s="3"/>
      <c r="B67" s="3" t="s">
        <v>764</v>
      </c>
      <c r="C67" s="12">
        <v>332</v>
      </c>
      <c r="D67" s="12">
        <v>643</v>
      </c>
      <c r="E67" s="12">
        <v>323</v>
      </c>
      <c r="F67" s="12">
        <v>320</v>
      </c>
      <c r="G67" s="12">
        <v>61</v>
      </c>
      <c r="H67" s="12">
        <v>43</v>
      </c>
      <c r="I67" s="12">
        <v>68</v>
      </c>
      <c r="J67" s="12">
        <v>78</v>
      </c>
      <c r="K67" s="12">
        <v>87</v>
      </c>
      <c r="L67" s="12">
        <v>80</v>
      </c>
      <c r="M67" s="12">
        <v>82</v>
      </c>
      <c r="N67" s="12">
        <v>144</v>
      </c>
      <c r="O67" s="12">
        <v>0</v>
      </c>
      <c r="P67" s="12">
        <v>78</v>
      </c>
      <c r="Q67" s="12">
        <v>375</v>
      </c>
      <c r="R67" s="12">
        <v>190</v>
      </c>
    </row>
    <row r="68" spans="1:18" s="4" customFormat="1" x14ac:dyDescent="0.15">
      <c r="A68" s="3"/>
      <c r="B68" s="3" t="s">
        <v>765</v>
      </c>
      <c r="C68" s="12">
        <v>577</v>
      </c>
      <c r="D68" s="12">
        <v>1209</v>
      </c>
      <c r="E68" s="12">
        <v>598</v>
      </c>
      <c r="F68" s="12">
        <v>611</v>
      </c>
      <c r="G68" s="12">
        <v>92</v>
      </c>
      <c r="H68" s="12">
        <v>101</v>
      </c>
      <c r="I68" s="12">
        <v>155</v>
      </c>
      <c r="J68" s="12">
        <v>133</v>
      </c>
      <c r="K68" s="12">
        <v>164</v>
      </c>
      <c r="L68" s="12">
        <v>202</v>
      </c>
      <c r="M68" s="12">
        <v>136</v>
      </c>
      <c r="N68" s="12">
        <v>226</v>
      </c>
      <c r="O68" s="12">
        <v>0</v>
      </c>
      <c r="P68" s="12">
        <v>136</v>
      </c>
      <c r="Q68" s="12">
        <v>782</v>
      </c>
      <c r="R68" s="12">
        <v>291</v>
      </c>
    </row>
    <row r="69" spans="1:18" s="4" customFormat="1" x14ac:dyDescent="0.15">
      <c r="A69" s="3"/>
      <c r="B69" s="3" t="s">
        <v>766</v>
      </c>
      <c r="C69" s="12">
        <v>228</v>
      </c>
      <c r="D69" s="12">
        <v>376</v>
      </c>
      <c r="E69" s="12">
        <v>196</v>
      </c>
      <c r="F69" s="12">
        <v>180</v>
      </c>
      <c r="G69" s="12">
        <v>23</v>
      </c>
      <c r="H69" s="12">
        <v>42</v>
      </c>
      <c r="I69" s="12">
        <v>82</v>
      </c>
      <c r="J69" s="12">
        <v>41</v>
      </c>
      <c r="K69" s="12">
        <v>41</v>
      </c>
      <c r="L69" s="12">
        <v>43</v>
      </c>
      <c r="M69" s="12">
        <v>31</v>
      </c>
      <c r="N69" s="12">
        <v>73</v>
      </c>
      <c r="O69" s="12">
        <v>0</v>
      </c>
      <c r="P69" s="12">
        <v>35</v>
      </c>
      <c r="Q69" s="12">
        <v>251</v>
      </c>
      <c r="R69" s="12">
        <v>90</v>
      </c>
    </row>
    <row r="70" spans="1:18" s="4" customFormat="1" x14ac:dyDescent="0.15">
      <c r="A70" s="3"/>
      <c r="B70" s="3" t="s">
        <v>767</v>
      </c>
      <c r="C70" s="12">
        <v>326</v>
      </c>
      <c r="D70" s="12">
        <v>476</v>
      </c>
      <c r="E70" s="12">
        <v>283</v>
      </c>
      <c r="F70" s="12">
        <v>193</v>
      </c>
      <c r="G70" s="12">
        <v>34</v>
      </c>
      <c r="H70" s="12">
        <v>53</v>
      </c>
      <c r="I70" s="12">
        <v>113</v>
      </c>
      <c r="J70" s="12">
        <v>54</v>
      </c>
      <c r="K70" s="12">
        <v>48</v>
      </c>
      <c r="L70" s="12">
        <v>51</v>
      </c>
      <c r="M70" s="12">
        <v>46</v>
      </c>
      <c r="N70" s="12">
        <v>77</v>
      </c>
      <c r="O70" s="12">
        <v>0</v>
      </c>
      <c r="P70" s="12">
        <v>59</v>
      </c>
      <c r="Q70" s="12">
        <v>319</v>
      </c>
      <c r="R70" s="12">
        <v>98</v>
      </c>
    </row>
    <row r="71" spans="1:18" s="4" customFormat="1" x14ac:dyDescent="0.15">
      <c r="A71" s="3"/>
      <c r="B71" s="3" t="s">
        <v>768</v>
      </c>
      <c r="C71" s="12">
        <v>338</v>
      </c>
      <c r="D71" s="12">
        <v>631</v>
      </c>
      <c r="E71" s="12">
        <v>299</v>
      </c>
      <c r="F71" s="12">
        <v>332</v>
      </c>
      <c r="G71" s="12">
        <v>54</v>
      </c>
      <c r="H71" s="12">
        <v>65</v>
      </c>
      <c r="I71" s="12">
        <v>89</v>
      </c>
      <c r="J71" s="12">
        <v>88</v>
      </c>
      <c r="K71" s="12">
        <v>90</v>
      </c>
      <c r="L71" s="12">
        <v>98</v>
      </c>
      <c r="M71" s="12">
        <v>59</v>
      </c>
      <c r="N71" s="12">
        <v>88</v>
      </c>
      <c r="O71" s="12">
        <v>0</v>
      </c>
      <c r="P71" s="12">
        <v>87</v>
      </c>
      <c r="Q71" s="12">
        <v>422</v>
      </c>
      <c r="R71" s="12">
        <v>122</v>
      </c>
    </row>
    <row r="72" spans="1:18" s="4" customFormat="1" x14ac:dyDescent="0.15">
      <c r="A72" s="3"/>
      <c r="B72" s="3" t="s">
        <v>769</v>
      </c>
      <c r="C72" s="12">
        <v>83</v>
      </c>
      <c r="D72" s="12">
        <v>200</v>
      </c>
      <c r="E72" s="12">
        <v>94</v>
      </c>
      <c r="F72" s="12">
        <v>106</v>
      </c>
      <c r="G72" s="12">
        <v>19</v>
      </c>
      <c r="H72" s="12">
        <v>29</v>
      </c>
      <c r="I72" s="12">
        <v>9</v>
      </c>
      <c r="J72" s="12">
        <v>12</v>
      </c>
      <c r="K72" s="12">
        <v>34</v>
      </c>
      <c r="L72" s="12">
        <v>18</v>
      </c>
      <c r="M72" s="12">
        <v>21</v>
      </c>
      <c r="N72" s="12">
        <v>58</v>
      </c>
      <c r="O72" s="12">
        <v>0</v>
      </c>
      <c r="P72" s="12">
        <v>35</v>
      </c>
      <c r="Q72" s="12">
        <v>99</v>
      </c>
      <c r="R72" s="12">
        <v>66</v>
      </c>
    </row>
    <row r="73" spans="1:18" s="4" customFormat="1" x14ac:dyDescent="0.15">
      <c r="A73" s="3"/>
      <c r="B73" s="3" t="s">
        <v>770</v>
      </c>
      <c r="C73" s="12">
        <v>1498</v>
      </c>
      <c r="D73" s="12">
        <v>2906</v>
      </c>
      <c r="E73" s="12">
        <v>1337</v>
      </c>
      <c r="F73" s="12">
        <v>1569</v>
      </c>
      <c r="G73" s="12">
        <v>219</v>
      </c>
      <c r="H73" s="12">
        <v>241</v>
      </c>
      <c r="I73" s="12">
        <v>293</v>
      </c>
      <c r="J73" s="12">
        <v>293</v>
      </c>
      <c r="K73" s="12">
        <v>408</v>
      </c>
      <c r="L73" s="12">
        <v>461</v>
      </c>
      <c r="M73" s="12">
        <v>368</v>
      </c>
      <c r="N73" s="12">
        <v>623</v>
      </c>
      <c r="O73" s="12">
        <v>0</v>
      </c>
      <c r="P73" s="12">
        <v>345</v>
      </c>
      <c r="Q73" s="12">
        <v>1768</v>
      </c>
      <c r="R73" s="12">
        <v>793</v>
      </c>
    </row>
    <row r="74" spans="1:18" s="4" customFormat="1" x14ac:dyDescent="0.15">
      <c r="A74" s="3"/>
      <c r="B74" s="3" t="s">
        <v>771</v>
      </c>
      <c r="C74" s="12">
        <v>769</v>
      </c>
      <c r="D74" s="12">
        <v>1451</v>
      </c>
      <c r="E74" s="12">
        <v>684</v>
      </c>
      <c r="F74" s="12">
        <v>767</v>
      </c>
      <c r="G74" s="12">
        <v>156</v>
      </c>
      <c r="H74" s="12">
        <v>82</v>
      </c>
      <c r="I74" s="12">
        <v>175</v>
      </c>
      <c r="J74" s="12">
        <v>282</v>
      </c>
      <c r="K74" s="12">
        <v>254</v>
      </c>
      <c r="L74" s="12">
        <v>184</v>
      </c>
      <c r="M74" s="12">
        <v>148</v>
      </c>
      <c r="N74" s="12">
        <v>170</v>
      </c>
      <c r="O74" s="12">
        <v>0</v>
      </c>
      <c r="P74" s="12">
        <v>206</v>
      </c>
      <c r="Q74" s="12">
        <v>1004</v>
      </c>
      <c r="R74" s="12">
        <v>241</v>
      </c>
    </row>
    <row r="75" spans="1:18" s="4" customFormat="1" x14ac:dyDescent="0.15">
      <c r="A75" s="3"/>
      <c r="B75" s="3" t="s">
        <v>772</v>
      </c>
      <c r="C75" s="12">
        <v>908</v>
      </c>
      <c r="D75" s="12">
        <v>1641</v>
      </c>
      <c r="E75" s="12">
        <v>813</v>
      </c>
      <c r="F75" s="12">
        <v>828</v>
      </c>
      <c r="G75" s="12">
        <v>111</v>
      </c>
      <c r="H75" s="12">
        <v>117</v>
      </c>
      <c r="I75" s="12">
        <v>196</v>
      </c>
      <c r="J75" s="12">
        <v>200</v>
      </c>
      <c r="K75" s="12">
        <v>264</v>
      </c>
      <c r="L75" s="12">
        <v>235</v>
      </c>
      <c r="M75" s="12">
        <v>199</v>
      </c>
      <c r="N75" s="12">
        <v>319</v>
      </c>
      <c r="O75" s="12">
        <v>0</v>
      </c>
      <c r="P75" s="12">
        <v>172</v>
      </c>
      <c r="Q75" s="12">
        <v>1053</v>
      </c>
      <c r="R75" s="12">
        <v>416</v>
      </c>
    </row>
    <row r="76" spans="1:18" s="4" customFormat="1" x14ac:dyDescent="0.15">
      <c r="A76" s="3"/>
      <c r="B76" s="3" t="s">
        <v>773</v>
      </c>
      <c r="C76" s="12">
        <v>330</v>
      </c>
      <c r="D76" s="12">
        <v>670</v>
      </c>
      <c r="E76" s="12">
        <v>348</v>
      </c>
      <c r="F76" s="12">
        <v>322</v>
      </c>
      <c r="G76" s="12">
        <v>63</v>
      </c>
      <c r="H76" s="12">
        <v>48</v>
      </c>
      <c r="I76" s="12">
        <v>67</v>
      </c>
      <c r="J76" s="12">
        <v>83</v>
      </c>
      <c r="K76" s="12">
        <v>106</v>
      </c>
      <c r="L76" s="12">
        <v>97</v>
      </c>
      <c r="M76" s="12">
        <v>64</v>
      </c>
      <c r="N76" s="12">
        <v>142</v>
      </c>
      <c r="O76" s="12">
        <v>0</v>
      </c>
      <c r="P76" s="12">
        <v>86</v>
      </c>
      <c r="Q76" s="12">
        <v>414</v>
      </c>
      <c r="R76" s="12">
        <v>170</v>
      </c>
    </row>
    <row r="77" spans="1:18" s="4" customFormat="1" x14ac:dyDescent="0.15">
      <c r="A77" s="3"/>
      <c r="B77" s="3" t="s">
        <v>774</v>
      </c>
      <c r="C77" s="12">
        <v>544</v>
      </c>
      <c r="D77" s="12">
        <v>1152</v>
      </c>
      <c r="E77" s="12">
        <v>531</v>
      </c>
      <c r="F77" s="12">
        <v>621</v>
      </c>
      <c r="G77" s="12">
        <v>148</v>
      </c>
      <c r="H77" s="12">
        <v>70</v>
      </c>
      <c r="I77" s="12">
        <v>139</v>
      </c>
      <c r="J77" s="12">
        <v>217</v>
      </c>
      <c r="K77" s="12">
        <v>173</v>
      </c>
      <c r="L77" s="12">
        <v>158</v>
      </c>
      <c r="M77" s="12">
        <v>105</v>
      </c>
      <c r="N77" s="12">
        <v>142</v>
      </c>
      <c r="O77" s="12">
        <v>0</v>
      </c>
      <c r="P77" s="12">
        <v>184</v>
      </c>
      <c r="Q77" s="12">
        <v>782</v>
      </c>
      <c r="R77" s="12">
        <v>186</v>
      </c>
    </row>
    <row r="78" spans="1:18" s="4" customFormat="1" x14ac:dyDescent="0.15">
      <c r="A78" s="3"/>
      <c r="B78" s="3" t="s">
        <v>775</v>
      </c>
      <c r="C78" s="12">
        <v>653</v>
      </c>
      <c r="D78" s="12">
        <v>1341</v>
      </c>
      <c r="E78" s="12">
        <v>656</v>
      </c>
      <c r="F78" s="12">
        <v>685</v>
      </c>
      <c r="G78" s="12">
        <v>118</v>
      </c>
      <c r="H78" s="12">
        <v>133</v>
      </c>
      <c r="I78" s="12">
        <v>162</v>
      </c>
      <c r="J78" s="12">
        <v>167</v>
      </c>
      <c r="K78" s="12">
        <v>187</v>
      </c>
      <c r="L78" s="12">
        <v>172</v>
      </c>
      <c r="M78" s="12">
        <v>160</v>
      </c>
      <c r="N78" s="12">
        <v>242</v>
      </c>
      <c r="O78" s="12">
        <v>0</v>
      </c>
      <c r="P78" s="12">
        <v>185</v>
      </c>
      <c r="Q78" s="12">
        <v>840</v>
      </c>
      <c r="R78" s="12">
        <v>316</v>
      </c>
    </row>
    <row r="79" spans="1:18" s="4" customFormat="1" x14ac:dyDescent="0.15">
      <c r="A79" s="3"/>
      <c r="B79" s="3" t="s">
        <v>776</v>
      </c>
      <c r="C79" s="12">
        <v>477</v>
      </c>
      <c r="D79" s="12">
        <v>900</v>
      </c>
      <c r="E79" s="12">
        <v>460</v>
      </c>
      <c r="F79" s="12">
        <v>440</v>
      </c>
      <c r="G79" s="12">
        <v>55</v>
      </c>
      <c r="H79" s="12">
        <v>51</v>
      </c>
      <c r="I79" s="12">
        <v>135</v>
      </c>
      <c r="J79" s="12">
        <v>134</v>
      </c>
      <c r="K79" s="12">
        <v>144</v>
      </c>
      <c r="L79" s="12">
        <v>129</v>
      </c>
      <c r="M79" s="12">
        <v>100</v>
      </c>
      <c r="N79" s="12">
        <v>152</v>
      </c>
      <c r="O79" s="12">
        <v>0</v>
      </c>
      <c r="P79" s="12">
        <v>74</v>
      </c>
      <c r="Q79" s="12">
        <v>612</v>
      </c>
      <c r="R79" s="12">
        <v>214</v>
      </c>
    </row>
    <row r="80" spans="1:18" s="4" customFormat="1" x14ac:dyDescent="0.15">
      <c r="A80" s="3"/>
      <c r="B80" s="3" t="s">
        <v>777</v>
      </c>
      <c r="C80" s="12">
        <v>432</v>
      </c>
      <c r="D80" s="12">
        <v>818</v>
      </c>
      <c r="E80" s="12">
        <v>425</v>
      </c>
      <c r="F80" s="12">
        <v>393</v>
      </c>
      <c r="G80" s="12">
        <v>74</v>
      </c>
      <c r="H80" s="12">
        <v>45</v>
      </c>
      <c r="I80" s="12">
        <v>105</v>
      </c>
      <c r="J80" s="12">
        <v>150</v>
      </c>
      <c r="K80" s="12">
        <v>132</v>
      </c>
      <c r="L80" s="12">
        <v>79</v>
      </c>
      <c r="M80" s="12">
        <v>104</v>
      </c>
      <c r="N80" s="12">
        <v>129</v>
      </c>
      <c r="O80" s="12">
        <v>0</v>
      </c>
      <c r="P80" s="12">
        <v>101</v>
      </c>
      <c r="Q80" s="12">
        <v>528</v>
      </c>
      <c r="R80" s="12">
        <v>189</v>
      </c>
    </row>
    <row r="81" spans="1:18" s="4" customFormat="1" x14ac:dyDescent="0.15">
      <c r="A81" s="3"/>
      <c r="B81" s="3" t="s">
        <v>778</v>
      </c>
      <c r="C81" s="12">
        <v>228</v>
      </c>
      <c r="D81" s="12">
        <v>419</v>
      </c>
      <c r="E81" s="12">
        <v>221</v>
      </c>
      <c r="F81" s="12">
        <v>198</v>
      </c>
      <c r="G81" s="12">
        <v>49</v>
      </c>
      <c r="H81" s="12">
        <v>23</v>
      </c>
      <c r="I81" s="12">
        <v>65</v>
      </c>
      <c r="J81" s="12">
        <v>131</v>
      </c>
      <c r="K81" s="12">
        <v>60</v>
      </c>
      <c r="L81" s="12">
        <v>36</v>
      </c>
      <c r="M81" s="12">
        <v>17</v>
      </c>
      <c r="N81" s="12">
        <v>38</v>
      </c>
      <c r="O81" s="12">
        <v>0</v>
      </c>
      <c r="P81" s="12">
        <v>58</v>
      </c>
      <c r="Q81" s="12">
        <v>313</v>
      </c>
      <c r="R81" s="12">
        <v>48</v>
      </c>
    </row>
    <row r="82" spans="1:18" s="4" customFormat="1" x14ac:dyDescent="0.15">
      <c r="A82" s="3"/>
      <c r="B82" s="3" t="s">
        <v>779</v>
      </c>
      <c r="C82" s="12">
        <v>379</v>
      </c>
      <c r="D82" s="12">
        <v>731</v>
      </c>
      <c r="E82" s="12">
        <v>343</v>
      </c>
      <c r="F82" s="12">
        <v>388</v>
      </c>
      <c r="G82" s="12">
        <v>58</v>
      </c>
      <c r="H82" s="12">
        <v>71</v>
      </c>
      <c r="I82" s="12">
        <v>94</v>
      </c>
      <c r="J82" s="12">
        <v>74</v>
      </c>
      <c r="K82" s="12">
        <v>113</v>
      </c>
      <c r="L82" s="12">
        <v>75</v>
      </c>
      <c r="M82" s="12">
        <v>73</v>
      </c>
      <c r="N82" s="12">
        <v>173</v>
      </c>
      <c r="O82" s="12">
        <v>0</v>
      </c>
      <c r="P82" s="12">
        <v>93</v>
      </c>
      <c r="Q82" s="12">
        <v>438</v>
      </c>
      <c r="R82" s="12">
        <v>200</v>
      </c>
    </row>
    <row r="83" spans="1:18" s="4" customFormat="1" x14ac:dyDescent="0.15">
      <c r="A83" s="3"/>
      <c r="B83" s="3" t="s">
        <v>780</v>
      </c>
      <c r="C83" s="12">
        <v>571</v>
      </c>
      <c r="D83" s="12">
        <v>1208</v>
      </c>
      <c r="E83" s="12">
        <v>547</v>
      </c>
      <c r="F83" s="12">
        <v>661</v>
      </c>
      <c r="G83" s="12">
        <v>134</v>
      </c>
      <c r="H83" s="12">
        <v>110</v>
      </c>
      <c r="I83" s="12">
        <v>114</v>
      </c>
      <c r="J83" s="12">
        <v>175</v>
      </c>
      <c r="K83" s="12">
        <v>215</v>
      </c>
      <c r="L83" s="12">
        <v>183</v>
      </c>
      <c r="M83" s="12">
        <v>131</v>
      </c>
      <c r="N83" s="12">
        <v>146</v>
      </c>
      <c r="O83" s="12">
        <v>0</v>
      </c>
      <c r="P83" s="12">
        <v>202</v>
      </c>
      <c r="Q83" s="12">
        <v>804</v>
      </c>
      <c r="R83" s="12">
        <v>202</v>
      </c>
    </row>
    <row r="84" spans="1:18" s="4" customFormat="1" x14ac:dyDescent="0.15">
      <c r="A84" s="3"/>
      <c r="B84" s="3" t="s">
        <v>781</v>
      </c>
      <c r="C84" s="12">
        <v>551</v>
      </c>
      <c r="D84" s="12">
        <v>1032</v>
      </c>
      <c r="E84" s="12">
        <v>524</v>
      </c>
      <c r="F84" s="12">
        <v>508</v>
      </c>
      <c r="G84" s="12">
        <v>108</v>
      </c>
      <c r="H84" s="12">
        <v>87</v>
      </c>
      <c r="I84" s="12">
        <v>191</v>
      </c>
      <c r="J84" s="12">
        <v>144</v>
      </c>
      <c r="K84" s="12">
        <v>141</v>
      </c>
      <c r="L84" s="12">
        <v>108</v>
      </c>
      <c r="M84" s="12">
        <v>96</v>
      </c>
      <c r="N84" s="12">
        <v>157</v>
      </c>
      <c r="O84" s="12">
        <v>0</v>
      </c>
      <c r="P84" s="12">
        <v>140</v>
      </c>
      <c r="Q84" s="12">
        <v>690</v>
      </c>
      <c r="R84" s="12">
        <v>202</v>
      </c>
    </row>
    <row r="85" spans="1:18" s="4" customFormat="1" x14ac:dyDescent="0.15">
      <c r="A85" s="3"/>
      <c r="B85" s="3" t="s">
        <v>782</v>
      </c>
      <c r="C85" s="12">
        <v>234</v>
      </c>
      <c r="D85" s="12">
        <v>455</v>
      </c>
      <c r="E85" s="12">
        <v>220</v>
      </c>
      <c r="F85" s="12">
        <v>235</v>
      </c>
      <c r="G85" s="12">
        <v>34</v>
      </c>
      <c r="H85" s="12">
        <v>35</v>
      </c>
      <c r="I85" s="12">
        <v>53</v>
      </c>
      <c r="J85" s="12">
        <v>65</v>
      </c>
      <c r="K85" s="12">
        <v>61</v>
      </c>
      <c r="L85" s="12">
        <v>47</v>
      </c>
      <c r="M85" s="12">
        <v>67</v>
      </c>
      <c r="N85" s="12">
        <v>93</v>
      </c>
      <c r="O85" s="12">
        <v>0</v>
      </c>
      <c r="P85" s="12">
        <v>54</v>
      </c>
      <c r="Q85" s="12">
        <v>275</v>
      </c>
      <c r="R85" s="12">
        <v>126</v>
      </c>
    </row>
    <row r="86" spans="1:18" s="4" customFormat="1" x14ac:dyDescent="0.15">
      <c r="A86" s="3"/>
      <c r="B86" s="3" t="s">
        <v>783</v>
      </c>
      <c r="C86" s="12">
        <v>653</v>
      </c>
      <c r="D86" s="12">
        <v>1436</v>
      </c>
      <c r="E86" s="12">
        <v>681</v>
      </c>
      <c r="F86" s="12">
        <v>755</v>
      </c>
      <c r="G86" s="12">
        <v>162</v>
      </c>
      <c r="H86" s="12">
        <v>111</v>
      </c>
      <c r="I86" s="12">
        <v>140</v>
      </c>
      <c r="J86" s="12">
        <v>237</v>
      </c>
      <c r="K86" s="12">
        <v>207</v>
      </c>
      <c r="L86" s="12">
        <v>180</v>
      </c>
      <c r="M86" s="12">
        <v>157</v>
      </c>
      <c r="N86" s="12">
        <v>242</v>
      </c>
      <c r="O86" s="12">
        <v>0</v>
      </c>
      <c r="P86" s="12">
        <v>228</v>
      </c>
      <c r="Q86" s="12">
        <v>885</v>
      </c>
      <c r="R86" s="12">
        <v>323</v>
      </c>
    </row>
    <row r="87" spans="1:18" s="4" customFormat="1" x14ac:dyDescent="0.15">
      <c r="A87" s="3"/>
      <c r="B87" s="3" t="s">
        <v>784</v>
      </c>
      <c r="C87" s="12">
        <v>401</v>
      </c>
      <c r="D87" s="12">
        <v>812</v>
      </c>
      <c r="E87" s="12">
        <v>382</v>
      </c>
      <c r="F87" s="12">
        <v>430</v>
      </c>
      <c r="G87" s="12">
        <v>85</v>
      </c>
      <c r="H87" s="12">
        <v>57</v>
      </c>
      <c r="I87" s="12">
        <v>70</v>
      </c>
      <c r="J87" s="12">
        <v>139</v>
      </c>
      <c r="K87" s="12">
        <v>129</v>
      </c>
      <c r="L87" s="12">
        <v>108</v>
      </c>
      <c r="M87" s="12">
        <v>82</v>
      </c>
      <c r="N87" s="12">
        <v>142</v>
      </c>
      <c r="O87" s="12">
        <v>0</v>
      </c>
      <c r="P87" s="12">
        <v>115</v>
      </c>
      <c r="Q87" s="12">
        <v>515</v>
      </c>
      <c r="R87" s="12">
        <v>182</v>
      </c>
    </row>
    <row r="88" spans="1:18" s="4" customFormat="1" x14ac:dyDescent="0.15">
      <c r="A88" s="3"/>
      <c r="B88" s="3" t="s">
        <v>785</v>
      </c>
      <c r="C88" s="12">
        <v>387</v>
      </c>
      <c r="D88" s="12">
        <v>778</v>
      </c>
      <c r="E88" s="12">
        <v>353</v>
      </c>
      <c r="F88" s="12">
        <v>425</v>
      </c>
      <c r="G88" s="12">
        <v>87</v>
      </c>
      <c r="H88" s="12">
        <v>103</v>
      </c>
      <c r="I88" s="12">
        <v>32</v>
      </c>
      <c r="J88" s="12">
        <v>82</v>
      </c>
      <c r="K88" s="12">
        <v>102</v>
      </c>
      <c r="L88" s="12">
        <v>95</v>
      </c>
      <c r="M88" s="12">
        <v>99</v>
      </c>
      <c r="N88" s="12">
        <v>178</v>
      </c>
      <c r="O88" s="12">
        <v>0</v>
      </c>
      <c r="P88" s="12">
        <v>147</v>
      </c>
      <c r="Q88" s="12">
        <v>408</v>
      </c>
      <c r="R88" s="12">
        <v>223</v>
      </c>
    </row>
    <row r="89" spans="1:18" s="4" customFormat="1" x14ac:dyDescent="0.15">
      <c r="A89" s="3"/>
      <c r="B89" s="3" t="s">
        <v>786</v>
      </c>
      <c r="C89" s="12">
        <v>917</v>
      </c>
      <c r="D89" s="12">
        <v>1861</v>
      </c>
      <c r="E89" s="12">
        <v>926</v>
      </c>
      <c r="F89" s="12">
        <v>935</v>
      </c>
      <c r="G89" s="12">
        <v>169</v>
      </c>
      <c r="H89" s="12">
        <v>174</v>
      </c>
      <c r="I89" s="12">
        <v>200</v>
      </c>
      <c r="J89" s="12">
        <v>264</v>
      </c>
      <c r="K89" s="12">
        <v>288</v>
      </c>
      <c r="L89" s="12">
        <v>250</v>
      </c>
      <c r="M89" s="12">
        <v>178</v>
      </c>
      <c r="N89" s="12">
        <v>338</v>
      </c>
      <c r="O89" s="12">
        <v>0</v>
      </c>
      <c r="P89" s="12">
        <v>261</v>
      </c>
      <c r="Q89" s="12">
        <v>1177</v>
      </c>
      <c r="R89" s="12">
        <v>423</v>
      </c>
    </row>
    <row r="90" spans="1:18" s="4" customFormat="1" x14ac:dyDescent="0.15">
      <c r="A90" s="3"/>
      <c r="B90" s="3" t="s">
        <v>787</v>
      </c>
      <c r="C90" s="12">
        <v>612</v>
      </c>
      <c r="D90" s="12">
        <v>989</v>
      </c>
      <c r="E90" s="12">
        <v>535</v>
      </c>
      <c r="F90" s="12">
        <v>454</v>
      </c>
      <c r="G90" s="12">
        <v>53</v>
      </c>
      <c r="H90" s="12">
        <v>93</v>
      </c>
      <c r="I90" s="12">
        <v>265</v>
      </c>
      <c r="J90" s="12">
        <v>115</v>
      </c>
      <c r="K90" s="12">
        <v>114</v>
      </c>
      <c r="L90" s="12">
        <v>119</v>
      </c>
      <c r="M90" s="12">
        <v>58</v>
      </c>
      <c r="N90" s="12">
        <v>172</v>
      </c>
      <c r="O90" s="12">
        <v>0</v>
      </c>
      <c r="P90" s="12">
        <v>93</v>
      </c>
      <c r="Q90" s="12">
        <v>694</v>
      </c>
      <c r="R90" s="12">
        <v>202</v>
      </c>
    </row>
    <row r="91" spans="1:18" s="4" customFormat="1" x14ac:dyDescent="0.15">
      <c r="A91" s="3"/>
      <c r="B91" s="3" t="s">
        <v>788</v>
      </c>
      <c r="C91" s="12">
        <v>323</v>
      </c>
      <c r="D91" s="12">
        <v>572</v>
      </c>
      <c r="E91" s="12">
        <v>285</v>
      </c>
      <c r="F91" s="12">
        <v>287</v>
      </c>
      <c r="G91" s="12">
        <v>42</v>
      </c>
      <c r="H91" s="12">
        <v>62</v>
      </c>
      <c r="I91" s="12">
        <v>141</v>
      </c>
      <c r="J91" s="12">
        <v>55</v>
      </c>
      <c r="K91" s="12">
        <v>61</v>
      </c>
      <c r="L91" s="12">
        <v>70</v>
      </c>
      <c r="M91" s="12">
        <v>41</v>
      </c>
      <c r="N91" s="12">
        <v>100</v>
      </c>
      <c r="O91" s="12">
        <v>0</v>
      </c>
      <c r="P91" s="12">
        <v>57</v>
      </c>
      <c r="Q91" s="12">
        <v>398</v>
      </c>
      <c r="R91" s="12">
        <v>117</v>
      </c>
    </row>
    <row r="92" spans="1:18" s="4" customFormat="1" x14ac:dyDescent="0.15">
      <c r="A92" s="3"/>
      <c r="B92" s="3" t="s">
        <v>789</v>
      </c>
      <c r="C92" s="12">
        <v>383</v>
      </c>
      <c r="D92" s="12">
        <v>745</v>
      </c>
      <c r="E92" s="12">
        <v>356</v>
      </c>
      <c r="F92" s="12">
        <v>389</v>
      </c>
      <c r="G92" s="12">
        <v>74</v>
      </c>
      <c r="H92" s="12">
        <v>62</v>
      </c>
      <c r="I92" s="12">
        <v>121</v>
      </c>
      <c r="J92" s="12">
        <v>79</v>
      </c>
      <c r="K92" s="12">
        <v>97</v>
      </c>
      <c r="L92" s="12">
        <v>89</v>
      </c>
      <c r="M92" s="12">
        <v>74</v>
      </c>
      <c r="N92" s="12">
        <v>149</v>
      </c>
      <c r="O92" s="12">
        <v>0</v>
      </c>
      <c r="P92" s="12">
        <v>107</v>
      </c>
      <c r="Q92" s="12">
        <v>451</v>
      </c>
      <c r="R92" s="12">
        <v>187</v>
      </c>
    </row>
    <row r="93" spans="1:18" s="4" customFormat="1" x14ac:dyDescent="0.15">
      <c r="A93" s="3"/>
      <c r="B93" s="3" t="s">
        <v>790</v>
      </c>
      <c r="C93" s="12">
        <v>455</v>
      </c>
      <c r="D93" s="12">
        <v>984</v>
      </c>
      <c r="E93" s="12">
        <v>477</v>
      </c>
      <c r="F93" s="12">
        <v>507</v>
      </c>
      <c r="G93" s="12">
        <v>64</v>
      </c>
      <c r="H93" s="12">
        <v>87</v>
      </c>
      <c r="I93" s="12">
        <v>81</v>
      </c>
      <c r="J93" s="12">
        <v>72</v>
      </c>
      <c r="K93" s="12">
        <v>146</v>
      </c>
      <c r="L93" s="12">
        <v>126</v>
      </c>
      <c r="M93" s="12">
        <v>123</v>
      </c>
      <c r="N93" s="12">
        <v>285</v>
      </c>
      <c r="O93" s="12">
        <v>0</v>
      </c>
      <c r="P93" s="12">
        <v>108</v>
      </c>
      <c r="Q93" s="12">
        <v>524</v>
      </c>
      <c r="R93" s="12">
        <v>352</v>
      </c>
    </row>
    <row r="94" spans="1:18" s="4" customFormat="1" x14ac:dyDescent="0.15">
      <c r="A94" s="3"/>
      <c r="B94" s="3" t="s">
        <v>791</v>
      </c>
      <c r="C94" s="12">
        <v>392</v>
      </c>
      <c r="D94" s="12">
        <v>823</v>
      </c>
      <c r="E94" s="12">
        <v>396</v>
      </c>
      <c r="F94" s="12">
        <v>427</v>
      </c>
      <c r="G94" s="12">
        <v>82</v>
      </c>
      <c r="H94" s="12">
        <v>58</v>
      </c>
      <c r="I94" s="12">
        <v>101</v>
      </c>
      <c r="J94" s="12">
        <v>143</v>
      </c>
      <c r="K94" s="12">
        <v>98</v>
      </c>
      <c r="L94" s="12">
        <v>112</v>
      </c>
      <c r="M94" s="12">
        <v>87</v>
      </c>
      <c r="N94" s="12">
        <v>142</v>
      </c>
      <c r="O94" s="12">
        <v>0</v>
      </c>
      <c r="P94" s="12">
        <v>113</v>
      </c>
      <c r="Q94" s="12">
        <v>525</v>
      </c>
      <c r="R94" s="12">
        <v>185</v>
      </c>
    </row>
    <row r="95" spans="1:18" s="4" customFormat="1" x14ac:dyDescent="0.15">
      <c r="A95" s="3"/>
      <c r="B95" s="3" t="s">
        <v>792</v>
      </c>
      <c r="C95" s="12">
        <v>862</v>
      </c>
      <c r="D95" s="12">
        <v>1794</v>
      </c>
      <c r="E95" s="12">
        <v>895</v>
      </c>
      <c r="F95" s="12">
        <v>899</v>
      </c>
      <c r="G95" s="12">
        <v>167</v>
      </c>
      <c r="H95" s="12">
        <v>144</v>
      </c>
      <c r="I95" s="12">
        <v>200</v>
      </c>
      <c r="J95" s="12">
        <v>210</v>
      </c>
      <c r="K95" s="12">
        <v>267</v>
      </c>
      <c r="L95" s="12">
        <v>244</v>
      </c>
      <c r="M95" s="12">
        <v>219</v>
      </c>
      <c r="N95" s="12">
        <v>343</v>
      </c>
      <c r="O95" s="12">
        <v>0</v>
      </c>
      <c r="P95" s="12">
        <v>242</v>
      </c>
      <c r="Q95" s="12">
        <v>1094</v>
      </c>
      <c r="R95" s="12">
        <v>458</v>
      </c>
    </row>
    <row r="96" spans="1:18" s="4" customFormat="1" x14ac:dyDescent="0.15">
      <c r="A96" s="3"/>
      <c r="B96" s="3" t="s">
        <v>793</v>
      </c>
      <c r="C96" s="12">
        <v>315</v>
      </c>
      <c r="D96" s="12">
        <v>553</v>
      </c>
      <c r="E96" s="12">
        <v>297</v>
      </c>
      <c r="F96" s="12">
        <v>256</v>
      </c>
      <c r="G96" s="12">
        <v>43</v>
      </c>
      <c r="H96" s="12">
        <v>44</v>
      </c>
      <c r="I96" s="12">
        <v>107</v>
      </c>
      <c r="J96" s="12">
        <v>69</v>
      </c>
      <c r="K96" s="12">
        <v>63</v>
      </c>
      <c r="L96" s="12">
        <v>68</v>
      </c>
      <c r="M96" s="12">
        <v>67</v>
      </c>
      <c r="N96" s="12">
        <v>92</v>
      </c>
      <c r="O96" s="12">
        <v>0</v>
      </c>
      <c r="P96" s="12">
        <v>62</v>
      </c>
      <c r="Q96" s="12">
        <v>368</v>
      </c>
      <c r="R96" s="12">
        <v>123</v>
      </c>
    </row>
    <row r="97" spans="1:18" s="4" customFormat="1" x14ac:dyDescent="0.15">
      <c r="A97" s="3"/>
      <c r="B97" s="3" t="s">
        <v>794</v>
      </c>
      <c r="C97" s="12">
        <v>318</v>
      </c>
      <c r="D97" s="12">
        <v>572</v>
      </c>
      <c r="E97" s="12">
        <v>238</v>
      </c>
      <c r="F97" s="12">
        <v>334</v>
      </c>
      <c r="G97" s="12">
        <v>28</v>
      </c>
      <c r="H97" s="12">
        <v>34</v>
      </c>
      <c r="I97" s="12">
        <v>76</v>
      </c>
      <c r="J97" s="12">
        <v>45</v>
      </c>
      <c r="K97" s="12">
        <v>59</v>
      </c>
      <c r="L97" s="12">
        <v>91</v>
      </c>
      <c r="M97" s="12">
        <v>44</v>
      </c>
      <c r="N97" s="12">
        <v>195</v>
      </c>
      <c r="O97" s="12">
        <v>0</v>
      </c>
      <c r="P97" s="12">
        <v>44</v>
      </c>
      <c r="Q97" s="12">
        <v>300</v>
      </c>
      <c r="R97" s="12">
        <v>228</v>
      </c>
    </row>
    <row r="98" spans="1:18" s="4" customFormat="1" x14ac:dyDescent="0.15">
      <c r="A98" s="3"/>
      <c r="B98" s="3" t="s">
        <v>795</v>
      </c>
      <c r="C98" s="12">
        <v>612</v>
      </c>
      <c r="D98" s="12">
        <v>1105</v>
      </c>
      <c r="E98" s="12">
        <v>523</v>
      </c>
      <c r="F98" s="12">
        <v>582</v>
      </c>
      <c r="G98" s="12">
        <v>86</v>
      </c>
      <c r="H98" s="12">
        <v>93</v>
      </c>
      <c r="I98" s="12">
        <v>121</v>
      </c>
      <c r="J98" s="12">
        <v>130</v>
      </c>
      <c r="K98" s="12">
        <v>179</v>
      </c>
      <c r="L98" s="12">
        <v>144</v>
      </c>
      <c r="M98" s="12">
        <v>112</v>
      </c>
      <c r="N98" s="12">
        <v>240</v>
      </c>
      <c r="O98" s="12">
        <v>0</v>
      </c>
      <c r="P98" s="12">
        <v>146</v>
      </c>
      <c r="Q98" s="12">
        <v>660</v>
      </c>
      <c r="R98" s="12">
        <v>299</v>
      </c>
    </row>
    <row r="99" spans="1:18" s="4" customFormat="1" x14ac:dyDescent="0.15">
      <c r="A99" s="3"/>
      <c r="B99" s="3" t="s">
        <v>796</v>
      </c>
      <c r="C99" s="12">
        <v>611</v>
      </c>
      <c r="D99" s="12">
        <v>1102</v>
      </c>
      <c r="E99" s="12">
        <v>488</v>
      </c>
      <c r="F99" s="12">
        <v>614</v>
      </c>
      <c r="G99" s="12">
        <v>82</v>
      </c>
      <c r="H99" s="12">
        <v>56</v>
      </c>
      <c r="I99" s="12">
        <v>149</v>
      </c>
      <c r="J99" s="12">
        <v>129</v>
      </c>
      <c r="K99" s="12">
        <v>132</v>
      </c>
      <c r="L99" s="12">
        <v>136</v>
      </c>
      <c r="M99" s="12">
        <v>135</v>
      </c>
      <c r="N99" s="12">
        <v>283</v>
      </c>
      <c r="O99" s="12">
        <v>0</v>
      </c>
      <c r="P99" s="12">
        <v>107</v>
      </c>
      <c r="Q99" s="12">
        <v>642</v>
      </c>
      <c r="R99" s="12">
        <v>353</v>
      </c>
    </row>
    <row r="100" spans="1:18" s="4" customFormat="1" x14ac:dyDescent="0.15">
      <c r="A100" s="3"/>
      <c r="B100" s="3" t="s">
        <v>797</v>
      </c>
      <c r="C100" s="12">
        <v>141</v>
      </c>
      <c r="D100" s="12">
        <v>353</v>
      </c>
      <c r="E100" s="12">
        <v>168</v>
      </c>
      <c r="F100" s="12">
        <v>185</v>
      </c>
      <c r="G100" s="12">
        <v>34</v>
      </c>
      <c r="H100" s="12">
        <v>54</v>
      </c>
      <c r="I100" s="12">
        <v>31</v>
      </c>
      <c r="J100" s="12">
        <v>26</v>
      </c>
      <c r="K100" s="12">
        <v>66</v>
      </c>
      <c r="L100" s="12">
        <v>70</v>
      </c>
      <c r="M100" s="12">
        <v>28</v>
      </c>
      <c r="N100" s="12">
        <v>44</v>
      </c>
      <c r="O100" s="12">
        <v>0</v>
      </c>
      <c r="P100" s="12">
        <v>63</v>
      </c>
      <c r="Q100" s="12">
        <v>230</v>
      </c>
      <c r="R100" s="12">
        <v>60</v>
      </c>
    </row>
    <row r="101" spans="1:18" s="4" customFormat="1" x14ac:dyDescent="0.15">
      <c r="A101" s="3"/>
      <c r="B101" s="3" t="s">
        <v>798</v>
      </c>
      <c r="C101" s="12">
        <v>334</v>
      </c>
      <c r="D101" s="12">
        <v>715</v>
      </c>
      <c r="E101" s="12">
        <v>345</v>
      </c>
      <c r="F101" s="12">
        <v>370</v>
      </c>
      <c r="G101" s="12">
        <v>75</v>
      </c>
      <c r="H101" s="12">
        <v>42</v>
      </c>
      <c r="I101" s="12">
        <v>75</v>
      </c>
      <c r="J101" s="12">
        <v>102</v>
      </c>
      <c r="K101" s="12">
        <v>96</v>
      </c>
      <c r="L101" s="12">
        <v>108</v>
      </c>
      <c r="M101" s="12">
        <v>80</v>
      </c>
      <c r="N101" s="12">
        <v>137</v>
      </c>
      <c r="O101" s="12">
        <v>0</v>
      </c>
      <c r="P101" s="12">
        <v>98</v>
      </c>
      <c r="Q101" s="12">
        <v>452</v>
      </c>
      <c r="R101" s="12">
        <v>165</v>
      </c>
    </row>
    <row r="102" spans="1:18" s="4" customFormat="1" x14ac:dyDescent="0.15">
      <c r="A102" s="3"/>
      <c r="B102" s="3" t="s">
        <v>799</v>
      </c>
      <c r="C102" s="12">
        <v>1260</v>
      </c>
      <c r="D102" s="12">
        <v>2479</v>
      </c>
      <c r="E102" s="12">
        <v>1122</v>
      </c>
      <c r="F102" s="12">
        <v>1357</v>
      </c>
      <c r="G102" s="12">
        <v>226</v>
      </c>
      <c r="H102" s="12">
        <v>198</v>
      </c>
      <c r="I102" s="12">
        <v>367</v>
      </c>
      <c r="J102" s="12">
        <v>261</v>
      </c>
      <c r="K102" s="12">
        <v>363</v>
      </c>
      <c r="L102" s="12">
        <v>389</v>
      </c>
      <c r="M102" s="12">
        <v>266</v>
      </c>
      <c r="N102" s="12">
        <v>409</v>
      </c>
      <c r="O102" s="12">
        <v>0</v>
      </c>
      <c r="P102" s="12">
        <v>308</v>
      </c>
      <c r="Q102" s="12">
        <v>1645</v>
      </c>
      <c r="R102" s="12">
        <v>526</v>
      </c>
    </row>
    <row r="103" spans="1:18" s="4" customFormat="1" x14ac:dyDescent="0.15">
      <c r="A103" s="3"/>
      <c r="B103" s="3" t="s">
        <v>800</v>
      </c>
      <c r="C103" s="12">
        <v>544</v>
      </c>
      <c r="D103" s="12">
        <v>970</v>
      </c>
      <c r="E103" s="12">
        <v>491</v>
      </c>
      <c r="F103" s="12">
        <v>479</v>
      </c>
      <c r="G103" s="12">
        <v>47</v>
      </c>
      <c r="H103" s="12">
        <v>61</v>
      </c>
      <c r="I103" s="12">
        <v>149</v>
      </c>
      <c r="J103" s="12">
        <v>110</v>
      </c>
      <c r="K103" s="12">
        <v>111</v>
      </c>
      <c r="L103" s="12">
        <v>148</v>
      </c>
      <c r="M103" s="12">
        <v>108</v>
      </c>
      <c r="N103" s="12">
        <v>236</v>
      </c>
      <c r="O103" s="12">
        <v>0</v>
      </c>
      <c r="P103" s="12">
        <v>75</v>
      </c>
      <c r="Q103" s="12">
        <v>610</v>
      </c>
      <c r="R103" s="12">
        <v>285</v>
      </c>
    </row>
    <row r="104" spans="1:18" s="4" customFormat="1" x14ac:dyDescent="0.15">
      <c r="A104" s="3"/>
      <c r="B104" s="3" t="s">
        <v>801</v>
      </c>
      <c r="C104" s="12">
        <v>705</v>
      </c>
      <c r="D104" s="12">
        <v>1301</v>
      </c>
      <c r="E104" s="12">
        <v>629</v>
      </c>
      <c r="F104" s="12">
        <v>672</v>
      </c>
      <c r="G104" s="12">
        <v>133</v>
      </c>
      <c r="H104" s="12">
        <v>91</v>
      </c>
      <c r="I104" s="12">
        <v>181</v>
      </c>
      <c r="J104" s="12">
        <v>197</v>
      </c>
      <c r="K104" s="12">
        <v>170</v>
      </c>
      <c r="L104" s="12">
        <v>167</v>
      </c>
      <c r="M104" s="12">
        <v>138</v>
      </c>
      <c r="N104" s="12">
        <v>224</v>
      </c>
      <c r="O104" s="12">
        <v>0</v>
      </c>
      <c r="P104" s="12">
        <v>172</v>
      </c>
      <c r="Q104" s="12">
        <v>828</v>
      </c>
      <c r="R104" s="12">
        <v>301</v>
      </c>
    </row>
    <row r="105" spans="1:18" s="4" customFormat="1" x14ac:dyDescent="0.15">
      <c r="A105" s="3"/>
      <c r="B105" s="3" t="s">
        <v>802</v>
      </c>
      <c r="C105" s="12">
        <v>1391</v>
      </c>
      <c r="D105" s="12">
        <v>2967</v>
      </c>
      <c r="E105" s="12">
        <v>1511</v>
      </c>
      <c r="F105" s="12">
        <v>1456</v>
      </c>
      <c r="G105" s="12">
        <v>291</v>
      </c>
      <c r="H105" s="12">
        <v>234</v>
      </c>
      <c r="I105" s="12">
        <v>300</v>
      </c>
      <c r="J105" s="12">
        <v>350</v>
      </c>
      <c r="K105" s="12">
        <v>473</v>
      </c>
      <c r="L105" s="12">
        <v>428</v>
      </c>
      <c r="M105" s="12">
        <v>422</v>
      </c>
      <c r="N105" s="12">
        <v>469</v>
      </c>
      <c r="O105" s="12">
        <v>0</v>
      </c>
      <c r="P105" s="12">
        <v>428</v>
      </c>
      <c r="Q105" s="12">
        <v>1866</v>
      </c>
      <c r="R105" s="12">
        <v>673</v>
      </c>
    </row>
    <row r="106" spans="1:18" s="4" customFormat="1" x14ac:dyDescent="0.15">
      <c r="A106" s="3"/>
      <c r="B106" s="3" t="s">
        <v>803</v>
      </c>
      <c r="C106" s="12">
        <v>532</v>
      </c>
      <c r="D106" s="12">
        <v>1089</v>
      </c>
      <c r="E106" s="12">
        <v>509</v>
      </c>
      <c r="F106" s="12">
        <v>580</v>
      </c>
      <c r="G106" s="12">
        <v>112</v>
      </c>
      <c r="H106" s="12">
        <v>75</v>
      </c>
      <c r="I106" s="12">
        <v>100</v>
      </c>
      <c r="J106" s="12">
        <v>129</v>
      </c>
      <c r="K106" s="12">
        <v>170</v>
      </c>
      <c r="L106" s="12">
        <v>140</v>
      </c>
      <c r="M106" s="12">
        <v>118</v>
      </c>
      <c r="N106" s="12">
        <v>245</v>
      </c>
      <c r="O106" s="12">
        <v>0</v>
      </c>
      <c r="P106" s="12">
        <v>161</v>
      </c>
      <c r="Q106" s="12">
        <v>616</v>
      </c>
      <c r="R106" s="12">
        <v>312</v>
      </c>
    </row>
    <row r="107" spans="1:18" s="4" customFormat="1" x14ac:dyDescent="0.15">
      <c r="A107" s="3"/>
      <c r="B107" s="3" t="s">
        <v>804</v>
      </c>
      <c r="C107" s="12">
        <v>501</v>
      </c>
      <c r="D107" s="12">
        <v>1251</v>
      </c>
      <c r="E107" s="12">
        <v>602</v>
      </c>
      <c r="F107" s="12">
        <v>649</v>
      </c>
      <c r="G107" s="12">
        <v>162</v>
      </c>
      <c r="H107" s="12">
        <v>126</v>
      </c>
      <c r="I107" s="12">
        <v>86</v>
      </c>
      <c r="J107" s="12">
        <v>136</v>
      </c>
      <c r="K107" s="12">
        <v>228</v>
      </c>
      <c r="L107" s="12">
        <v>171</v>
      </c>
      <c r="M107" s="12">
        <v>110</v>
      </c>
      <c r="N107" s="12">
        <v>232</v>
      </c>
      <c r="O107" s="12">
        <v>0</v>
      </c>
      <c r="P107" s="12">
        <v>234</v>
      </c>
      <c r="Q107" s="12">
        <v>743</v>
      </c>
      <c r="R107" s="12">
        <v>274</v>
      </c>
    </row>
    <row r="108" spans="1:18" s="4" customFormat="1" x14ac:dyDescent="0.15">
      <c r="A108" s="3"/>
      <c r="B108" s="3" t="s">
        <v>805</v>
      </c>
      <c r="C108" s="12">
        <v>262</v>
      </c>
      <c r="D108" s="12">
        <v>484</v>
      </c>
      <c r="E108" s="12">
        <v>217</v>
      </c>
      <c r="F108" s="12">
        <v>267</v>
      </c>
      <c r="G108" s="12">
        <v>35</v>
      </c>
      <c r="H108" s="12">
        <v>31</v>
      </c>
      <c r="I108" s="12">
        <v>31</v>
      </c>
      <c r="J108" s="12">
        <v>66</v>
      </c>
      <c r="K108" s="12">
        <v>51</v>
      </c>
      <c r="L108" s="12">
        <v>48</v>
      </c>
      <c r="M108" s="12">
        <v>53</v>
      </c>
      <c r="N108" s="12">
        <v>169</v>
      </c>
      <c r="O108" s="12">
        <v>0</v>
      </c>
      <c r="P108" s="12">
        <v>49</v>
      </c>
      <c r="Q108" s="12">
        <v>238</v>
      </c>
      <c r="R108" s="12">
        <v>197</v>
      </c>
    </row>
    <row r="109" spans="1:18" s="4" customFormat="1" x14ac:dyDescent="0.15">
      <c r="A109" s="3"/>
      <c r="B109" s="3"/>
      <c r="C109" s="12"/>
      <c r="D109" s="12"/>
      <c r="E109" s="12"/>
      <c r="F109" s="12"/>
      <c r="G109" s="12"/>
      <c r="H109" s="12"/>
      <c r="I109" s="12"/>
      <c r="J109" s="12"/>
      <c r="K109" s="12"/>
      <c r="L109" s="12"/>
      <c r="M109" s="12"/>
      <c r="N109" s="12"/>
      <c r="O109" s="12"/>
      <c r="P109" s="12"/>
      <c r="Q109" s="12"/>
      <c r="R109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13"/>
  <sheetViews>
    <sheetView zoomScaleNormal="100" workbookViewId="0"/>
  </sheetViews>
  <sheetFormatPr defaultRowHeight="10.5" customHeight="1" x14ac:dyDescent="0.15"/>
  <cols>
    <col min="1" max="1" width="1.75" customWidth="1"/>
    <col min="2" max="2" width="16.25" customWidth="1"/>
    <col min="3" max="18" width="7.5" customWidth="1"/>
  </cols>
  <sheetData>
    <row r="1" spans="1:18" s="1" customFormat="1" ht="14.25" x14ac:dyDescent="0.15">
      <c r="B1" s="7"/>
      <c r="C1" s="7"/>
      <c r="D1" s="7"/>
      <c r="F1" s="7"/>
      <c r="G1" s="7"/>
      <c r="I1" s="6" t="s">
        <v>3</v>
      </c>
      <c r="J1" s="7"/>
      <c r="K1" s="7"/>
      <c r="L1" s="7"/>
      <c r="M1" s="7"/>
      <c r="N1" s="7"/>
      <c r="O1" s="7"/>
      <c r="P1" s="8" t="s">
        <v>4</v>
      </c>
      <c r="R1" s="5" t="s">
        <v>5</v>
      </c>
    </row>
    <row r="2" spans="1:18" s="1" customFormat="1" ht="10.5" customHeight="1" x14ac:dyDescent="0.15">
      <c r="B2" s="2"/>
      <c r="Q2" s="16">
        <v>44287</v>
      </c>
      <c r="R2" s="16"/>
    </row>
    <row r="3" spans="1:18" s="1" customFormat="1" ht="10.5" customHeight="1" x14ac:dyDescent="0.15">
      <c r="A3" s="15" t="s">
        <v>0</v>
      </c>
      <c r="B3" s="17"/>
      <c r="C3" s="15" t="s">
        <v>6</v>
      </c>
      <c r="D3" s="18" t="s">
        <v>2</v>
      </c>
      <c r="E3" s="18"/>
      <c r="F3" s="18"/>
      <c r="G3" s="14" t="s">
        <v>12</v>
      </c>
      <c r="H3" s="14" t="s">
        <v>13</v>
      </c>
      <c r="I3" s="14" t="s">
        <v>14</v>
      </c>
      <c r="J3" s="14" t="s">
        <v>15</v>
      </c>
      <c r="K3" s="14" t="s">
        <v>16</v>
      </c>
      <c r="L3" s="14" t="s">
        <v>17</v>
      </c>
      <c r="M3" s="14" t="s">
        <v>18</v>
      </c>
      <c r="N3" s="14" t="s">
        <v>19</v>
      </c>
      <c r="O3" s="19" t="s">
        <v>9</v>
      </c>
      <c r="P3" s="19" t="s">
        <v>10</v>
      </c>
      <c r="Q3" s="19" t="s">
        <v>11</v>
      </c>
      <c r="R3" s="14" t="s">
        <v>20</v>
      </c>
    </row>
    <row r="4" spans="1:18" s="3" customFormat="1" ht="10.5" customHeight="1" x14ac:dyDescent="0.15">
      <c r="A4" s="17"/>
      <c r="B4" s="17"/>
      <c r="C4" s="17"/>
      <c r="D4" s="9" t="s">
        <v>1</v>
      </c>
      <c r="E4" s="9" t="s">
        <v>7</v>
      </c>
      <c r="F4" s="9" t="s">
        <v>8</v>
      </c>
      <c r="G4" s="17"/>
      <c r="H4" s="17"/>
      <c r="I4" s="17"/>
      <c r="J4" s="15"/>
      <c r="K4" s="15"/>
      <c r="L4" s="15"/>
      <c r="M4" s="15"/>
      <c r="N4" s="15"/>
      <c r="O4" s="20"/>
      <c r="P4" s="20"/>
      <c r="Q4" s="20"/>
      <c r="R4" s="15"/>
    </row>
    <row r="5" spans="1:18" s="3" customFormat="1" ht="7.5" customHeight="1" x14ac:dyDescent="0.15">
      <c r="A5" s="13"/>
      <c r="B5" s="13"/>
      <c r="C5" s="13"/>
      <c r="D5" s="10"/>
      <c r="E5" s="10"/>
      <c r="F5" s="10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</row>
    <row r="6" spans="1:18" s="4" customFormat="1" x14ac:dyDescent="0.15">
      <c r="A6" s="3" t="s">
        <v>806</v>
      </c>
      <c r="B6" s="3"/>
      <c r="C6" s="12">
        <v>52215</v>
      </c>
      <c r="D6" s="12">
        <v>107875</v>
      </c>
      <c r="E6" s="12">
        <v>52156</v>
      </c>
      <c r="F6" s="12">
        <v>55719</v>
      </c>
      <c r="G6" s="12">
        <v>9302</v>
      </c>
      <c r="H6" s="12">
        <v>8833</v>
      </c>
      <c r="I6" s="12">
        <v>11139</v>
      </c>
      <c r="J6" s="12">
        <v>13318</v>
      </c>
      <c r="K6" s="12">
        <v>16034</v>
      </c>
      <c r="L6" s="12">
        <v>14546</v>
      </c>
      <c r="M6" s="12">
        <v>12175</v>
      </c>
      <c r="N6" s="12">
        <v>22528</v>
      </c>
      <c r="O6" s="12">
        <v>0</v>
      </c>
      <c r="P6" s="12">
        <v>13756</v>
      </c>
      <c r="Q6" s="12">
        <v>65598</v>
      </c>
      <c r="R6" s="12">
        <v>28521</v>
      </c>
    </row>
    <row r="7" spans="1:18" s="4" customFormat="1" x14ac:dyDescent="0.15">
      <c r="A7" s="3"/>
      <c r="B7" s="3" t="s">
        <v>807</v>
      </c>
      <c r="C7" s="12">
        <v>294</v>
      </c>
      <c r="D7" s="12">
        <v>673</v>
      </c>
      <c r="E7" s="12">
        <v>337</v>
      </c>
      <c r="F7" s="12">
        <v>336</v>
      </c>
      <c r="G7" s="12">
        <v>50</v>
      </c>
      <c r="H7" s="12">
        <v>101</v>
      </c>
      <c r="I7" s="12">
        <v>76</v>
      </c>
      <c r="J7" s="12">
        <v>71</v>
      </c>
      <c r="K7" s="12">
        <v>121</v>
      </c>
      <c r="L7" s="12">
        <v>131</v>
      </c>
      <c r="M7" s="12">
        <v>62</v>
      </c>
      <c r="N7" s="12">
        <v>61</v>
      </c>
      <c r="O7" s="12">
        <v>0</v>
      </c>
      <c r="P7" s="12">
        <v>92</v>
      </c>
      <c r="Q7" s="12">
        <v>501</v>
      </c>
      <c r="R7" s="12">
        <v>80</v>
      </c>
    </row>
    <row r="8" spans="1:18" s="4" customFormat="1" x14ac:dyDescent="0.15">
      <c r="A8" s="3"/>
      <c r="B8" s="3" t="s">
        <v>808</v>
      </c>
      <c r="C8" s="12">
        <v>192</v>
      </c>
      <c r="D8" s="12">
        <v>490</v>
      </c>
      <c r="E8" s="12">
        <v>239</v>
      </c>
      <c r="F8" s="12">
        <v>251</v>
      </c>
      <c r="G8" s="12">
        <v>108</v>
      </c>
      <c r="H8" s="12">
        <v>27</v>
      </c>
      <c r="I8" s="12">
        <v>27</v>
      </c>
      <c r="J8" s="12">
        <v>111</v>
      </c>
      <c r="K8" s="12">
        <v>76</v>
      </c>
      <c r="L8" s="12">
        <v>38</v>
      </c>
      <c r="M8" s="12">
        <v>51</v>
      </c>
      <c r="N8" s="12">
        <v>52</v>
      </c>
      <c r="O8" s="12">
        <v>0</v>
      </c>
      <c r="P8" s="12">
        <v>130</v>
      </c>
      <c r="Q8" s="12">
        <v>283</v>
      </c>
      <c r="R8" s="12">
        <v>77</v>
      </c>
    </row>
    <row r="9" spans="1:18" s="4" customFormat="1" x14ac:dyDescent="0.15">
      <c r="A9" s="3"/>
      <c r="B9" s="3" t="s">
        <v>809</v>
      </c>
      <c r="C9" s="12">
        <v>330</v>
      </c>
      <c r="D9" s="12">
        <v>612</v>
      </c>
      <c r="E9" s="12">
        <v>305</v>
      </c>
      <c r="F9" s="12">
        <v>307</v>
      </c>
      <c r="G9" s="12">
        <v>38</v>
      </c>
      <c r="H9" s="12">
        <v>38</v>
      </c>
      <c r="I9" s="12">
        <v>64</v>
      </c>
      <c r="J9" s="12">
        <v>82</v>
      </c>
      <c r="K9" s="12">
        <v>87</v>
      </c>
      <c r="L9" s="12">
        <v>77</v>
      </c>
      <c r="M9" s="12">
        <v>88</v>
      </c>
      <c r="N9" s="12">
        <v>138</v>
      </c>
      <c r="O9" s="12">
        <v>0</v>
      </c>
      <c r="P9" s="12">
        <v>63</v>
      </c>
      <c r="Q9" s="12">
        <v>367</v>
      </c>
      <c r="R9" s="12">
        <v>182</v>
      </c>
    </row>
    <row r="10" spans="1:18" s="4" customFormat="1" x14ac:dyDescent="0.15">
      <c r="A10" s="3"/>
      <c r="B10" s="3" t="s">
        <v>810</v>
      </c>
      <c r="C10" s="12">
        <v>679</v>
      </c>
      <c r="D10" s="12">
        <v>1623</v>
      </c>
      <c r="E10" s="12">
        <v>772</v>
      </c>
      <c r="F10" s="12">
        <v>851</v>
      </c>
      <c r="G10" s="12">
        <v>160</v>
      </c>
      <c r="H10" s="12">
        <v>175</v>
      </c>
      <c r="I10" s="12">
        <v>192</v>
      </c>
      <c r="J10" s="12">
        <v>184</v>
      </c>
      <c r="K10" s="12">
        <v>273</v>
      </c>
      <c r="L10" s="12">
        <v>259</v>
      </c>
      <c r="M10" s="12">
        <v>183</v>
      </c>
      <c r="N10" s="12">
        <v>197</v>
      </c>
      <c r="O10" s="12">
        <v>0</v>
      </c>
      <c r="P10" s="12">
        <v>250</v>
      </c>
      <c r="Q10" s="12">
        <v>1093</v>
      </c>
      <c r="R10" s="12">
        <v>280</v>
      </c>
    </row>
    <row r="11" spans="1:18" s="4" customFormat="1" x14ac:dyDescent="0.15">
      <c r="A11" s="3"/>
      <c r="B11" s="3" t="s">
        <v>811</v>
      </c>
      <c r="C11" s="12">
        <v>584</v>
      </c>
      <c r="D11" s="12">
        <v>1211</v>
      </c>
      <c r="E11" s="12">
        <v>599</v>
      </c>
      <c r="F11" s="12">
        <v>612</v>
      </c>
      <c r="G11" s="12">
        <v>95</v>
      </c>
      <c r="H11" s="12">
        <v>78</v>
      </c>
      <c r="I11" s="12">
        <v>135</v>
      </c>
      <c r="J11" s="12">
        <v>157</v>
      </c>
      <c r="K11" s="12">
        <v>157</v>
      </c>
      <c r="L11" s="12">
        <v>157</v>
      </c>
      <c r="M11" s="12">
        <v>150</v>
      </c>
      <c r="N11" s="12">
        <v>282</v>
      </c>
      <c r="O11" s="12">
        <v>0</v>
      </c>
      <c r="P11" s="12">
        <v>135</v>
      </c>
      <c r="Q11" s="12">
        <v>722</v>
      </c>
      <c r="R11" s="12">
        <v>354</v>
      </c>
    </row>
    <row r="12" spans="1:18" s="4" customFormat="1" x14ac:dyDescent="0.15">
      <c r="A12" s="3"/>
      <c r="B12" s="3" t="s">
        <v>812</v>
      </c>
      <c r="C12" s="12">
        <v>466</v>
      </c>
      <c r="D12" s="12">
        <v>1068</v>
      </c>
      <c r="E12" s="12">
        <v>518</v>
      </c>
      <c r="F12" s="12">
        <v>550</v>
      </c>
      <c r="G12" s="12">
        <v>84</v>
      </c>
      <c r="H12" s="12">
        <v>95</v>
      </c>
      <c r="I12" s="12">
        <v>115</v>
      </c>
      <c r="J12" s="12">
        <v>117</v>
      </c>
      <c r="K12" s="12">
        <v>150</v>
      </c>
      <c r="L12" s="12">
        <v>135</v>
      </c>
      <c r="M12" s="12">
        <v>131</v>
      </c>
      <c r="N12" s="12">
        <v>241</v>
      </c>
      <c r="O12" s="12">
        <v>0</v>
      </c>
      <c r="P12" s="12">
        <v>126</v>
      </c>
      <c r="Q12" s="12">
        <v>630</v>
      </c>
      <c r="R12" s="12">
        <v>312</v>
      </c>
    </row>
    <row r="13" spans="1:18" s="4" customFormat="1" x14ac:dyDescent="0.15">
      <c r="A13" s="3"/>
      <c r="B13" s="3" t="s">
        <v>813</v>
      </c>
      <c r="C13" s="12">
        <v>127</v>
      </c>
      <c r="D13" s="12">
        <v>292</v>
      </c>
      <c r="E13" s="12">
        <v>139</v>
      </c>
      <c r="F13" s="12">
        <v>153</v>
      </c>
      <c r="G13" s="12">
        <v>23</v>
      </c>
      <c r="H13" s="12">
        <v>18</v>
      </c>
      <c r="I13" s="12">
        <v>24</v>
      </c>
      <c r="J13" s="12">
        <v>23</v>
      </c>
      <c r="K13" s="12">
        <v>40</v>
      </c>
      <c r="L13" s="12">
        <v>42</v>
      </c>
      <c r="M13" s="12">
        <v>43</v>
      </c>
      <c r="N13" s="12">
        <v>79</v>
      </c>
      <c r="O13" s="12">
        <v>0</v>
      </c>
      <c r="P13" s="12">
        <v>30</v>
      </c>
      <c r="Q13" s="12">
        <v>159</v>
      </c>
      <c r="R13" s="12">
        <v>103</v>
      </c>
    </row>
    <row r="14" spans="1:18" s="4" customFormat="1" x14ac:dyDescent="0.15">
      <c r="A14" s="3"/>
      <c r="B14" s="3" t="s">
        <v>814</v>
      </c>
      <c r="C14" s="12">
        <v>678</v>
      </c>
      <c r="D14" s="12">
        <v>1246</v>
      </c>
      <c r="E14" s="12">
        <v>686</v>
      </c>
      <c r="F14" s="12">
        <v>560</v>
      </c>
      <c r="G14" s="12">
        <v>63</v>
      </c>
      <c r="H14" s="12">
        <v>86</v>
      </c>
      <c r="I14" s="12">
        <v>111</v>
      </c>
      <c r="J14" s="12">
        <v>132</v>
      </c>
      <c r="K14" s="12">
        <v>192</v>
      </c>
      <c r="L14" s="12">
        <v>171</v>
      </c>
      <c r="M14" s="12">
        <v>173</v>
      </c>
      <c r="N14" s="12">
        <v>318</v>
      </c>
      <c r="O14" s="12">
        <v>0</v>
      </c>
      <c r="P14" s="12">
        <v>112</v>
      </c>
      <c r="Q14" s="12">
        <v>724</v>
      </c>
      <c r="R14" s="12">
        <v>410</v>
      </c>
    </row>
    <row r="15" spans="1:18" s="4" customFormat="1" x14ac:dyDescent="0.15">
      <c r="A15" s="3"/>
      <c r="B15" s="3" t="s">
        <v>815</v>
      </c>
      <c r="C15" s="12">
        <v>885</v>
      </c>
      <c r="D15" s="12">
        <v>1682</v>
      </c>
      <c r="E15" s="12">
        <v>854</v>
      </c>
      <c r="F15" s="12">
        <v>828</v>
      </c>
      <c r="G15" s="12">
        <v>74</v>
      </c>
      <c r="H15" s="12">
        <v>179</v>
      </c>
      <c r="I15" s="12">
        <v>160</v>
      </c>
      <c r="J15" s="12">
        <v>168</v>
      </c>
      <c r="K15" s="12">
        <v>312</v>
      </c>
      <c r="L15" s="12">
        <v>235</v>
      </c>
      <c r="M15" s="12">
        <v>217</v>
      </c>
      <c r="N15" s="12">
        <v>337</v>
      </c>
      <c r="O15" s="12">
        <v>0</v>
      </c>
      <c r="P15" s="12">
        <v>149</v>
      </c>
      <c r="Q15" s="12">
        <v>1075</v>
      </c>
      <c r="R15" s="12">
        <v>458</v>
      </c>
    </row>
    <row r="16" spans="1:18" s="4" customFormat="1" x14ac:dyDescent="0.15">
      <c r="A16" s="3"/>
      <c r="B16" s="3" t="s">
        <v>816</v>
      </c>
      <c r="C16" s="12">
        <v>407</v>
      </c>
      <c r="D16" s="12">
        <v>973</v>
      </c>
      <c r="E16" s="12">
        <v>484</v>
      </c>
      <c r="F16" s="12">
        <v>489</v>
      </c>
      <c r="G16" s="12">
        <v>181</v>
      </c>
      <c r="H16" s="12">
        <v>67</v>
      </c>
      <c r="I16" s="12">
        <v>94</v>
      </c>
      <c r="J16" s="12">
        <v>199</v>
      </c>
      <c r="K16" s="12">
        <v>158</v>
      </c>
      <c r="L16" s="12">
        <v>101</v>
      </c>
      <c r="M16" s="12">
        <v>80</v>
      </c>
      <c r="N16" s="12">
        <v>93</v>
      </c>
      <c r="O16" s="12">
        <v>0</v>
      </c>
      <c r="P16" s="12">
        <v>219</v>
      </c>
      <c r="Q16" s="12">
        <v>620</v>
      </c>
      <c r="R16" s="12">
        <v>134</v>
      </c>
    </row>
    <row r="17" spans="1:18" s="4" customFormat="1" x14ac:dyDescent="0.15">
      <c r="A17" s="3"/>
      <c r="B17" s="3" t="s">
        <v>817</v>
      </c>
      <c r="C17" s="12">
        <v>588</v>
      </c>
      <c r="D17" s="12">
        <v>1068</v>
      </c>
      <c r="E17" s="12">
        <v>584</v>
      </c>
      <c r="F17" s="12">
        <v>484</v>
      </c>
      <c r="G17" s="12">
        <v>38</v>
      </c>
      <c r="H17" s="12">
        <v>70</v>
      </c>
      <c r="I17" s="12">
        <v>133</v>
      </c>
      <c r="J17" s="12">
        <v>116</v>
      </c>
      <c r="K17" s="12">
        <v>133</v>
      </c>
      <c r="L17" s="12">
        <v>149</v>
      </c>
      <c r="M17" s="12">
        <v>166</v>
      </c>
      <c r="N17" s="12">
        <v>263</v>
      </c>
      <c r="O17" s="12">
        <v>0</v>
      </c>
      <c r="P17" s="12">
        <v>73</v>
      </c>
      <c r="Q17" s="12">
        <v>656</v>
      </c>
      <c r="R17" s="12">
        <v>339</v>
      </c>
    </row>
    <row r="18" spans="1:18" s="4" customFormat="1" x14ac:dyDescent="0.15">
      <c r="A18" s="3"/>
      <c r="B18" s="3" t="s">
        <v>818</v>
      </c>
      <c r="C18" s="12">
        <v>396</v>
      </c>
      <c r="D18" s="12">
        <v>773</v>
      </c>
      <c r="E18" s="12">
        <v>371</v>
      </c>
      <c r="F18" s="12">
        <v>402</v>
      </c>
      <c r="G18" s="12">
        <v>61</v>
      </c>
      <c r="H18" s="12">
        <v>45</v>
      </c>
      <c r="I18" s="12">
        <v>79</v>
      </c>
      <c r="J18" s="12">
        <v>83</v>
      </c>
      <c r="K18" s="12">
        <v>85</v>
      </c>
      <c r="L18" s="12">
        <v>101</v>
      </c>
      <c r="M18" s="12">
        <v>100</v>
      </c>
      <c r="N18" s="12">
        <v>219</v>
      </c>
      <c r="O18" s="12">
        <v>0</v>
      </c>
      <c r="P18" s="12">
        <v>85</v>
      </c>
      <c r="Q18" s="12">
        <v>415</v>
      </c>
      <c r="R18" s="12">
        <v>273</v>
      </c>
    </row>
    <row r="19" spans="1:18" s="4" customFormat="1" x14ac:dyDescent="0.15">
      <c r="A19" s="3"/>
      <c r="B19" s="3" t="s">
        <v>819</v>
      </c>
      <c r="C19" s="12">
        <v>221</v>
      </c>
      <c r="D19" s="12">
        <v>542</v>
      </c>
      <c r="E19" s="12">
        <v>254</v>
      </c>
      <c r="F19" s="12">
        <v>288</v>
      </c>
      <c r="G19" s="12">
        <v>55</v>
      </c>
      <c r="H19" s="12">
        <v>51</v>
      </c>
      <c r="I19" s="12">
        <v>58</v>
      </c>
      <c r="J19" s="12">
        <v>44</v>
      </c>
      <c r="K19" s="12">
        <v>68</v>
      </c>
      <c r="L19" s="12">
        <v>85</v>
      </c>
      <c r="M19" s="12">
        <v>69</v>
      </c>
      <c r="N19" s="12">
        <v>112</v>
      </c>
      <c r="O19" s="12">
        <v>0</v>
      </c>
      <c r="P19" s="12">
        <v>77</v>
      </c>
      <c r="Q19" s="12">
        <v>331</v>
      </c>
      <c r="R19" s="12">
        <v>134</v>
      </c>
    </row>
    <row r="20" spans="1:18" s="4" customFormat="1" x14ac:dyDescent="0.15">
      <c r="A20" s="3"/>
      <c r="B20" s="3" t="s">
        <v>820</v>
      </c>
      <c r="C20" s="12">
        <v>158</v>
      </c>
      <c r="D20" s="12">
        <v>364</v>
      </c>
      <c r="E20" s="12">
        <v>167</v>
      </c>
      <c r="F20" s="12">
        <v>197</v>
      </c>
      <c r="G20" s="12">
        <v>28</v>
      </c>
      <c r="H20" s="12">
        <v>47</v>
      </c>
      <c r="I20" s="12">
        <v>27</v>
      </c>
      <c r="J20" s="12">
        <v>43</v>
      </c>
      <c r="K20" s="12">
        <v>63</v>
      </c>
      <c r="L20" s="12">
        <v>61</v>
      </c>
      <c r="M20" s="12">
        <v>37</v>
      </c>
      <c r="N20" s="12">
        <v>58</v>
      </c>
      <c r="O20" s="12">
        <v>0</v>
      </c>
      <c r="P20" s="12">
        <v>52</v>
      </c>
      <c r="Q20" s="12">
        <v>232</v>
      </c>
      <c r="R20" s="12">
        <v>80</v>
      </c>
    </row>
    <row r="21" spans="1:18" s="4" customFormat="1" x14ac:dyDescent="0.15">
      <c r="A21" s="3"/>
      <c r="B21" s="3" t="s">
        <v>821</v>
      </c>
      <c r="C21" s="12">
        <v>264</v>
      </c>
      <c r="D21" s="12">
        <v>558</v>
      </c>
      <c r="E21" s="12">
        <v>260</v>
      </c>
      <c r="F21" s="12">
        <v>298</v>
      </c>
      <c r="G21" s="12">
        <v>51</v>
      </c>
      <c r="H21" s="12">
        <v>44</v>
      </c>
      <c r="I21" s="12">
        <v>81</v>
      </c>
      <c r="J21" s="12">
        <v>76</v>
      </c>
      <c r="K21" s="12">
        <v>73</v>
      </c>
      <c r="L21" s="12">
        <v>78</v>
      </c>
      <c r="M21" s="12">
        <v>46</v>
      </c>
      <c r="N21" s="12">
        <v>109</v>
      </c>
      <c r="O21" s="12">
        <v>0</v>
      </c>
      <c r="P21" s="12">
        <v>66</v>
      </c>
      <c r="Q21" s="12">
        <v>363</v>
      </c>
      <c r="R21" s="12">
        <v>129</v>
      </c>
    </row>
    <row r="22" spans="1:18" s="4" customFormat="1" x14ac:dyDescent="0.15">
      <c r="A22" s="3"/>
      <c r="B22" s="3" t="s">
        <v>822</v>
      </c>
      <c r="C22" s="12">
        <v>168</v>
      </c>
      <c r="D22" s="12">
        <v>412</v>
      </c>
      <c r="E22" s="12">
        <v>195</v>
      </c>
      <c r="F22" s="12">
        <v>217</v>
      </c>
      <c r="G22" s="12">
        <v>42</v>
      </c>
      <c r="H22" s="12">
        <v>39</v>
      </c>
      <c r="I22" s="12">
        <v>38</v>
      </c>
      <c r="J22" s="12">
        <v>32</v>
      </c>
      <c r="K22" s="12">
        <v>68</v>
      </c>
      <c r="L22" s="12">
        <v>58</v>
      </c>
      <c r="M22" s="12">
        <v>51</v>
      </c>
      <c r="N22" s="12">
        <v>84</v>
      </c>
      <c r="O22" s="12">
        <v>0</v>
      </c>
      <c r="P22" s="12">
        <v>63</v>
      </c>
      <c r="Q22" s="12">
        <v>242</v>
      </c>
      <c r="R22" s="12">
        <v>107</v>
      </c>
    </row>
    <row r="23" spans="1:18" s="4" customFormat="1" x14ac:dyDescent="0.15">
      <c r="A23" s="3"/>
      <c r="B23" s="3" t="s">
        <v>823</v>
      </c>
      <c r="C23" s="12">
        <v>464</v>
      </c>
      <c r="D23" s="12">
        <v>938</v>
      </c>
      <c r="E23" s="12">
        <v>466</v>
      </c>
      <c r="F23" s="12">
        <v>472</v>
      </c>
      <c r="G23" s="12">
        <v>78</v>
      </c>
      <c r="H23" s="12">
        <v>69</v>
      </c>
      <c r="I23" s="12">
        <v>101</v>
      </c>
      <c r="J23" s="12">
        <v>126</v>
      </c>
      <c r="K23" s="12">
        <v>141</v>
      </c>
      <c r="L23" s="12">
        <v>121</v>
      </c>
      <c r="M23" s="12">
        <v>103</v>
      </c>
      <c r="N23" s="12">
        <v>199</v>
      </c>
      <c r="O23" s="12">
        <v>0</v>
      </c>
      <c r="P23" s="12">
        <v>110</v>
      </c>
      <c r="Q23" s="12">
        <v>585</v>
      </c>
      <c r="R23" s="12">
        <v>243</v>
      </c>
    </row>
    <row r="24" spans="1:18" s="4" customFormat="1" x14ac:dyDescent="0.15">
      <c r="A24" s="3"/>
      <c r="B24" s="3" t="s">
        <v>824</v>
      </c>
      <c r="C24" s="12">
        <v>264</v>
      </c>
      <c r="D24" s="12">
        <v>601</v>
      </c>
      <c r="E24" s="12">
        <v>285</v>
      </c>
      <c r="F24" s="12">
        <v>316</v>
      </c>
      <c r="G24" s="12">
        <v>54</v>
      </c>
      <c r="H24" s="12">
        <v>51</v>
      </c>
      <c r="I24" s="12">
        <v>60</v>
      </c>
      <c r="J24" s="12">
        <v>73</v>
      </c>
      <c r="K24" s="12">
        <v>64</v>
      </c>
      <c r="L24" s="12">
        <v>88</v>
      </c>
      <c r="M24" s="12">
        <v>74</v>
      </c>
      <c r="N24" s="12">
        <v>137</v>
      </c>
      <c r="O24" s="12">
        <v>0</v>
      </c>
      <c r="P24" s="12">
        <v>78</v>
      </c>
      <c r="Q24" s="12">
        <v>352</v>
      </c>
      <c r="R24" s="12">
        <v>171</v>
      </c>
    </row>
    <row r="25" spans="1:18" s="4" customFormat="1" x14ac:dyDescent="0.15">
      <c r="A25" s="3"/>
      <c r="B25" s="3" t="s">
        <v>825</v>
      </c>
      <c r="C25" s="12">
        <v>243</v>
      </c>
      <c r="D25" s="12">
        <v>511</v>
      </c>
      <c r="E25" s="12">
        <v>237</v>
      </c>
      <c r="F25" s="12">
        <v>274</v>
      </c>
      <c r="G25" s="12">
        <v>49</v>
      </c>
      <c r="H25" s="12">
        <v>33</v>
      </c>
      <c r="I25" s="12">
        <v>42</v>
      </c>
      <c r="J25" s="12">
        <v>53</v>
      </c>
      <c r="K25" s="12">
        <v>63</v>
      </c>
      <c r="L25" s="12">
        <v>55</v>
      </c>
      <c r="M25" s="12">
        <v>84</v>
      </c>
      <c r="N25" s="12">
        <v>132</v>
      </c>
      <c r="O25" s="12">
        <v>0</v>
      </c>
      <c r="P25" s="12">
        <v>65</v>
      </c>
      <c r="Q25" s="12">
        <v>282</v>
      </c>
      <c r="R25" s="12">
        <v>164</v>
      </c>
    </row>
    <row r="26" spans="1:18" s="4" customFormat="1" x14ac:dyDescent="0.15">
      <c r="A26" s="3"/>
      <c r="B26" s="3" t="s">
        <v>826</v>
      </c>
      <c r="C26" s="12">
        <v>277</v>
      </c>
      <c r="D26" s="12">
        <v>520</v>
      </c>
      <c r="E26" s="12">
        <v>268</v>
      </c>
      <c r="F26" s="12">
        <v>252</v>
      </c>
      <c r="G26" s="12">
        <v>48</v>
      </c>
      <c r="H26" s="12">
        <v>21</v>
      </c>
      <c r="I26" s="12">
        <v>73</v>
      </c>
      <c r="J26" s="12">
        <v>93</v>
      </c>
      <c r="K26" s="12">
        <v>68</v>
      </c>
      <c r="L26" s="12">
        <v>62</v>
      </c>
      <c r="M26" s="12">
        <v>47</v>
      </c>
      <c r="N26" s="12">
        <v>108</v>
      </c>
      <c r="O26" s="12">
        <v>0</v>
      </c>
      <c r="P26" s="12">
        <v>53</v>
      </c>
      <c r="Q26" s="12">
        <v>341</v>
      </c>
      <c r="R26" s="12">
        <v>126</v>
      </c>
    </row>
    <row r="27" spans="1:18" s="4" customFormat="1" x14ac:dyDescent="0.15">
      <c r="A27" s="3"/>
      <c r="B27" s="3" t="s">
        <v>827</v>
      </c>
      <c r="C27" s="12">
        <v>298</v>
      </c>
      <c r="D27" s="12">
        <v>577</v>
      </c>
      <c r="E27" s="12">
        <v>253</v>
      </c>
      <c r="F27" s="12">
        <v>324</v>
      </c>
      <c r="G27" s="12">
        <v>37</v>
      </c>
      <c r="H27" s="12">
        <v>55</v>
      </c>
      <c r="I27" s="12">
        <v>58</v>
      </c>
      <c r="J27" s="12">
        <v>43</v>
      </c>
      <c r="K27" s="12">
        <v>70</v>
      </c>
      <c r="L27" s="12">
        <v>100</v>
      </c>
      <c r="M27" s="12">
        <v>75</v>
      </c>
      <c r="N27" s="12">
        <v>139</v>
      </c>
      <c r="O27" s="12">
        <v>0</v>
      </c>
      <c r="P27" s="12">
        <v>62</v>
      </c>
      <c r="Q27" s="12">
        <v>341</v>
      </c>
      <c r="R27" s="12">
        <v>174</v>
      </c>
    </row>
    <row r="28" spans="1:18" s="4" customFormat="1" x14ac:dyDescent="0.15">
      <c r="A28" s="3"/>
      <c r="B28" s="3" t="s">
        <v>828</v>
      </c>
      <c r="C28" s="12">
        <v>333</v>
      </c>
      <c r="D28" s="12">
        <v>634</v>
      </c>
      <c r="E28" s="12">
        <v>311</v>
      </c>
      <c r="F28" s="12">
        <v>323</v>
      </c>
      <c r="G28" s="12">
        <v>47</v>
      </c>
      <c r="H28" s="12">
        <v>29</v>
      </c>
      <c r="I28" s="12">
        <v>90</v>
      </c>
      <c r="J28" s="12">
        <v>83</v>
      </c>
      <c r="K28" s="12">
        <v>83</v>
      </c>
      <c r="L28" s="12">
        <v>80</v>
      </c>
      <c r="M28" s="12">
        <v>72</v>
      </c>
      <c r="N28" s="12">
        <v>150</v>
      </c>
      <c r="O28" s="12">
        <v>0</v>
      </c>
      <c r="P28" s="12">
        <v>66</v>
      </c>
      <c r="Q28" s="12">
        <v>377</v>
      </c>
      <c r="R28" s="12">
        <v>191</v>
      </c>
    </row>
    <row r="29" spans="1:18" s="4" customFormat="1" x14ac:dyDescent="0.15">
      <c r="A29" s="3"/>
      <c r="B29" s="3" t="s">
        <v>715</v>
      </c>
      <c r="C29" s="12">
        <v>167</v>
      </c>
      <c r="D29" s="12">
        <v>362</v>
      </c>
      <c r="E29" s="12">
        <v>161</v>
      </c>
      <c r="F29" s="12">
        <v>201</v>
      </c>
      <c r="G29" s="12">
        <v>29</v>
      </c>
      <c r="H29" s="12">
        <v>38</v>
      </c>
      <c r="I29" s="12">
        <v>29</v>
      </c>
      <c r="J29" s="12">
        <v>39</v>
      </c>
      <c r="K29" s="12">
        <v>54</v>
      </c>
      <c r="L29" s="12">
        <v>50</v>
      </c>
      <c r="M29" s="12">
        <v>50</v>
      </c>
      <c r="N29" s="12">
        <v>73</v>
      </c>
      <c r="O29" s="12">
        <v>0</v>
      </c>
      <c r="P29" s="12">
        <v>45</v>
      </c>
      <c r="Q29" s="12">
        <v>220</v>
      </c>
      <c r="R29" s="12">
        <v>97</v>
      </c>
    </row>
    <row r="30" spans="1:18" s="4" customFormat="1" x14ac:dyDescent="0.15">
      <c r="A30" s="3"/>
      <c r="B30" s="3" t="s">
        <v>829</v>
      </c>
      <c r="C30" s="12">
        <v>567</v>
      </c>
      <c r="D30" s="12">
        <v>1120</v>
      </c>
      <c r="E30" s="12">
        <v>570</v>
      </c>
      <c r="F30" s="12">
        <v>550</v>
      </c>
      <c r="G30" s="12">
        <v>98</v>
      </c>
      <c r="H30" s="12">
        <v>89</v>
      </c>
      <c r="I30" s="12">
        <v>119</v>
      </c>
      <c r="J30" s="12">
        <v>147</v>
      </c>
      <c r="K30" s="12">
        <v>141</v>
      </c>
      <c r="L30" s="12">
        <v>150</v>
      </c>
      <c r="M30" s="12">
        <v>108</v>
      </c>
      <c r="N30" s="12">
        <v>268</v>
      </c>
      <c r="O30" s="12">
        <v>0</v>
      </c>
      <c r="P30" s="12">
        <v>139</v>
      </c>
      <c r="Q30" s="12">
        <v>649</v>
      </c>
      <c r="R30" s="12">
        <v>332</v>
      </c>
    </row>
    <row r="31" spans="1:18" s="4" customFormat="1" x14ac:dyDescent="0.15">
      <c r="A31" s="3"/>
      <c r="B31" s="3" t="s">
        <v>830</v>
      </c>
      <c r="C31" s="12">
        <v>368</v>
      </c>
      <c r="D31" s="12">
        <v>747</v>
      </c>
      <c r="E31" s="12">
        <v>362</v>
      </c>
      <c r="F31" s="12">
        <v>385</v>
      </c>
      <c r="G31" s="12">
        <v>58</v>
      </c>
      <c r="H31" s="12">
        <v>49</v>
      </c>
      <c r="I31" s="12">
        <v>77</v>
      </c>
      <c r="J31" s="12">
        <v>106</v>
      </c>
      <c r="K31" s="12">
        <v>90</v>
      </c>
      <c r="L31" s="12">
        <v>94</v>
      </c>
      <c r="M31" s="12">
        <v>117</v>
      </c>
      <c r="N31" s="12">
        <v>156</v>
      </c>
      <c r="O31" s="12">
        <v>0</v>
      </c>
      <c r="P31" s="12">
        <v>83</v>
      </c>
      <c r="Q31" s="12">
        <v>447</v>
      </c>
      <c r="R31" s="12">
        <v>217</v>
      </c>
    </row>
    <row r="32" spans="1:18" s="4" customFormat="1" x14ac:dyDescent="0.15">
      <c r="A32" s="3"/>
      <c r="B32" s="3" t="s">
        <v>831</v>
      </c>
      <c r="C32" s="12">
        <v>245</v>
      </c>
      <c r="D32" s="12">
        <v>441</v>
      </c>
      <c r="E32" s="12">
        <v>215</v>
      </c>
      <c r="F32" s="12">
        <v>226</v>
      </c>
      <c r="G32" s="12">
        <v>20</v>
      </c>
      <c r="H32" s="12">
        <v>36</v>
      </c>
      <c r="I32" s="12">
        <v>56</v>
      </c>
      <c r="J32" s="12">
        <v>57</v>
      </c>
      <c r="K32" s="12">
        <v>49</v>
      </c>
      <c r="L32" s="12">
        <v>70</v>
      </c>
      <c r="M32" s="12">
        <v>42</v>
      </c>
      <c r="N32" s="12">
        <v>111</v>
      </c>
      <c r="O32" s="12">
        <v>0</v>
      </c>
      <c r="P32" s="12">
        <v>39</v>
      </c>
      <c r="Q32" s="12">
        <v>266</v>
      </c>
      <c r="R32" s="12">
        <v>136</v>
      </c>
    </row>
    <row r="33" spans="1:18" s="4" customFormat="1" x14ac:dyDescent="0.15">
      <c r="A33" s="3"/>
      <c r="B33" s="3" t="s">
        <v>832</v>
      </c>
      <c r="C33" s="12">
        <v>377</v>
      </c>
      <c r="D33" s="12">
        <v>650</v>
      </c>
      <c r="E33" s="12">
        <v>306</v>
      </c>
      <c r="F33" s="12">
        <v>344</v>
      </c>
      <c r="G33" s="12">
        <v>39</v>
      </c>
      <c r="H33" s="12">
        <v>43</v>
      </c>
      <c r="I33" s="12">
        <v>120</v>
      </c>
      <c r="J33" s="12">
        <v>82</v>
      </c>
      <c r="K33" s="12">
        <v>89</v>
      </c>
      <c r="L33" s="12">
        <v>100</v>
      </c>
      <c r="M33" s="12">
        <v>46</v>
      </c>
      <c r="N33" s="12">
        <v>131</v>
      </c>
      <c r="O33" s="12">
        <v>0</v>
      </c>
      <c r="P33" s="12">
        <v>58</v>
      </c>
      <c r="Q33" s="12">
        <v>433</v>
      </c>
      <c r="R33" s="12">
        <v>159</v>
      </c>
    </row>
    <row r="34" spans="1:18" s="4" customFormat="1" x14ac:dyDescent="0.15">
      <c r="A34" s="3"/>
      <c r="B34" s="3" t="s">
        <v>833</v>
      </c>
      <c r="C34" s="12">
        <v>687</v>
      </c>
      <c r="D34" s="12">
        <v>1377</v>
      </c>
      <c r="E34" s="12">
        <v>696</v>
      </c>
      <c r="F34" s="12">
        <v>681</v>
      </c>
      <c r="G34" s="12">
        <v>125</v>
      </c>
      <c r="H34" s="12">
        <v>93</v>
      </c>
      <c r="I34" s="12">
        <v>122</v>
      </c>
      <c r="J34" s="12">
        <v>181</v>
      </c>
      <c r="K34" s="12">
        <v>195</v>
      </c>
      <c r="L34" s="12">
        <v>145</v>
      </c>
      <c r="M34" s="12">
        <v>145</v>
      </c>
      <c r="N34" s="12">
        <v>371</v>
      </c>
      <c r="O34" s="12">
        <v>0</v>
      </c>
      <c r="P34" s="12">
        <v>170</v>
      </c>
      <c r="Q34" s="12">
        <v>755</v>
      </c>
      <c r="R34" s="12">
        <v>452</v>
      </c>
    </row>
    <row r="35" spans="1:18" s="4" customFormat="1" x14ac:dyDescent="0.15">
      <c r="A35" s="3"/>
      <c r="B35" s="3" t="s">
        <v>834</v>
      </c>
      <c r="C35" s="12">
        <v>543</v>
      </c>
      <c r="D35" s="12">
        <v>1050</v>
      </c>
      <c r="E35" s="12">
        <v>500</v>
      </c>
      <c r="F35" s="12">
        <v>550</v>
      </c>
      <c r="G35" s="12">
        <v>63</v>
      </c>
      <c r="H35" s="12">
        <v>74</v>
      </c>
      <c r="I35" s="12">
        <v>111</v>
      </c>
      <c r="J35" s="12">
        <v>126</v>
      </c>
      <c r="K35" s="12">
        <v>160</v>
      </c>
      <c r="L35" s="12">
        <v>148</v>
      </c>
      <c r="M35" s="12">
        <v>104</v>
      </c>
      <c r="N35" s="12">
        <v>264</v>
      </c>
      <c r="O35" s="12">
        <v>0</v>
      </c>
      <c r="P35" s="12">
        <v>95</v>
      </c>
      <c r="Q35" s="12">
        <v>633</v>
      </c>
      <c r="R35" s="12">
        <v>322</v>
      </c>
    </row>
    <row r="36" spans="1:18" s="4" customFormat="1" x14ac:dyDescent="0.15">
      <c r="A36" s="3"/>
      <c r="B36" s="3" t="s">
        <v>835</v>
      </c>
      <c r="C36" s="12">
        <v>579</v>
      </c>
      <c r="D36" s="12">
        <v>1275</v>
      </c>
      <c r="E36" s="12">
        <v>630</v>
      </c>
      <c r="F36" s="12">
        <v>645</v>
      </c>
      <c r="G36" s="12">
        <v>101</v>
      </c>
      <c r="H36" s="12">
        <v>92</v>
      </c>
      <c r="I36" s="12">
        <v>106</v>
      </c>
      <c r="J36" s="12">
        <v>124</v>
      </c>
      <c r="K36" s="12">
        <v>173</v>
      </c>
      <c r="L36" s="12">
        <v>192</v>
      </c>
      <c r="M36" s="12">
        <v>162</v>
      </c>
      <c r="N36" s="12">
        <v>325</v>
      </c>
      <c r="O36" s="12">
        <v>0</v>
      </c>
      <c r="P36" s="12">
        <v>149</v>
      </c>
      <c r="Q36" s="12">
        <v>722</v>
      </c>
      <c r="R36" s="12">
        <v>404</v>
      </c>
    </row>
    <row r="37" spans="1:18" s="4" customFormat="1" x14ac:dyDescent="0.15">
      <c r="A37" s="3"/>
      <c r="B37" s="3" t="s">
        <v>836</v>
      </c>
      <c r="C37" s="12">
        <v>798</v>
      </c>
      <c r="D37" s="12">
        <v>1335</v>
      </c>
      <c r="E37" s="12">
        <v>612</v>
      </c>
      <c r="F37" s="12">
        <v>723</v>
      </c>
      <c r="G37" s="12">
        <v>109</v>
      </c>
      <c r="H37" s="12">
        <v>55</v>
      </c>
      <c r="I37" s="12">
        <v>240</v>
      </c>
      <c r="J37" s="12">
        <v>231</v>
      </c>
      <c r="K37" s="12">
        <v>207</v>
      </c>
      <c r="L37" s="12">
        <v>128</v>
      </c>
      <c r="M37" s="12">
        <v>115</v>
      </c>
      <c r="N37" s="12">
        <v>250</v>
      </c>
      <c r="O37" s="12">
        <v>0</v>
      </c>
      <c r="P37" s="12">
        <v>136</v>
      </c>
      <c r="Q37" s="12">
        <v>886</v>
      </c>
      <c r="R37" s="12">
        <v>313</v>
      </c>
    </row>
    <row r="38" spans="1:18" s="4" customFormat="1" x14ac:dyDescent="0.15">
      <c r="A38" s="3"/>
      <c r="B38" s="3" t="s">
        <v>837</v>
      </c>
      <c r="C38" s="12">
        <v>177</v>
      </c>
      <c r="D38" s="12">
        <v>264</v>
      </c>
      <c r="E38" s="12">
        <v>108</v>
      </c>
      <c r="F38" s="12">
        <v>156</v>
      </c>
      <c r="G38" s="12">
        <v>11</v>
      </c>
      <c r="H38" s="12">
        <v>13</v>
      </c>
      <c r="I38" s="12">
        <v>60</v>
      </c>
      <c r="J38" s="12">
        <v>31</v>
      </c>
      <c r="K38" s="12">
        <v>37</v>
      </c>
      <c r="L38" s="12">
        <v>36</v>
      </c>
      <c r="M38" s="12">
        <v>33</v>
      </c>
      <c r="N38" s="12">
        <v>43</v>
      </c>
      <c r="O38" s="12">
        <v>0</v>
      </c>
      <c r="P38" s="12">
        <v>13</v>
      </c>
      <c r="Q38" s="12">
        <v>182</v>
      </c>
      <c r="R38" s="12">
        <v>69</v>
      </c>
    </row>
    <row r="39" spans="1:18" s="4" customFormat="1" x14ac:dyDescent="0.15">
      <c r="A39" s="3"/>
      <c r="B39" s="3" t="s">
        <v>838</v>
      </c>
      <c r="C39" s="12">
        <v>212</v>
      </c>
      <c r="D39" s="12">
        <v>498</v>
      </c>
      <c r="E39" s="12">
        <v>235</v>
      </c>
      <c r="F39" s="12">
        <v>263</v>
      </c>
      <c r="G39" s="12">
        <v>54</v>
      </c>
      <c r="H39" s="12">
        <v>29</v>
      </c>
      <c r="I39" s="12">
        <v>50</v>
      </c>
      <c r="J39" s="12">
        <v>53</v>
      </c>
      <c r="K39" s="12">
        <v>66</v>
      </c>
      <c r="L39" s="12">
        <v>63</v>
      </c>
      <c r="M39" s="12">
        <v>61</v>
      </c>
      <c r="N39" s="12">
        <v>122</v>
      </c>
      <c r="O39" s="12">
        <v>0</v>
      </c>
      <c r="P39" s="12">
        <v>70</v>
      </c>
      <c r="Q39" s="12">
        <v>278</v>
      </c>
      <c r="R39" s="12">
        <v>150</v>
      </c>
    </row>
    <row r="40" spans="1:18" s="4" customFormat="1" x14ac:dyDescent="0.15">
      <c r="A40" s="3"/>
      <c r="B40" s="3" t="s">
        <v>839</v>
      </c>
      <c r="C40" s="12">
        <v>359</v>
      </c>
      <c r="D40" s="12">
        <v>742</v>
      </c>
      <c r="E40" s="12">
        <v>340</v>
      </c>
      <c r="F40" s="12">
        <v>402</v>
      </c>
      <c r="G40" s="12">
        <v>77</v>
      </c>
      <c r="H40" s="12">
        <v>39</v>
      </c>
      <c r="I40" s="12">
        <v>74</v>
      </c>
      <c r="J40" s="12">
        <v>100</v>
      </c>
      <c r="K40" s="12">
        <v>95</v>
      </c>
      <c r="L40" s="12">
        <v>103</v>
      </c>
      <c r="M40" s="12">
        <v>71</v>
      </c>
      <c r="N40" s="12">
        <v>183</v>
      </c>
      <c r="O40" s="12">
        <v>0</v>
      </c>
      <c r="P40" s="12">
        <v>94</v>
      </c>
      <c r="Q40" s="12">
        <v>424</v>
      </c>
      <c r="R40" s="12">
        <v>224</v>
      </c>
    </row>
    <row r="41" spans="1:18" s="4" customFormat="1" x14ac:dyDescent="0.15">
      <c r="A41" s="3"/>
      <c r="B41" s="3" t="s">
        <v>840</v>
      </c>
      <c r="C41" s="12">
        <v>337</v>
      </c>
      <c r="D41" s="12">
        <v>533</v>
      </c>
      <c r="E41" s="12">
        <v>292</v>
      </c>
      <c r="F41" s="12">
        <v>241</v>
      </c>
      <c r="G41" s="12">
        <v>57</v>
      </c>
      <c r="H41" s="12">
        <v>26</v>
      </c>
      <c r="I41" s="12">
        <v>131</v>
      </c>
      <c r="J41" s="12">
        <v>100</v>
      </c>
      <c r="K41" s="12">
        <v>104</v>
      </c>
      <c r="L41" s="12">
        <v>40</v>
      </c>
      <c r="M41" s="12">
        <v>29</v>
      </c>
      <c r="N41" s="12">
        <v>46</v>
      </c>
      <c r="O41" s="12">
        <v>0</v>
      </c>
      <c r="P41" s="12">
        <v>72</v>
      </c>
      <c r="Q41" s="12">
        <v>408</v>
      </c>
      <c r="R41" s="12">
        <v>53</v>
      </c>
    </row>
    <row r="42" spans="1:18" s="4" customFormat="1" x14ac:dyDescent="0.15">
      <c r="A42" s="3"/>
      <c r="B42" s="3" t="s">
        <v>841</v>
      </c>
      <c r="C42" s="12">
        <v>437</v>
      </c>
      <c r="D42" s="12">
        <v>905</v>
      </c>
      <c r="E42" s="12">
        <v>424</v>
      </c>
      <c r="F42" s="12">
        <v>481</v>
      </c>
      <c r="G42" s="12">
        <v>65</v>
      </c>
      <c r="H42" s="12">
        <v>76</v>
      </c>
      <c r="I42" s="12">
        <v>108</v>
      </c>
      <c r="J42" s="12">
        <v>95</v>
      </c>
      <c r="K42" s="12">
        <v>117</v>
      </c>
      <c r="L42" s="12">
        <v>123</v>
      </c>
      <c r="M42" s="12">
        <v>109</v>
      </c>
      <c r="N42" s="12">
        <v>212</v>
      </c>
      <c r="O42" s="12">
        <v>0</v>
      </c>
      <c r="P42" s="12">
        <v>102</v>
      </c>
      <c r="Q42" s="12">
        <v>543</v>
      </c>
      <c r="R42" s="12">
        <v>260</v>
      </c>
    </row>
    <row r="43" spans="1:18" s="4" customFormat="1" x14ac:dyDescent="0.15">
      <c r="A43" s="3"/>
      <c r="B43" s="3" t="s">
        <v>842</v>
      </c>
      <c r="C43" s="12">
        <v>652</v>
      </c>
      <c r="D43" s="12">
        <v>1265</v>
      </c>
      <c r="E43" s="12">
        <v>633</v>
      </c>
      <c r="F43" s="12">
        <v>632</v>
      </c>
      <c r="G43" s="12">
        <v>95</v>
      </c>
      <c r="H43" s="12">
        <v>104</v>
      </c>
      <c r="I43" s="12">
        <v>150</v>
      </c>
      <c r="J43" s="12">
        <v>181</v>
      </c>
      <c r="K43" s="12">
        <v>198</v>
      </c>
      <c r="L43" s="12">
        <v>159</v>
      </c>
      <c r="M43" s="12">
        <v>132</v>
      </c>
      <c r="N43" s="12">
        <v>246</v>
      </c>
      <c r="O43" s="12">
        <v>0</v>
      </c>
      <c r="P43" s="12">
        <v>139</v>
      </c>
      <c r="Q43" s="12">
        <v>823</v>
      </c>
      <c r="R43" s="12">
        <v>303</v>
      </c>
    </row>
    <row r="44" spans="1:18" s="4" customFormat="1" x14ac:dyDescent="0.15">
      <c r="A44" s="3"/>
      <c r="B44" s="3" t="s">
        <v>843</v>
      </c>
      <c r="C44" s="12">
        <v>792</v>
      </c>
      <c r="D44" s="12">
        <v>1782</v>
      </c>
      <c r="E44" s="12">
        <v>830</v>
      </c>
      <c r="F44" s="12">
        <v>952</v>
      </c>
      <c r="G44" s="12">
        <v>164</v>
      </c>
      <c r="H44" s="12">
        <v>153</v>
      </c>
      <c r="I44" s="12">
        <v>136</v>
      </c>
      <c r="J44" s="12">
        <v>165</v>
      </c>
      <c r="K44" s="12">
        <v>245</v>
      </c>
      <c r="L44" s="12">
        <v>238</v>
      </c>
      <c r="M44" s="12">
        <v>223</v>
      </c>
      <c r="N44" s="12">
        <v>458</v>
      </c>
      <c r="O44" s="12">
        <v>0</v>
      </c>
      <c r="P44" s="12">
        <v>245</v>
      </c>
      <c r="Q44" s="12">
        <v>972</v>
      </c>
      <c r="R44" s="12">
        <v>565</v>
      </c>
    </row>
    <row r="45" spans="1:18" s="4" customFormat="1" x14ac:dyDescent="0.15">
      <c r="A45" s="3"/>
      <c r="B45" s="3" t="s">
        <v>844</v>
      </c>
      <c r="C45" s="12">
        <v>152</v>
      </c>
      <c r="D45" s="12">
        <v>301</v>
      </c>
      <c r="E45" s="12">
        <v>140</v>
      </c>
      <c r="F45" s="12">
        <v>161</v>
      </c>
      <c r="G45" s="12">
        <v>20</v>
      </c>
      <c r="H45" s="12">
        <v>9</v>
      </c>
      <c r="I45" s="12">
        <v>31</v>
      </c>
      <c r="J45" s="12">
        <v>32</v>
      </c>
      <c r="K45" s="12">
        <v>33</v>
      </c>
      <c r="L45" s="12">
        <v>44</v>
      </c>
      <c r="M45" s="12">
        <v>39</v>
      </c>
      <c r="N45" s="12">
        <v>93</v>
      </c>
      <c r="O45" s="12">
        <v>0</v>
      </c>
      <c r="P45" s="12">
        <v>24</v>
      </c>
      <c r="Q45" s="12">
        <v>165</v>
      </c>
      <c r="R45" s="12">
        <v>112</v>
      </c>
    </row>
    <row r="46" spans="1:18" s="4" customFormat="1" x14ac:dyDescent="0.15">
      <c r="A46" s="3"/>
      <c r="B46" s="3" t="s">
        <v>845</v>
      </c>
      <c r="C46" s="12">
        <v>537</v>
      </c>
      <c r="D46" s="12">
        <v>1191</v>
      </c>
      <c r="E46" s="12">
        <v>583</v>
      </c>
      <c r="F46" s="12">
        <v>608</v>
      </c>
      <c r="G46" s="12">
        <v>103</v>
      </c>
      <c r="H46" s="12">
        <v>143</v>
      </c>
      <c r="I46" s="12">
        <v>141</v>
      </c>
      <c r="J46" s="12">
        <v>75</v>
      </c>
      <c r="K46" s="12">
        <v>186</v>
      </c>
      <c r="L46" s="12">
        <v>187</v>
      </c>
      <c r="M46" s="12">
        <v>122</v>
      </c>
      <c r="N46" s="12">
        <v>234</v>
      </c>
      <c r="O46" s="12">
        <v>0</v>
      </c>
      <c r="P46" s="12">
        <v>167</v>
      </c>
      <c r="Q46" s="12">
        <v>722</v>
      </c>
      <c r="R46" s="12">
        <v>302</v>
      </c>
    </row>
    <row r="47" spans="1:18" s="4" customFormat="1" x14ac:dyDescent="0.15">
      <c r="A47" s="3"/>
      <c r="B47" s="3" t="s">
        <v>846</v>
      </c>
      <c r="C47" s="12">
        <v>565</v>
      </c>
      <c r="D47" s="12">
        <v>1411</v>
      </c>
      <c r="E47" s="12">
        <v>652</v>
      </c>
      <c r="F47" s="12">
        <v>759</v>
      </c>
      <c r="G47" s="12">
        <v>156</v>
      </c>
      <c r="H47" s="12">
        <v>161</v>
      </c>
      <c r="I47" s="12">
        <v>109</v>
      </c>
      <c r="J47" s="12">
        <v>144</v>
      </c>
      <c r="K47" s="12">
        <v>228</v>
      </c>
      <c r="L47" s="12">
        <v>180</v>
      </c>
      <c r="M47" s="12">
        <v>156</v>
      </c>
      <c r="N47" s="12">
        <v>277</v>
      </c>
      <c r="O47" s="12">
        <v>0</v>
      </c>
      <c r="P47" s="12">
        <v>230</v>
      </c>
      <c r="Q47" s="12">
        <v>829</v>
      </c>
      <c r="R47" s="12">
        <v>352</v>
      </c>
    </row>
    <row r="48" spans="1:18" s="4" customFormat="1" x14ac:dyDescent="0.15">
      <c r="A48" s="3"/>
      <c r="B48" s="3" t="s">
        <v>847</v>
      </c>
      <c r="C48" s="12">
        <v>1144</v>
      </c>
      <c r="D48" s="12">
        <v>2584</v>
      </c>
      <c r="E48" s="12">
        <v>1289</v>
      </c>
      <c r="F48" s="12">
        <v>1295</v>
      </c>
      <c r="G48" s="12">
        <v>217</v>
      </c>
      <c r="H48" s="12">
        <v>249</v>
      </c>
      <c r="I48" s="12">
        <v>174</v>
      </c>
      <c r="J48" s="12">
        <v>306</v>
      </c>
      <c r="K48" s="12">
        <v>363</v>
      </c>
      <c r="L48" s="12">
        <v>307</v>
      </c>
      <c r="M48" s="12">
        <v>332</v>
      </c>
      <c r="N48" s="12">
        <v>636</v>
      </c>
      <c r="O48" s="12">
        <v>0</v>
      </c>
      <c r="P48" s="12">
        <v>345</v>
      </c>
      <c r="Q48" s="12">
        <v>1425</v>
      </c>
      <c r="R48" s="12">
        <v>814</v>
      </c>
    </row>
    <row r="49" spans="1:18" s="4" customFormat="1" x14ac:dyDescent="0.15">
      <c r="A49" s="3"/>
      <c r="B49" s="3" t="s">
        <v>848</v>
      </c>
      <c r="C49" s="12">
        <v>416</v>
      </c>
      <c r="D49" s="12">
        <v>872</v>
      </c>
      <c r="E49" s="12">
        <v>415</v>
      </c>
      <c r="F49" s="12">
        <v>457</v>
      </c>
      <c r="G49" s="12">
        <v>57</v>
      </c>
      <c r="H49" s="12">
        <v>70</v>
      </c>
      <c r="I49" s="12">
        <v>88</v>
      </c>
      <c r="J49" s="12">
        <v>96</v>
      </c>
      <c r="K49" s="12">
        <v>149</v>
      </c>
      <c r="L49" s="12">
        <v>128</v>
      </c>
      <c r="M49" s="12">
        <v>95</v>
      </c>
      <c r="N49" s="12">
        <v>189</v>
      </c>
      <c r="O49" s="12">
        <v>0</v>
      </c>
      <c r="P49" s="12">
        <v>92</v>
      </c>
      <c r="Q49" s="12">
        <v>547</v>
      </c>
      <c r="R49" s="12">
        <v>233</v>
      </c>
    </row>
    <row r="50" spans="1:18" s="4" customFormat="1" x14ac:dyDescent="0.15">
      <c r="A50" s="3"/>
      <c r="B50" s="3" t="s">
        <v>849</v>
      </c>
      <c r="C50" s="12">
        <v>1418</v>
      </c>
      <c r="D50" s="12">
        <v>2582</v>
      </c>
      <c r="E50" s="12">
        <v>1179</v>
      </c>
      <c r="F50" s="12">
        <v>1403</v>
      </c>
      <c r="G50" s="12">
        <v>119</v>
      </c>
      <c r="H50" s="12">
        <v>168</v>
      </c>
      <c r="I50" s="12">
        <v>178</v>
      </c>
      <c r="J50" s="12">
        <v>231</v>
      </c>
      <c r="K50" s="12">
        <v>312</v>
      </c>
      <c r="L50" s="12">
        <v>311</v>
      </c>
      <c r="M50" s="12">
        <v>378</v>
      </c>
      <c r="N50" s="12">
        <v>885</v>
      </c>
      <c r="O50" s="12">
        <v>0</v>
      </c>
      <c r="P50" s="12">
        <v>194</v>
      </c>
      <c r="Q50" s="12">
        <v>1275</v>
      </c>
      <c r="R50" s="12">
        <v>1113</v>
      </c>
    </row>
    <row r="51" spans="1:18" s="4" customFormat="1" x14ac:dyDescent="0.15">
      <c r="A51" s="3"/>
      <c r="B51" s="3" t="s">
        <v>850</v>
      </c>
      <c r="C51" s="12">
        <v>527</v>
      </c>
      <c r="D51" s="12">
        <v>927</v>
      </c>
      <c r="E51" s="12">
        <v>443</v>
      </c>
      <c r="F51" s="12">
        <v>484</v>
      </c>
      <c r="G51" s="12">
        <v>71</v>
      </c>
      <c r="H51" s="12">
        <v>57</v>
      </c>
      <c r="I51" s="12">
        <v>138</v>
      </c>
      <c r="J51" s="12">
        <v>150</v>
      </c>
      <c r="K51" s="12">
        <v>137</v>
      </c>
      <c r="L51" s="12">
        <v>131</v>
      </c>
      <c r="M51" s="12">
        <v>94</v>
      </c>
      <c r="N51" s="12">
        <v>149</v>
      </c>
      <c r="O51" s="12">
        <v>0</v>
      </c>
      <c r="P51" s="12">
        <v>108</v>
      </c>
      <c r="Q51" s="12">
        <v>622</v>
      </c>
      <c r="R51" s="12">
        <v>197</v>
      </c>
    </row>
    <row r="52" spans="1:18" s="4" customFormat="1" x14ac:dyDescent="0.15">
      <c r="A52" s="3"/>
      <c r="B52" s="3" t="s">
        <v>851</v>
      </c>
      <c r="C52" s="12">
        <v>1</v>
      </c>
      <c r="D52" s="12">
        <v>2</v>
      </c>
      <c r="E52" s="12">
        <v>1</v>
      </c>
      <c r="F52" s="12">
        <v>1</v>
      </c>
      <c r="G52" s="12" t="s">
        <v>132</v>
      </c>
      <c r="H52" s="12" t="s">
        <v>132</v>
      </c>
      <c r="I52" s="12" t="s">
        <v>132</v>
      </c>
      <c r="J52" s="12" t="s">
        <v>132</v>
      </c>
      <c r="K52" s="12" t="s">
        <v>132</v>
      </c>
      <c r="L52" s="12" t="s">
        <v>132</v>
      </c>
      <c r="M52" s="12" t="s">
        <v>132</v>
      </c>
      <c r="N52" s="12" t="s">
        <v>132</v>
      </c>
      <c r="O52" s="12" t="s">
        <v>132</v>
      </c>
      <c r="P52" s="12" t="s">
        <v>132</v>
      </c>
      <c r="Q52" s="12" t="s">
        <v>132</v>
      </c>
      <c r="R52" s="12" t="s">
        <v>132</v>
      </c>
    </row>
    <row r="53" spans="1:18" s="4" customFormat="1" x14ac:dyDescent="0.15">
      <c r="A53" s="3"/>
      <c r="B53" s="3" t="s">
        <v>852</v>
      </c>
      <c r="C53" s="12">
        <v>703</v>
      </c>
      <c r="D53" s="12">
        <v>1363</v>
      </c>
      <c r="E53" s="12">
        <v>658</v>
      </c>
      <c r="F53" s="12">
        <v>705</v>
      </c>
      <c r="G53" s="12">
        <v>111</v>
      </c>
      <c r="H53" s="12">
        <v>80</v>
      </c>
      <c r="I53" s="12">
        <v>153</v>
      </c>
      <c r="J53" s="12">
        <v>190</v>
      </c>
      <c r="K53" s="12">
        <v>183</v>
      </c>
      <c r="L53" s="12">
        <v>178</v>
      </c>
      <c r="M53" s="12">
        <v>180</v>
      </c>
      <c r="N53" s="12">
        <v>288</v>
      </c>
      <c r="O53" s="12">
        <v>0</v>
      </c>
      <c r="P53" s="12">
        <v>161</v>
      </c>
      <c r="Q53" s="12">
        <v>823</v>
      </c>
      <c r="R53" s="12">
        <v>379</v>
      </c>
    </row>
    <row r="54" spans="1:18" s="4" customFormat="1" x14ac:dyDescent="0.15">
      <c r="A54" s="3"/>
      <c r="B54" s="3" t="s">
        <v>853</v>
      </c>
      <c r="C54" s="12">
        <v>494</v>
      </c>
      <c r="D54" s="12">
        <v>1192</v>
      </c>
      <c r="E54" s="12">
        <v>584</v>
      </c>
      <c r="F54" s="12">
        <v>608</v>
      </c>
      <c r="G54" s="12">
        <v>147</v>
      </c>
      <c r="H54" s="12">
        <v>137</v>
      </c>
      <c r="I54" s="12">
        <v>103</v>
      </c>
      <c r="J54" s="12">
        <v>180</v>
      </c>
      <c r="K54" s="12">
        <v>222</v>
      </c>
      <c r="L54" s="12">
        <v>140</v>
      </c>
      <c r="M54" s="12">
        <v>103</v>
      </c>
      <c r="N54" s="12">
        <v>160</v>
      </c>
      <c r="O54" s="12">
        <v>0</v>
      </c>
      <c r="P54" s="12">
        <v>221</v>
      </c>
      <c r="Q54" s="12">
        <v>763</v>
      </c>
      <c r="R54" s="12">
        <v>208</v>
      </c>
    </row>
    <row r="55" spans="1:18" s="4" customFormat="1" x14ac:dyDescent="0.15">
      <c r="A55" s="3"/>
      <c r="B55" s="3" t="s">
        <v>854</v>
      </c>
      <c r="C55" s="12">
        <v>414</v>
      </c>
      <c r="D55" s="12">
        <v>860</v>
      </c>
      <c r="E55" s="12">
        <v>396</v>
      </c>
      <c r="F55" s="12">
        <v>464</v>
      </c>
      <c r="G55" s="12">
        <v>85</v>
      </c>
      <c r="H55" s="12">
        <v>60</v>
      </c>
      <c r="I55" s="12">
        <v>74</v>
      </c>
      <c r="J55" s="12">
        <v>104</v>
      </c>
      <c r="K55" s="12">
        <v>112</v>
      </c>
      <c r="L55" s="12">
        <v>105</v>
      </c>
      <c r="M55" s="12">
        <v>114</v>
      </c>
      <c r="N55" s="12">
        <v>206</v>
      </c>
      <c r="O55" s="12">
        <v>0</v>
      </c>
      <c r="P55" s="12">
        <v>113</v>
      </c>
      <c r="Q55" s="12">
        <v>487</v>
      </c>
      <c r="R55" s="12">
        <v>260</v>
      </c>
    </row>
    <row r="56" spans="1:18" s="4" customFormat="1" x14ac:dyDescent="0.15">
      <c r="A56" s="3"/>
      <c r="B56" s="3" t="s">
        <v>855</v>
      </c>
      <c r="C56" s="12">
        <v>693</v>
      </c>
      <c r="D56" s="12">
        <v>1178</v>
      </c>
      <c r="E56" s="12">
        <v>586</v>
      </c>
      <c r="F56" s="12">
        <v>592</v>
      </c>
      <c r="G56" s="12">
        <v>74</v>
      </c>
      <c r="H56" s="12">
        <v>71</v>
      </c>
      <c r="I56" s="12">
        <v>149</v>
      </c>
      <c r="J56" s="12">
        <v>195</v>
      </c>
      <c r="K56" s="12">
        <v>176</v>
      </c>
      <c r="L56" s="12">
        <v>140</v>
      </c>
      <c r="M56" s="12">
        <v>138</v>
      </c>
      <c r="N56" s="12">
        <v>235</v>
      </c>
      <c r="O56" s="12">
        <v>0</v>
      </c>
      <c r="P56" s="12">
        <v>114</v>
      </c>
      <c r="Q56" s="12">
        <v>750</v>
      </c>
      <c r="R56" s="12">
        <v>314</v>
      </c>
    </row>
    <row r="57" spans="1:18" s="4" customFormat="1" x14ac:dyDescent="0.15">
      <c r="A57" s="3"/>
      <c r="B57" s="3" t="s">
        <v>856</v>
      </c>
      <c r="C57" s="12">
        <v>378</v>
      </c>
      <c r="D57" s="12">
        <v>865</v>
      </c>
      <c r="E57" s="12">
        <v>422</v>
      </c>
      <c r="F57" s="12">
        <v>443</v>
      </c>
      <c r="G57" s="12">
        <v>80</v>
      </c>
      <c r="H57" s="12">
        <v>83</v>
      </c>
      <c r="I57" s="12">
        <v>71</v>
      </c>
      <c r="J57" s="12">
        <v>80</v>
      </c>
      <c r="K57" s="12">
        <v>139</v>
      </c>
      <c r="L57" s="12">
        <v>120</v>
      </c>
      <c r="M57" s="12">
        <v>109</v>
      </c>
      <c r="N57" s="12">
        <v>183</v>
      </c>
      <c r="O57" s="12">
        <v>0</v>
      </c>
      <c r="P57" s="12">
        <v>127</v>
      </c>
      <c r="Q57" s="12">
        <v>500</v>
      </c>
      <c r="R57" s="12">
        <v>238</v>
      </c>
    </row>
    <row r="58" spans="1:18" s="4" customFormat="1" x14ac:dyDescent="0.15">
      <c r="A58" s="3"/>
      <c r="B58" s="3" t="s">
        <v>857</v>
      </c>
      <c r="C58" s="12">
        <v>578</v>
      </c>
      <c r="D58" s="12">
        <v>1193</v>
      </c>
      <c r="E58" s="12">
        <v>574</v>
      </c>
      <c r="F58" s="12">
        <v>619</v>
      </c>
      <c r="G58" s="12">
        <v>100</v>
      </c>
      <c r="H58" s="12">
        <v>95</v>
      </c>
      <c r="I58" s="12">
        <v>158</v>
      </c>
      <c r="J58" s="12">
        <v>144</v>
      </c>
      <c r="K58" s="12">
        <v>156</v>
      </c>
      <c r="L58" s="12">
        <v>154</v>
      </c>
      <c r="M58" s="12">
        <v>128</v>
      </c>
      <c r="N58" s="12">
        <v>258</v>
      </c>
      <c r="O58" s="12">
        <v>0</v>
      </c>
      <c r="P58" s="12">
        <v>150</v>
      </c>
      <c r="Q58" s="12">
        <v>735</v>
      </c>
      <c r="R58" s="12">
        <v>308</v>
      </c>
    </row>
    <row r="59" spans="1:18" s="4" customFormat="1" x14ac:dyDescent="0.15">
      <c r="A59" s="3"/>
      <c r="B59" s="3" t="s">
        <v>743</v>
      </c>
      <c r="C59" s="12">
        <v>33</v>
      </c>
      <c r="D59" s="12">
        <v>41</v>
      </c>
      <c r="E59" s="12">
        <v>18</v>
      </c>
      <c r="F59" s="12">
        <v>23</v>
      </c>
      <c r="G59" s="12">
        <v>0</v>
      </c>
      <c r="H59" s="12">
        <v>2</v>
      </c>
      <c r="I59" s="12">
        <v>16</v>
      </c>
      <c r="J59" s="12">
        <v>11</v>
      </c>
      <c r="K59" s="12">
        <v>5</v>
      </c>
      <c r="L59" s="12">
        <v>1</v>
      </c>
      <c r="M59" s="12">
        <v>3</v>
      </c>
      <c r="N59" s="12">
        <v>3</v>
      </c>
      <c r="O59" s="12">
        <v>0</v>
      </c>
      <c r="P59" s="12">
        <v>1</v>
      </c>
      <c r="Q59" s="12">
        <v>34</v>
      </c>
      <c r="R59" s="12">
        <v>6</v>
      </c>
    </row>
    <row r="60" spans="1:18" s="4" customFormat="1" x14ac:dyDescent="0.15">
      <c r="A60" s="3"/>
      <c r="B60" s="3" t="s">
        <v>858</v>
      </c>
      <c r="C60" s="12">
        <v>486</v>
      </c>
      <c r="D60" s="12">
        <v>1089</v>
      </c>
      <c r="E60" s="12">
        <v>529</v>
      </c>
      <c r="F60" s="12">
        <v>560</v>
      </c>
      <c r="G60" s="12">
        <v>106</v>
      </c>
      <c r="H60" s="12">
        <v>100</v>
      </c>
      <c r="I60" s="12">
        <v>116</v>
      </c>
      <c r="J60" s="12">
        <v>145</v>
      </c>
      <c r="K60" s="12">
        <v>140</v>
      </c>
      <c r="L60" s="12">
        <v>166</v>
      </c>
      <c r="M60" s="12">
        <v>128</v>
      </c>
      <c r="N60" s="12">
        <v>188</v>
      </c>
      <c r="O60" s="12">
        <v>0</v>
      </c>
      <c r="P60" s="12">
        <v>148</v>
      </c>
      <c r="Q60" s="12">
        <v>692</v>
      </c>
      <c r="R60" s="12">
        <v>249</v>
      </c>
    </row>
    <row r="61" spans="1:18" s="4" customFormat="1" x14ac:dyDescent="0.15">
      <c r="A61" s="3"/>
      <c r="B61" s="3" t="s">
        <v>859</v>
      </c>
      <c r="C61" s="12">
        <v>797</v>
      </c>
      <c r="D61" s="12">
        <v>1964</v>
      </c>
      <c r="E61" s="12">
        <v>938</v>
      </c>
      <c r="F61" s="12">
        <v>1026</v>
      </c>
      <c r="G61" s="12">
        <v>177</v>
      </c>
      <c r="H61" s="12">
        <v>218</v>
      </c>
      <c r="I61" s="12">
        <v>154</v>
      </c>
      <c r="J61" s="12">
        <v>153</v>
      </c>
      <c r="K61" s="12">
        <v>316</v>
      </c>
      <c r="L61" s="12">
        <v>291</v>
      </c>
      <c r="M61" s="12">
        <v>223</v>
      </c>
      <c r="N61" s="12">
        <v>432</v>
      </c>
      <c r="O61" s="12">
        <v>0</v>
      </c>
      <c r="P61" s="12">
        <v>292</v>
      </c>
      <c r="Q61" s="12">
        <v>1140</v>
      </c>
      <c r="R61" s="12">
        <v>532</v>
      </c>
    </row>
    <row r="62" spans="1:18" s="4" customFormat="1" x14ac:dyDescent="0.15">
      <c r="A62" s="3"/>
      <c r="B62" s="3" t="s">
        <v>860</v>
      </c>
      <c r="C62" s="12">
        <v>373</v>
      </c>
      <c r="D62" s="12">
        <v>747</v>
      </c>
      <c r="E62" s="12">
        <v>360</v>
      </c>
      <c r="F62" s="12">
        <v>387</v>
      </c>
      <c r="G62" s="12">
        <v>54</v>
      </c>
      <c r="H62" s="12">
        <v>49</v>
      </c>
      <c r="I62" s="12">
        <v>79</v>
      </c>
      <c r="J62" s="12">
        <v>91</v>
      </c>
      <c r="K62" s="12">
        <v>100</v>
      </c>
      <c r="L62" s="12">
        <v>85</v>
      </c>
      <c r="M62" s="12">
        <v>84</v>
      </c>
      <c r="N62" s="12">
        <v>205</v>
      </c>
      <c r="O62" s="12">
        <v>0</v>
      </c>
      <c r="P62" s="12">
        <v>78</v>
      </c>
      <c r="Q62" s="12">
        <v>421</v>
      </c>
      <c r="R62" s="12">
        <v>248</v>
      </c>
    </row>
    <row r="63" spans="1:18" s="4" customFormat="1" x14ac:dyDescent="0.15">
      <c r="A63" s="3"/>
      <c r="B63" s="3" t="s">
        <v>861</v>
      </c>
      <c r="C63" s="12">
        <v>1307</v>
      </c>
      <c r="D63" s="12">
        <v>2705</v>
      </c>
      <c r="E63" s="12">
        <v>1228</v>
      </c>
      <c r="F63" s="12">
        <v>1477</v>
      </c>
      <c r="G63" s="12">
        <v>280</v>
      </c>
      <c r="H63" s="12">
        <v>223</v>
      </c>
      <c r="I63" s="12">
        <v>243</v>
      </c>
      <c r="J63" s="12">
        <v>317</v>
      </c>
      <c r="K63" s="12">
        <v>389</v>
      </c>
      <c r="L63" s="12">
        <v>384</v>
      </c>
      <c r="M63" s="12">
        <v>300</v>
      </c>
      <c r="N63" s="12">
        <v>569</v>
      </c>
      <c r="O63" s="12">
        <v>0</v>
      </c>
      <c r="P63" s="12">
        <v>392</v>
      </c>
      <c r="Q63" s="12">
        <v>1604</v>
      </c>
      <c r="R63" s="12">
        <v>709</v>
      </c>
    </row>
    <row r="64" spans="1:18" s="4" customFormat="1" x14ac:dyDescent="0.15">
      <c r="A64" s="3"/>
      <c r="B64" s="3" t="s">
        <v>862</v>
      </c>
      <c r="C64" s="12">
        <v>316</v>
      </c>
      <c r="D64" s="12">
        <v>750</v>
      </c>
      <c r="E64" s="12">
        <v>376</v>
      </c>
      <c r="F64" s="12">
        <v>374</v>
      </c>
      <c r="G64" s="12">
        <v>60</v>
      </c>
      <c r="H64" s="12">
        <v>69</v>
      </c>
      <c r="I64" s="12">
        <v>62</v>
      </c>
      <c r="J64" s="12">
        <v>73</v>
      </c>
      <c r="K64" s="12">
        <v>121</v>
      </c>
      <c r="L64" s="12">
        <v>97</v>
      </c>
      <c r="M64" s="12">
        <v>86</v>
      </c>
      <c r="N64" s="12">
        <v>182</v>
      </c>
      <c r="O64" s="12">
        <v>0</v>
      </c>
      <c r="P64" s="12">
        <v>94</v>
      </c>
      <c r="Q64" s="12">
        <v>432</v>
      </c>
      <c r="R64" s="12">
        <v>224</v>
      </c>
    </row>
    <row r="65" spans="1:18" s="4" customFormat="1" x14ac:dyDescent="0.15">
      <c r="A65" s="3"/>
      <c r="B65" s="3" t="s">
        <v>863</v>
      </c>
      <c r="C65" s="12">
        <v>952</v>
      </c>
      <c r="D65" s="12">
        <v>1886</v>
      </c>
      <c r="E65" s="12">
        <v>907</v>
      </c>
      <c r="F65" s="12">
        <v>979</v>
      </c>
      <c r="G65" s="12">
        <v>134</v>
      </c>
      <c r="H65" s="12">
        <v>153</v>
      </c>
      <c r="I65" s="12">
        <v>173</v>
      </c>
      <c r="J65" s="12">
        <v>208</v>
      </c>
      <c r="K65" s="12">
        <v>276</v>
      </c>
      <c r="L65" s="12">
        <v>245</v>
      </c>
      <c r="M65" s="12">
        <v>230</v>
      </c>
      <c r="N65" s="12">
        <v>467</v>
      </c>
      <c r="O65" s="12">
        <v>0</v>
      </c>
      <c r="P65" s="12">
        <v>218</v>
      </c>
      <c r="Q65" s="12">
        <v>1072</v>
      </c>
      <c r="R65" s="12">
        <v>596</v>
      </c>
    </row>
    <row r="66" spans="1:18" s="4" customFormat="1" x14ac:dyDescent="0.15">
      <c r="A66" s="3"/>
      <c r="B66" s="3" t="s">
        <v>864</v>
      </c>
      <c r="C66" s="12">
        <v>494</v>
      </c>
      <c r="D66" s="12">
        <v>983</v>
      </c>
      <c r="E66" s="12">
        <v>474</v>
      </c>
      <c r="F66" s="12">
        <v>509</v>
      </c>
      <c r="G66" s="12">
        <v>75</v>
      </c>
      <c r="H66" s="12">
        <v>93</v>
      </c>
      <c r="I66" s="12">
        <v>99</v>
      </c>
      <c r="J66" s="12">
        <v>124</v>
      </c>
      <c r="K66" s="12">
        <v>148</v>
      </c>
      <c r="L66" s="12">
        <v>124</v>
      </c>
      <c r="M66" s="12">
        <v>119</v>
      </c>
      <c r="N66" s="12">
        <v>201</v>
      </c>
      <c r="O66" s="12">
        <v>0</v>
      </c>
      <c r="P66" s="12">
        <v>118</v>
      </c>
      <c r="Q66" s="12">
        <v>612</v>
      </c>
      <c r="R66" s="12">
        <v>253</v>
      </c>
    </row>
    <row r="67" spans="1:18" s="4" customFormat="1" x14ac:dyDescent="0.15">
      <c r="A67" s="3"/>
      <c r="B67" s="3" t="s">
        <v>865</v>
      </c>
      <c r="C67" s="12">
        <v>365</v>
      </c>
      <c r="D67" s="12">
        <v>802</v>
      </c>
      <c r="E67" s="12">
        <v>393</v>
      </c>
      <c r="F67" s="12">
        <v>409</v>
      </c>
      <c r="G67" s="12">
        <v>52</v>
      </c>
      <c r="H67" s="12">
        <v>64</v>
      </c>
      <c r="I67" s="12">
        <v>67</v>
      </c>
      <c r="J67" s="12">
        <v>93</v>
      </c>
      <c r="K67" s="12">
        <v>117</v>
      </c>
      <c r="L67" s="12">
        <v>118</v>
      </c>
      <c r="M67" s="12">
        <v>103</v>
      </c>
      <c r="N67" s="12">
        <v>188</v>
      </c>
      <c r="O67" s="12">
        <v>0</v>
      </c>
      <c r="P67" s="12">
        <v>83</v>
      </c>
      <c r="Q67" s="12">
        <v>482</v>
      </c>
      <c r="R67" s="12">
        <v>237</v>
      </c>
    </row>
    <row r="68" spans="1:18" s="4" customFormat="1" x14ac:dyDescent="0.15">
      <c r="A68" s="3"/>
      <c r="B68" s="3" t="s">
        <v>866</v>
      </c>
      <c r="C68" s="12">
        <v>200</v>
      </c>
      <c r="D68" s="12">
        <v>345</v>
      </c>
      <c r="E68" s="12">
        <v>181</v>
      </c>
      <c r="F68" s="12">
        <v>164</v>
      </c>
      <c r="G68" s="12">
        <v>15</v>
      </c>
      <c r="H68" s="12">
        <v>20</v>
      </c>
      <c r="I68" s="12">
        <v>27</v>
      </c>
      <c r="J68" s="12">
        <v>35</v>
      </c>
      <c r="K68" s="12">
        <v>53</v>
      </c>
      <c r="L68" s="12">
        <v>41</v>
      </c>
      <c r="M68" s="12">
        <v>39</v>
      </c>
      <c r="N68" s="12">
        <v>115</v>
      </c>
      <c r="O68" s="12">
        <v>0</v>
      </c>
      <c r="P68" s="12">
        <v>22</v>
      </c>
      <c r="Q68" s="12">
        <v>189</v>
      </c>
      <c r="R68" s="12">
        <v>134</v>
      </c>
    </row>
    <row r="69" spans="1:18" s="4" customFormat="1" x14ac:dyDescent="0.15">
      <c r="A69" s="3"/>
      <c r="B69" s="3" t="s">
        <v>867</v>
      </c>
      <c r="C69" s="12">
        <v>687</v>
      </c>
      <c r="D69" s="12">
        <v>1427</v>
      </c>
      <c r="E69" s="12">
        <v>662</v>
      </c>
      <c r="F69" s="12">
        <v>765</v>
      </c>
      <c r="G69" s="12">
        <v>122</v>
      </c>
      <c r="H69" s="12">
        <v>109</v>
      </c>
      <c r="I69" s="12">
        <v>147</v>
      </c>
      <c r="J69" s="12">
        <v>168</v>
      </c>
      <c r="K69" s="12">
        <v>186</v>
      </c>
      <c r="L69" s="12">
        <v>197</v>
      </c>
      <c r="M69" s="12">
        <v>175</v>
      </c>
      <c r="N69" s="12">
        <v>323</v>
      </c>
      <c r="O69" s="12">
        <v>0</v>
      </c>
      <c r="P69" s="12">
        <v>178</v>
      </c>
      <c r="Q69" s="12">
        <v>838</v>
      </c>
      <c r="R69" s="12">
        <v>411</v>
      </c>
    </row>
    <row r="70" spans="1:18" s="4" customFormat="1" x14ac:dyDescent="0.15">
      <c r="A70" s="3"/>
      <c r="B70" s="3" t="s">
        <v>868</v>
      </c>
      <c r="C70" s="12">
        <v>655</v>
      </c>
      <c r="D70" s="12">
        <v>1238</v>
      </c>
      <c r="E70" s="12">
        <v>606</v>
      </c>
      <c r="F70" s="12">
        <v>632</v>
      </c>
      <c r="G70" s="12">
        <v>75</v>
      </c>
      <c r="H70" s="12">
        <v>98</v>
      </c>
      <c r="I70" s="12">
        <v>123</v>
      </c>
      <c r="J70" s="12">
        <v>138</v>
      </c>
      <c r="K70" s="12">
        <v>182</v>
      </c>
      <c r="L70" s="12">
        <v>176</v>
      </c>
      <c r="M70" s="12">
        <v>138</v>
      </c>
      <c r="N70" s="12">
        <v>308</v>
      </c>
      <c r="O70" s="12">
        <v>0</v>
      </c>
      <c r="P70" s="12">
        <v>121</v>
      </c>
      <c r="Q70" s="12">
        <v>747</v>
      </c>
      <c r="R70" s="12">
        <v>370</v>
      </c>
    </row>
    <row r="71" spans="1:18" s="4" customFormat="1" x14ac:dyDescent="0.15">
      <c r="A71" s="3"/>
      <c r="B71" s="3" t="s">
        <v>869</v>
      </c>
      <c r="C71" s="12">
        <v>520</v>
      </c>
      <c r="D71" s="12">
        <v>967</v>
      </c>
      <c r="E71" s="12">
        <v>470</v>
      </c>
      <c r="F71" s="12">
        <v>497</v>
      </c>
      <c r="G71" s="12">
        <v>45</v>
      </c>
      <c r="H71" s="12">
        <v>61</v>
      </c>
      <c r="I71" s="12">
        <v>101</v>
      </c>
      <c r="J71" s="12">
        <v>114</v>
      </c>
      <c r="K71" s="12">
        <v>128</v>
      </c>
      <c r="L71" s="12">
        <v>138</v>
      </c>
      <c r="M71" s="12">
        <v>124</v>
      </c>
      <c r="N71" s="12">
        <v>256</v>
      </c>
      <c r="O71" s="12">
        <v>0</v>
      </c>
      <c r="P71" s="12">
        <v>75</v>
      </c>
      <c r="Q71" s="12">
        <v>581</v>
      </c>
      <c r="R71" s="12">
        <v>311</v>
      </c>
    </row>
    <row r="72" spans="1:18" s="4" customFormat="1" x14ac:dyDescent="0.15">
      <c r="A72" s="3"/>
      <c r="B72" s="3" t="s">
        <v>870</v>
      </c>
      <c r="C72" s="12">
        <v>686</v>
      </c>
      <c r="D72" s="12">
        <v>1276</v>
      </c>
      <c r="E72" s="12">
        <v>625</v>
      </c>
      <c r="F72" s="12">
        <v>651</v>
      </c>
      <c r="G72" s="12">
        <v>68</v>
      </c>
      <c r="H72" s="12">
        <v>81</v>
      </c>
      <c r="I72" s="12">
        <v>172</v>
      </c>
      <c r="J72" s="12">
        <v>203</v>
      </c>
      <c r="K72" s="12">
        <v>158</v>
      </c>
      <c r="L72" s="12">
        <v>145</v>
      </c>
      <c r="M72" s="12">
        <v>146</v>
      </c>
      <c r="N72" s="12">
        <v>303</v>
      </c>
      <c r="O72" s="12">
        <v>0</v>
      </c>
      <c r="P72" s="12">
        <v>122</v>
      </c>
      <c r="Q72" s="12">
        <v>784</v>
      </c>
      <c r="R72" s="12">
        <v>370</v>
      </c>
    </row>
    <row r="73" spans="1:18" s="4" customFormat="1" x14ac:dyDescent="0.15">
      <c r="A73" s="3"/>
      <c r="B73" s="3" t="s">
        <v>871</v>
      </c>
      <c r="C73" s="12">
        <v>352</v>
      </c>
      <c r="D73" s="12">
        <v>715</v>
      </c>
      <c r="E73" s="12">
        <v>355</v>
      </c>
      <c r="F73" s="12">
        <v>360</v>
      </c>
      <c r="G73" s="12">
        <v>64</v>
      </c>
      <c r="H73" s="12">
        <v>60</v>
      </c>
      <c r="I73" s="12">
        <v>93</v>
      </c>
      <c r="J73" s="12">
        <v>94</v>
      </c>
      <c r="K73" s="12">
        <v>102</v>
      </c>
      <c r="L73" s="12">
        <v>96</v>
      </c>
      <c r="M73" s="12">
        <v>71</v>
      </c>
      <c r="N73" s="12">
        <v>135</v>
      </c>
      <c r="O73" s="12">
        <v>0</v>
      </c>
      <c r="P73" s="12">
        <v>92</v>
      </c>
      <c r="Q73" s="12">
        <v>462</v>
      </c>
      <c r="R73" s="12">
        <v>161</v>
      </c>
    </row>
    <row r="74" spans="1:18" s="4" customFormat="1" x14ac:dyDescent="0.15">
      <c r="A74" s="3"/>
      <c r="B74" s="3" t="s">
        <v>872</v>
      </c>
      <c r="C74" s="12">
        <v>896</v>
      </c>
      <c r="D74" s="12">
        <v>2083</v>
      </c>
      <c r="E74" s="12">
        <v>1027</v>
      </c>
      <c r="F74" s="12">
        <v>1056</v>
      </c>
      <c r="G74" s="12">
        <v>184</v>
      </c>
      <c r="H74" s="12">
        <v>200</v>
      </c>
      <c r="I74" s="12">
        <v>194</v>
      </c>
      <c r="J74" s="12">
        <v>244</v>
      </c>
      <c r="K74" s="12">
        <v>315</v>
      </c>
      <c r="L74" s="12">
        <v>287</v>
      </c>
      <c r="M74" s="12">
        <v>221</v>
      </c>
      <c r="N74" s="12">
        <v>438</v>
      </c>
      <c r="O74" s="12">
        <v>0</v>
      </c>
      <c r="P74" s="12">
        <v>292</v>
      </c>
      <c r="Q74" s="12">
        <v>1250</v>
      </c>
      <c r="R74" s="12">
        <v>541</v>
      </c>
    </row>
    <row r="75" spans="1:18" s="4" customFormat="1" x14ac:dyDescent="0.15">
      <c r="A75" s="3"/>
      <c r="B75" s="3" t="s">
        <v>873</v>
      </c>
      <c r="C75" s="12">
        <v>656</v>
      </c>
      <c r="D75" s="12">
        <v>1407</v>
      </c>
      <c r="E75" s="12">
        <v>665</v>
      </c>
      <c r="F75" s="12">
        <v>742</v>
      </c>
      <c r="G75" s="12">
        <v>173</v>
      </c>
      <c r="H75" s="12">
        <v>112</v>
      </c>
      <c r="I75" s="12">
        <v>133</v>
      </c>
      <c r="J75" s="12">
        <v>205</v>
      </c>
      <c r="K75" s="12">
        <v>261</v>
      </c>
      <c r="L75" s="12">
        <v>170</v>
      </c>
      <c r="M75" s="12">
        <v>108</v>
      </c>
      <c r="N75" s="12">
        <v>245</v>
      </c>
      <c r="O75" s="12">
        <v>0</v>
      </c>
      <c r="P75" s="12">
        <v>236</v>
      </c>
      <c r="Q75" s="12">
        <v>878</v>
      </c>
      <c r="R75" s="12">
        <v>293</v>
      </c>
    </row>
    <row r="76" spans="1:18" s="4" customFormat="1" x14ac:dyDescent="0.15">
      <c r="A76" s="3"/>
      <c r="B76" s="3" t="s">
        <v>874</v>
      </c>
      <c r="C76" s="12">
        <v>294</v>
      </c>
      <c r="D76" s="12">
        <v>590</v>
      </c>
      <c r="E76" s="12">
        <v>281</v>
      </c>
      <c r="F76" s="12">
        <v>309</v>
      </c>
      <c r="G76" s="12">
        <v>41</v>
      </c>
      <c r="H76" s="12">
        <v>56</v>
      </c>
      <c r="I76" s="12">
        <v>46</v>
      </c>
      <c r="J76" s="12">
        <v>53</v>
      </c>
      <c r="K76" s="12">
        <v>90</v>
      </c>
      <c r="L76" s="12">
        <v>80</v>
      </c>
      <c r="M76" s="12">
        <v>73</v>
      </c>
      <c r="N76" s="12">
        <v>151</v>
      </c>
      <c r="O76" s="12">
        <v>0</v>
      </c>
      <c r="P76" s="12">
        <v>75</v>
      </c>
      <c r="Q76" s="12">
        <v>322</v>
      </c>
      <c r="R76" s="12">
        <v>193</v>
      </c>
    </row>
    <row r="77" spans="1:18" s="4" customFormat="1" x14ac:dyDescent="0.15">
      <c r="A77" s="3"/>
      <c r="B77" s="3" t="s">
        <v>875</v>
      </c>
      <c r="C77" s="12">
        <v>344</v>
      </c>
      <c r="D77" s="12">
        <v>783</v>
      </c>
      <c r="E77" s="12">
        <v>388</v>
      </c>
      <c r="F77" s="12">
        <v>395</v>
      </c>
      <c r="G77" s="12">
        <v>87</v>
      </c>
      <c r="H77" s="12">
        <v>54</v>
      </c>
      <c r="I77" s="12">
        <v>67</v>
      </c>
      <c r="J77" s="12">
        <v>107</v>
      </c>
      <c r="K77" s="12">
        <v>96</v>
      </c>
      <c r="L77" s="12">
        <v>95</v>
      </c>
      <c r="M77" s="12">
        <v>92</v>
      </c>
      <c r="N77" s="12">
        <v>185</v>
      </c>
      <c r="O77" s="12">
        <v>0</v>
      </c>
      <c r="P77" s="12">
        <v>112</v>
      </c>
      <c r="Q77" s="12">
        <v>437</v>
      </c>
      <c r="R77" s="12">
        <v>234</v>
      </c>
    </row>
    <row r="78" spans="1:18" s="4" customFormat="1" x14ac:dyDescent="0.15">
      <c r="A78" s="3"/>
      <c r="B78" s="3" t="s">
        <v>876</v>
      </c>
      <c r="C78" s="12">
        <v>534</v>
      </c>
      <c r="D78" s="12">
        <v>1305</v>
      </c>
      <c r="E78" s="12">
        <v>639</v>
      </c>
      <c r="F78" s="12">
        <v>666</v>
      </c>
      <c r="G78" s="12">
        <v>133</v>
      </c>
      <c r="H78" s="12">
        <v>131</v>
      </c>
      <c r="I78" s="12">
        <v>128</v>
      </c>
      <c r="J78" s="12">
        <v>140</v>
      </c>
      <c r="K78" s="12">
        <v>187</v>
      </c>
      <c r="L78" s="12">
        <v>226</v>
      </c>
      <c r="M78" s="12">
        <v>139</v>
      </c>
      <c r="N78" s="12">
        <v>221</v>
      </c>
      <c r="O78" s="12">
        <v>0</v>
      </c>
      <c r="P78" s="12">
        <v>190</v>
      </c>
      <c r="Q78" s="12">
        <v>833</v>
      </c>
      <c r="R78" s="12">
        <v>282</v>
      </c>
    </row>
    <row r="79" spans="1:18" s="4" customFormat="1" x14ac:dyDescent="0.15">
      <c r="A79" s="3"/>
      <c r="B79" s="3" t="s">
        <v>877</v>
      </c>
      <c r="C79" s="12">
        <v>573</v>
      </c>
      <c r="D79" s="12">
        <v>1229</v>
      </c>
      <c r="E79" s="12">
        <v>601</v>
      </c>
      <c r="F79" s="12">
        <v>628</v>
      </c>
      <c r="G79" s="12">
        <v>132</v>
      </c>
      <c r="H79" s="12">
        <v>66</v>
      </c>
      <c r="I79" s="12">
        <v>131</v>
      </c>
      <c r="J79" s="12">
        <v>182</v>
      </c>
      <c r="K79" s="12">
        <v>170</v>
      </c>
      <c r="L79" s="12">
        <v>163</v>
      </c>
      <c r="M79" s="12">
        <v>121</v>
      </c>
      <c r="N79" s="12">
        <v>264</v>
      </c>
      <c r="O79" s="12">
        <v>0</v>
      </c>
      <c r="P79" s="12">
        <v>163</v>
      </c>
      <c r="Q79" s="12">
        <v>748</v>
      </c>
      <c r="R79" s="12">
        <v>318</v>
      </c>
    </row>
    <row r="80" spans="1:18" s="4" customFormat="1" x14ac:dyDescent="0.15">
      <c r="A80" s="3"/>
      <c r="B80" s="3" t="s">
        <v>878</v>
      </c>
      <c r="C80" s="12">
        <v>353</v>
      </c>
      <c r="D80" s="12">
        <v>827</v>
      </c>
      <c r="E80" s="12">
        <v>408</v>
      </c>
      <c r="F80" s="12">
        <v>419</v>
      </c>
      <c r="G80" s="12">
        <v>100</v>
      </c>
      <c r="H80" s="12">
        <v>53</v>
      </c>
      <c r="I80" s="12">
        <v>79</v>
      </c>
      <c r="J80" s="12">
        <v>181</v>
      </c>
      <c r="K80" s="12">
        <v>134</v>
      </c>
      <c r="L80" s="12">
        <v>102</v>
      </c>
      <c r="M80" s="12">
        <v>79</v>
      </c>
      <c r="N80" s="12">
        <v>99</v>
      </c>
      <c r="O80" s="12">
        <v>0</v>
      </c>
      <c r="P80" s="12">
        <v>130</v>
      </c>
      <c r="Q80" s="12">
        <v>562</v>
      </c>
      <c r="R80" s="12">
        <v>135</v>
      </c>
    </row>
    <row r="81" spans="1:18" s="4" customFormat="1" x14ac:dyDescent="0.15">
      <c r="A81" s="3"/>
      <c r="B81" s="3" t="s">
        <v>879</v>
      </c>
      <c r="C81" s="12">
        <v>330</v>
      </c>
      <c r="D81" s="12">
        <v>802</v>
      </c>
      <c r="E81" s="12">
        <v>391</v>
      </c>
      <c r="F81" s="12">
        <v>411</v>
      </c>
      <c r="G81" s="12">
        <v>140</v>
      </c>
      <c r="H81" s="12">
        <v>62</v>
      </c>
      <c r="I81" s="12">
        <v>48</v>
      </c>
      <c r="J81" s="12">
        <v>126</v>
      </c>
      <c r="K81" s="12">
        <v>118</v>
      </c>
      <c r="L81" s="12">
        <v>94</v>
      </c>
      <c r="M81" s="12">
        <v>84</v>
      </c>
      <c r="N81" s="12">
        <v>130</v>
      </c>
      <c r="O81" s="12">
        <v>0</v>
      </c>
      <c r="P81" s="12">
        <v>172</v>
      </c>
      <c r="Q81" s="12">
        <v>464</v>
      </c>
      <c r="R81" s="12">
        <v>166</v>
      </c>
    </row>
    <row r="82" spans="1:18" s="4" customFormat="1" x14ac:dyDescent="0.15">
      <c r="A82" s="3"/>
      <c r="B82" s="3" t="s">
        <v>880</v>
      </c>
      <c r="C82" s="12">
        <v>112</v>
      </c>
      <c r="D82" s="12">
        <v>225</v>
      </c>
      <c r="E82" s="12">
        <v>121</v>
      </c>
      <c r="F82" s="12">
        <v>104</v>
      </c>
      <c r="G82" s="12">
        <v>23</v>
      </c>
      <c r="H82" s="12">
        <v>8</v>
      </c>
      <c r="I82" s="12">
        <v>26</v>
      </c>
      <c r="J82" s="12">
        <v>29</v>
      </c>
      <c r="K82" s="12">
        <v>26</v>
      </c>
      <c r="L82" s="12">
        <v>29</v>
      </c>
      <c r="M82" s="12">
        <v>26</v>
      </c>
      <c r="N82" s="12">
        <v>58</v>
      </c>
      <c r="O82" s="12">
        <v>0</v>
      </c>
      <c r="P82" s="12">
        <v>26</v>
      </c>
      <c r="Q82" s="12">
        <v>124</v>
      </c>
      <c r="R82" s="12">
        <v>75</v>
      </c>
    </row>
    <row r="83" spans="1:18" s="4" customFormat="1" x14ac:dyDescent="0.15">
      <c r="A83" s="3"/>
      <c r="B83" s="3" t="s">
        <v>881</v>
      </c>
      <c r="C83" s="12">
        <v>575</v>
      </c>
      <c r="D83" s="12">
        <v>1338</v>
      </c>
      <c r="E83" s="12">
        <v>627</v>
      </c>
      <c r="F83" s="12">
        <v>711</v>
      </c>
      <c r="G83" s="12">
        <v>116</v>
      </c>
      <c r="H83" s="12">
        <v>152</v>
      </c>
      <c r="I83" s="12">
        <v>105</v>
      </c>
      <c r="J83" s="12">
        <v>137</v>
      </c>
      <c r="K83" s="12">
        <v>190</v>
      </c>
      <c r="L83" s="12">
        <v>205</v>
      </c>
      <c r="M83" s="12">
        <v>145</v>
      </c>
      <c r="N83" s="12">
        <v>288</v>
      </c>
      <c r="O83" s="12">
        <v>0</v>
      </c>
      <c r="P83" s="12">
        <v>197</v>
      </c>
      <c r="Q83" s="12">
        <v>792</v>
      </c>
      <c r="R83" s="12">
        <v>349</v>
      </c>
    </row>
    <row r="84" spans="1:18" s="4" customFormat="1" x14ac:dyDescent="0.15">
      <c r="A84" s="3"/>
      <c r="B84" s="3" t="s">
        <v>882</v>
      </c>
      <c r="C84" s="12">
        <v>741</v>
      </c>
      <c r="D84" s="12">
        <v>1796</v>
      </c>
      <c r="E84" s="12">
        <v>824</v>
      </c>
      <c r="F84" s="12">
        <v>972</v>
      </c>
      <c r="G84" s="12">
        <v>196</v>
      </c>
      <c r="H84" s="12">
        <v>175</v>
      </c>
      <c r="I84" s="12">
        <v>173</v>
      </c>
      <c r="J84" s="12">
        <v>206</v>
      </c>
      <c r="K84" s="12">
        <v>271</v>
      </c>
      <c r="L84" s="12">
        <v>263</v>
      </c>
      <c r="M84" s="12">
        <v>188</v>
      </c>
      <c r="N84" s="12">
        <v>324</v>
      </c>
      <c r="O84" s="12">
        <v>0</v>
      </c>
      <c r="P84" s="12">
        <v>284</v>
      </c>
      <c r="Q84" s="12">
        <v>1104</v>
      </c>
      <c r="R84" s="12">
        <v>408</v>
      </c>
    </row>
    <row r="85" spans="1:18" s="4" customFormat="1" x14ac:dyDescent="0.15">
      <c r="A85" s="3"/>
      <c r="B85" s="3" t="s">
        <v>883</v>
      </c>
      <c r="C85" s="12">
        <v>504</v>
      </c>
      <c r="D85" s="12">
        <v>961</v>
      </c>
      <c r="E85" s="12">
        <v>466</v>
      </c>
      <c r="F85" s="12">
        <v>495</v>
      </c>
      <c r="G85" s="12">
        <v>65</v>
      </c>
      <c r="H85" s="12">
        <v>93</v>
      </c>
      <c r="I85" s="12">
        <v>105</v>
      </c>
      <c r="J85" s="12">
        <v>146</v>
      </c>
      <c r="K85" s="12">
        <v>151</v>
      </c>
      <c r="L85" s="12">
        <v>105</v>
      </c>
      <c r="M85" s="12">
        <v>109</v>
      </c>
      <c r="N85" s="12">
        <v>187</v>
      </c>
      <c r="O85" s="12">
        <v>0</v>
      </c>
      <c r="P85" s="12">
        <v>113</v>
      </c>
      <c r="Q85" s="12">
        <v>620</v>
      </c>
      <c r="R85" s="12">
        <v>228</v>
      </c>
    </row>
    <row r="86" spans="1:18" s="4" customFormat="1" x14ac:dyDescent="0.15">
      <c r="A86" s="3"/>
      <c r="B86" s="3" t="s">
        <v>884</v>
      </c>
      <c r="C86" s="12">
        <v>31</v>
      </c>
      <c r="D86" s="12">
        <v>38</v>
      </c>
      <c r="E86" s="12">
        <v>24</v>
      </c>
      <c r="F86" s="12">
        <v>14</v>
      </c>
      <c r="G86" s="12">
        <v>4</v>
      </c>
      <c r="H86" s="12">
        <v>0</v>
      </c>
      <c r="I86" s="12">
        <v>14</v>
      </c>
      <c r="J86" s="12">
        <v>10</v>
      </c>
      <c r="K86" s="12">
        <v>4</v>
      </c>
      <c r="L86" s="12">
        <v>2</v>
      </c>
      <c r="M86" s="12">
        <v>2</v>
      </c>
      <c r="N86" s="12">
        <v>2</v>
      </c>
      <c r="O86" s="12">
        <v>0</v>
      </c>
      <c r="P86" s="12">
        <v>4</v>
      </c>
      <c r="Q86" s="12">
        <v>31</v>
      </c>
      <c r="R86" s="12">
        <v>3</v>
      </c>
    </row>
    <row r="87" spans="1:18" s="4" customFormat="1" x14ac:dyDescent="0.15">
      <c r="A87" s="3"/>
      <c r="B87" s="3" t="s">
        <v>885</v>
      </c>
      <c r="C87" s="12">
        <v>643</v>
      </c>
      <c r="D87" s="12">
        <v>1329</v>
      </c>
      <c r="E87" s="12">
        <v>637</v>
      </c>
      <c r="F87" s="12">
        <v>692</v>
      </c>
      <c r="G87" s="12">
        <v>105</v>
      </c>
      <c r="H87" s="12">
        <v>111</v>
      </c>
      <c r="I87" s="12">
        <v>105</v>
      </c>
      <c r="J87" s="12">
        <v>136</v>
      </c>
      <c r="K87" s="12">
        <v>191</v>
      </c>
      <c r="L87" s="12">
        <v>170</v>
      </c>
      <c r="M87" s="12">
        <v>143</v>
      </c>
      <c r="N87" s="12">
        <v>368</v>
      </c>
      <c r="O87" s="12">
        <v>0</v>
      </c>
      <c r="P87" s="12">
        <v>166</v>
      </c>
      <c r="Q87" s="12">
        <v>723</v>
      </c>
      <c r="R87" s="12">
        <v>440</v>
      </c>
    </row>
    <row r="88" spans="1:18" s="4" customFormat="1" x14ac:dyDescent="0.15">
      <c r="A88" s="3"/>
      <c r="B88" s="3" t="s">
        <v>886</v>
      </c>
      <c r="C88" s="12">
        <v>476</v>
      </c>
      <c r="D88" s="12">
        <v>999</v>
      </c>
      <c r="E88" s="12">
        <v>488</v>
      </c>
      <c r="F88" s="12">
        <v>511</v>
      </c>
      <c r="G88" s="12">
        <v>78</v>
      </c>
      <c r="H88" s="12">
        <v>71</v>
      </c>
      <c r="I88" s="12">
        <v>78</v>
      </c>
      <c r="J88" s="12">
        <v>105</v>
      </c>
      <c r="K88" s="12">
        <v>144</v>
      </c>
      <c r="L88" s="12">
        <v>133</v>
      </c>
      <c r="M88" s="12">
        <v>103</v>
      </c>
      <c r="N88" s="12">
        <v>287</v>
      </c>
      <c r="O88" s="12">
        <v>0</v>
      </c>
      <c r="P88" s="12">
        <v>115</v>
      </c>
      <c r="Q88" s="12">
        <v>540</v>
      </c>
      <c r="R88" s="12">
        <v>344</v>
      </c>
    </row>
    <row r="89" spans="1:18" s="4" customFormat="1" x14ac:dyDescent="0.15">
      <c r="A89" s="3"/>
      <c r="B89" s="3" t="s">
        <v>887</v>
      </c>
      <c r="C89" s="12">
        <v>323</v>
      </c>
      <c r="D89" s="12">
        <v>611</v>
      </c>
      <c r="E89" s="12">
        <v>307</v>
      </c>
      <c r="F89" s="12">
        <v>304</v>
      </c>
      <c r="G89" s="12">
        <v>35</v>
      </c>
      <c r="H89" s="12">
        <v>49</v>
      </c>
      <c r="I89" s="12">
        <v>45</v>
      </c>
      <c r="J89" s="12">
        <v>64</v>
      </c>
      <c r="K89" s="12">
        <v>78</v>
      </c>
      <c r="L89" s="12">
        <v>85</v>
      </c>
      <c r="M89" s="12">
        <v>86</v>
      </c>
      <c r="N89" s="12">
        <v>169</v>
      </c>
      <c r="O89" s="12">
        <v>0</v>
      </c>
      <c r="P89" s="12">
        <v>55</v>
      </c>
      <c r="Q89" s="12">
        <v>346</v>
      </c>
      <c r="R89" s="12">
        <v>210</v>
      </c>
    </row>
    <row r="90" spans="1:18" s="4" customFormat="1" x14ac:dyDescent="0.15">
      <c r="A90" s="3"/>
      <c r="B90" s="3" t="s">
        <v>888</v>
      </c>
      <c r="C90" s="12">
        <v>598</v>
      </c>
      <c r="D90" s="12">
        <v>944</v>
      </c>
      <c r="E90" s="12">
        <v>472</v>
      </c>
      <c r="F90" s="12">
        <v>472</v>
      </c>
      <c r="G90" s="12">
        <v>66</v>
      </c>
      <c r="H90" s="12">
        <v>37</v>
      </c>
      <c r="I90" s="12">
        <v>178</v>
      </c>
      <c r="J90" s="12">
        <v>189</v>
      </c>
      <c r="K90" s="12">
        <v>158</v>
      </c>
      <c r="L90" s="12">
        <v>92</v>
      </c>
      <c r="M90" s="12">
        <v>81</v>
      </c>
      <c r="N90" s="12">
        <v>143</v>
      </c>
      <c r="O90" s="12">
        <v>0</v>
      </c>
      <c r="P90" s="12">
        <v>83</v>
      </c>
      <c r="Q90" s="12">
        <v>679</v>
      </c>
      <c r="R90" s="12">
        <v>182</v>
      </c>
    </row>
    <row r="91" spans="1:18" s="4" customFormat="1" x14ac:dyDescent="0.15">
      <c r="A91" s="3"/>
      <c r="B91" s="3" t="s">
        <v>889</v>
      </c>
      <c r="C91" s="12">
        <v>487</v>
      </c>
      <c r="D91" s="12">
        <v>1051</v>
      </c>
      <c r="E91" s="12">
        <v>490</v>
      </c>
      <c r="F91" s="12">
        <v>561</v>
      </c>
      <c r="G91" s="12">
        <v>94</v>
      </c>
      <c r="H91" s="12">
        <v>77</v>
      </c>
      <c r="I91" s="12">
        <v>95</v>
      </c>
      <c r="J91" s="12">
        <v>124</v>
      </c>
      <c r="K91" s="12">
        <v>124</v>
      </c>
      <c r="L91" s="12">
        <v>172</v>
      </c>
      <c r="M91" s="12">
        <v>124</v>
      </c>
      <c r="N91" s="12">
        <v>241</v>
      </c>
      <c r="O91" s="12">
        <v>0</v>
      </c>
      <c r="P91" s="12">
        <v>132</v>
      </c>
      <c r="Q91" s="12">
        <v>619</v>
      </c>
      <c r="R91" s="12">
        <v>300</v>
      </c>
    </row>
    <row r="92" spans="1:18" s="4" customFormat="1" x14ac:dyDescent="0.15">
      <c r="A92" s="3"/>
      <c r="B92" s="3" t="s">
        <v>890</v>
      </c>
      <c r="C92" s="12">
        <v>334</v>
      </c>
      <c r="D92" s="12">
        <v>729</v>
      </c>
      <c r="E92" s="12">
        <v>358</v>
      </c>
      <c r="F92" s="12">
        <v>371</v>
      </c>
      <c r="G92" s="12">
        <v>56</v>
      </c>
      <c r="H92" s="12">
        <v>58</v>
      </c>
      <c r="I92" s="12">
        <v>62</v>
      </c>
      <c r="J92" s="12">
        <v>78</v>
      </c>
      <c r="K92" s="12">
        <v>104</v>
      </c>
      <c r="L92" s="12">
        <v>96</v>
      </c>
      <c r="M92" s="12">
        <v>78</v>
      </c>
      <c r="N92" s="12">
        <v>197</v>
      </c>
      <c r="O92" s="12">
        <v>0</v>
      </c>
      <c r="P92" s="12">
        <v>89</v>
      </c>
      <c r="Q92" s="12">
        <v>397</v>
      </c>
      <c r="R92" s="12">
        <v>243</v>
      </c>
    </row>
    <row r="93" spans="1:18" s="4" customFormat="1" x14ac:dyDescent="0.15">
      <c r="A93" s="3"/>
      <c r="B93" s="3" t="s">
        <v>891</v>
      </c>
      <c r="C93" s="12">
        <v>324</v>
      </c>
      <c r="D93" s="12">
        <v>683</v>
      </c>
      <c r="E93" s="12">
        <v>329</v>
      </c>
      <c r="F93" s="12">
        <v>354</v>
      </c>
      <c r="G93" s="12">
        <v>54</v>
      </c>
      <c r="H93" s="12">
        <v>49</v>
      </c>
      <c r="I93" s="12">
        <v>72</v>
      </c>
      <c r="J93" s="12">
        <v>77</v>
      </c>
      <c r="K93" s="12">
        <v>97</v>
      </c>
      <c r="L93" s="12">
        <v>91</v>
      </c>
      <c r="M93" s="12">
        <v>76</v>
      </c>
      <c r="N93" s="12">
        <v>167</v>
      </c>
      <c r="O93" s="12">
        <v>0</v>
      </c>
      <c r="P93" s="12">
        <v>82</v>
      </c>
      <c r="Q93" s="12">
        <v>390</v>
      </c>
      <c r="R93" s="12">
        <v>211</v>
      </c>
    </row>
    <row r="94" spans="1:18" s="4" customFormat="1" x14ac:dyDescent="0.15">
      <c r="A94" s="3"/>
      <c r="B94" s="3" t="s">
        <v>892</v>
      </c>
      <c r="C94" s="12">
        <v>496</v>
      </c>
      <c r="D94" s="12">
        <v>1043</v>
      </c>
      <c r="E94" s="12">
        <v>499</v>
      </c>
      <c r="F94" s="12">
        <v>544</v>
      </c>
      <c r="G94" s="12">
        <v>95</v>
      </c>
      <c r="H94" s="12">
        <v>85</v>
      </c>
      <c r="I94" s="12">
        <v>108</v>
      </c>
      <c r="J94" s="12">
        <v>128</v>
      </c>
      <c r="K94" s="12">
        <v>149</v>
      </c>
      <c r="L94" s="12">
        <v>168</v>
      </c>
      <c r="M94" s="12">
        <v>115</v>
      </c>
      <c r="N94" s="12">
        <v>195</v>
      </c>
      <c r="O94" s="12">
        <v>0</v>
      </c>
      <c r="P94" s="12">
        <v>141</v>
      </c>
      <c r="Q94" s="12">
        <v>643</v>
      </c>
      <c r="R94" s="12">
        <v>259</v>
      </c>
    </row>
    <row r="95" spans="1:18" s="4" customFormat="1" x14ac:dyDescent="0.15">
      <c r="A95" s="3"/>
      <c r="B95" s="3" t="s">
        <v>893</v>
      </c>
      <c r="C95" s="12">
        <v>351</v>
      </c>
      <c r="D95" s="12">
        <v>808</v>
      </c>
      <c r="E95" s="12">
        <v>403</v>
      </c>
      <c r="F95" s="12">
        <v>405</v>
      </c>
      <c r="G95" s="12">
        <v>101</v>
      </c>
      <c r="H95" s="12">
        <v>70</v>
      </c>
      <c r="I95" s="12">
        <v>78</v>
      </c>
      <c r="J95" s="12">
        <v>126</v>
      </c>
      <c r="K95" s="12">
        <v>136</v>
      </c>
      <c r="L95" s="12">
        <v>82</v>
      </c>
      <c r="M95" s="12">
        <v>97</v>
      </c>
      <c r="N95" s="12">
        <v>118</v>
      </c>
      <c r="O95" s="12">
        <v>0</v>
      </c>
      <c r="P95" s="12">
        <v>144</v>
      </c>
      <c r="Q95" s="12">
        <v>498</v>
      </c>
      <c r="R95" s="12">
        <v>166</v>
      </c>
    </row>
    <row r="96" spans="1:18" s="4" customFormat="1" x14ac:dyDescent="0.15">
      <c r="A96" s="3"/>
      <c r="B96" s="3" t="s">
        <v>894</v>
      </c>
      <c r="C96" s="12">
        <v>345</v>
      </c>
      <c r="D96" s="12">
        <v>798</v>
      </c>
      <c r="E96" s="12">
        <v>380</v>
      </c>
      <c r="F96" s="12">
        <v>418</v>
      </c>
      <c r="G96" s="12">
        <v>86</v>
      </c>
      <c r="H96" s="12">
        <v>62</v>
      </c>
      <c r="I96" s="12">
        <v>53</v>
      </c>
      <c r="J96" s="12">
        <v>90</v>
      </c>
      <c r="K96" s="12">
        <v>126</v>
      </c>
      <c r="L96" s="12">
        <v>86</v>
      </c>
      <c r="M96" s="12">
        <v>92</v>
      </c>
      <c r="N96" s="12">
        <v>203</v>
      </c>
      <c r="O96" s="12">
        <v>0</v>
      </c>
      <c r="P96" s="12">
        <v>116</v>
      </c>
      <c r="Q96" s="12">
        <v>436</v>
      </c>
      <c r="R96" s="12">
        <v>246</v>
      </c>
    </row>
    <row r="97" spans="1:18" s="4" customFormat="1" x14ac:dyDescent="0.15">
      <c r="A97" s="3"/>
      <c r="B97" s="3" t="s">
        <v>895</v>
      </c>
      <c r="C97" s="12">
        <v>498</v>
      </c>
      <c r="D97" s="12">
        <v>1171</v>
      </c>
      <c r="E97" s="12">
        <v>551</v>
      </c>
      <c r="F97" s="12">
        <v>620</v>
      </c>
      <c r="G97" s="12">
        <v>122</v>
      </c>
      <c r="H97" s="12">
        <v>109</v>
      </c>
      <c r="I97" s="12">
        <v>111</v>
      </c>
      <c r="J97" s="12">
        <v>134</v>
      </c>
      <c r="K97" s="12">
        <v>162</v>
      </c>
      <c r="L97" s="12">
        <v>171</v>
      </c>
      <c r="M97" s="12">
        <v>147</v>
      </c>
      <c r="N97" s="12">
        <v>215</v>
      </c>
      <c r="O97" s="12">
        <v>0</v>
      </c>
      <c r="P97" s="12">
        <v>174</v>
      </c>
      <c r="Q97" s="12">
        <v>716</v>
      </c>
      <c r="R97" s="12">
        <v>281</v>
      </c>
    </row>
    <row r="98" spans="1:18" s="4" customFormat="1" x14ac:dyDescent="0.15">
      <c r="A98" s="3"/>
      <c r="B98" s="3" t="s">
        <v>896</v>
      </c>
      <c r="C98" s="12">
        <v>8</v>
      </c>
      <c r="D98" s="12">
        <v>17</v>
      </c>
      <c r="E98" s="12">
        <v>8</v>
      </c>
      <c r="F98" s="12">
        <v>9</v>
      </c>
      <c r="G98" s="12" t="s">
        <v>132</v>
      </c>
      <c r="H98" s="12" t="s">
        <v>132</v>
      </c>
      <c r="I98" s="12" t="s">
        <v>132</v>
      </c>
      <c r="J98" s="12" t="s">
        <v>132</v>
      </c>
      <c r="K98" s="12" t="s">
        <v>132</v>
      </c>
      <c r="L98" s="12" t="s">
        <v>132</v>
      </c>
      <c r="M98" s="12" t="s">
        <v>132</v>
      </c>
      <c r="N98" s="12" t="s">
        <v>132</v>
      </c>
      <c r="O98" s="12" t="s">
        <v>132</v>
      </c>
      <c r="P98" s="12" t="s">
        <v>132</v>
      </c>
      <c r="Q98" s="12" t="s">
        <v>132</v>
      </c>
      <c r="R98" s="12" t="s">
        <v>132</v>
      </c>
    </row>
    <row r="99" spans="1:18" s="4" customFormat="1" x14ac:dyDescent="0.15">
      <c r="A99" s="3"/>
      <c r="B99" s="3" t="s">
        <v>897</v>
      </c>
      <c r="C99" s="12">
        <v>1704</v>
      </c>
      <c r="D99" s="12">
        <v>3131</v>
      </c>
      <c r="E99" s="12">
        <v>1413</v>
      </c>
      <c r="F99" s="12">
        <v>1718</v>
      </c>
      <c r="G99" s="12">
        <v>305</v>
      </c>
      <c r="H99" s="12">
        <v>241</v>
      </c>
      <c r="I99" s="12">
        <v>478</v>
      </c>
      <c r="J99" s="12">
        <v>520</v>
      </c>
      <c r="K99" s="12">
        <v>592</v>
      </c>
      <c r="L99" s="12">
        <v>378</v>
      </c>
      <c r="M99" s="12">
        <v>248</v>
      </c>
      <c r="N99" s="12">
        <v>369</v>
      </c>
      <c r="O99" s="12">
        <v>0</v>
      </c>
      <c r="P99" s="12">
        <v>439</v>
      </c>
      <c r="Q99" s="12">
        <v>2209</v>
      </c>
      <c r="R99" s="12">
        <v>483</v>
      </c>
    </row>
    <row r="100" spans="1:18" s="4" customFormat="1" x14ac:dyDescent="0.15">
      <c r="A100" s="3"/>
      <c r="B100" s="3" t="s">
        <v>898</v>
      </c>
      <c r="C100" s="12">
        <v>305</v>
      </c>
      <c r="D100" s="12">
        <v>573</v>
      </c>
      <c r="E100" s="12">
        <v>293</v>
      </c>
      <c r="F100" s="12">
        <v>280</v>
      </c>
      <c r="G100" s="12">
        <v>45</v>
      </c>
      <c r="H100" s="12">
        <v>28</v>
      </c>
      <c r="I100" s="12">
        <v>63</v>
      </c>
      <c r="J100" s="12">
        <v>69</v>
      </c>
      <c r="K100" s="12">
        <v>70</v>
      </c>
      <c r="L100" s="12">
        <v>75</v>
      </c>
      <c r="M100" s="12">
        <v>65</v>
      </c>
      <c r="N100" s="12">
        <v>158</v>
      </c>
      <c r="O100" s="12">
        <v>0</v>
      </c>
      <c r="P100" s="12">
        <v>62</v>
      </c>
      <c r="Q100" s="12">
        <v>320</v>
      </c>
      <c r="R100" s="12">
        <v>191</v>
      </c>
    </row>
    <row r="101" spans="1:18" s="4" customFormat="1" x14ac:dyDescent="0.15">
      <c r="A101" s="3"/>
      <c r="B101" s="3" t="s">
        <v>785</v>
      </c>
      <c r="C101" s="12">
        <v>110</v>
      </c>
      <c r="D101" s="12">
        <v>202</v>
      </c>
      <c r="E101" s="12">
        <v>96</v>
      </c>
      <c r="F101" s="12">
        <v>106</v>
      </c>
      <c r="G101" s="12">
        <v>10</v>
      </c>
      <c r="H101" s="12">
        <v>20</v>
      </c>
      <c r="I101" s="12">
        <v>24</v>
      </c>
      <c r="J101" s="12">
        <v>21</v>
      </c>
      <c r="K101" s="12">
        <v>18</v>
      </c>
      <c r="L101" s="12">
        <v>39</v>
      </c>
      <c r="M101" s="12">
        <v>25</v>
      </c>
      <c r="N101" s="12">
        <v>45</v>
      </c>
      <c r="O101" s="12">
        <v>0</v>
      </c>
      <c r="P101" s="12">
        <v>14</v>
      </c>
      <c r="Q101" s="12">
        <v>131</v>
      </c>
      <c r="R101" s="12">
        <v>57</v>
      </c>
    </row>
    <row r="102" spans="1:18" s="4" customFormat="1" x14ac:dyDescent="0.15">
      <c r="A102" s="3"/>
      <c r="B102" s="3" t="s">
        <v>899</v>
      </c>
      <c r="C102" s="12">
        <v>631</v>
      </c>
      <c r="D102" s="12">
        <v>1117</v>
      </c>
      <c r="E102" s="12">
        <v>529</v>
      </c>
      <c r="F102" s="12">
        <v>588</v>
      </c>
      <c r="G102" s="12">
        <v>91</v>
      </c>
      <c r="H102" s="12">
        <v>69</v>
      </c>
      <c r="I102" s="12">
        <v>159</v>
      </c>
      <c r="J102" s="12">
        <v>176</v>
      </c>
      <c r="K102" s="12">
        <v>176</v>
      </c>
      <c r="L102" s="12">
        <v>169</v>
      </c>
      <c r="M102" s="12">
        <v>114</v>
      </c>
      <c r="N102" s="12">
        <v>163</v>
      </c>
      <c r="O102" s="12">
        <v>0</v>
      </c>
      <c r="P102" s="12">
        <v>123</v>
      </c>
      <c r="Q102" s="12">
        <v>771</v>
      </c>
      <c r="R102" s="12">
        <v>223</v>
      </c>
    </row>
    <row r="103" spans="1:18" s="4" customFormat="1" x14ac:dyDescent="0.15">
      <c r="A103" s="3"/>
      <c r="B103" s="3" t="s">
        <v>900</v>
      </c>
      <c r="C103" s="12">
        <v>198</v>
      </c>
      <c r="D103" s="12">
        <v>432</v>
      </c>
      <c r="E103" s="12">
        <v>201</v>
      </c>
      <c r="F103" s="12">
        <v>231</v>
      </c>
      <c r="G103" s="12">
        <v>20</v>
      </c>
      <c r="H103" s="12">
        <v>51</v>
      </c>
      <c r="I103" s="12">
        <v>44</v>
      </c>
      <c r="J103" s="12">
        <v>29</v>
      </c>
      <c r="K103" s="12">
        <v>54</v>
      </c>
      <c r="L103" s="12">
        <v>90</v>
      </c>
      <c r="M103" s="12">
        <v>58</v>
      </c>
      <c r="N103" s="12">
        <v>86</v>
      </c>
      <c r="O103" s="12">
        <v>0</v>
      </c>
      <c r="P103" s="12">
        <v>44</v>
      </c>
      <c r="Q103" s="12">
        <v>275</v>
      </c>
      <c r="R103" s="12">
        <v>113</v>
      </c>
    </row>
    <row r="104" spans="1:18" s="4" customFormat="1" x14ac:dyDescent="0.15">
      <c r="A104" s="3"/>
      <c r="B104" s="3" t="s">
        <v>901</v>
      </c>
      <c r="C104" s="12">
        <v>492</v>
      </c>
      <c r="D104" s="12">
        <v>1020</v>
      </c>
      <c r="E104" s="12">
        <v>506</v>
      </c>
      <c r="F104" s="12">
        <v>514</v>
      </c>
      <c r="G104" s="12">
        <v>91</v>
      </c>
      <c r="H104" s="12">
        <v>107</v>
      </c>
      <c r="I104" s="12">
        <v>109</v>
      </c>
      <c r="J104" s="12">
        <v>156</v>
      </c>
      <c r="K104" s="12">
        <v>201</v>
      </c>
      <c r="L104" s="12">
        <v>131</v>
      </c>
      <c r="M104" s="12">
        <v>70</v>
      </c>
      <c r="N104" s="12">
        <v>155</v>
      </c>
      <c r="O104" s="12">
        <v>0</v>
      </c>
      <c r="P104" s="12">
        <v>156</v>
      </c>
      <c r="Q104" s="12">
        <v>673</v>
      </c>
      <c r="R104" s="12">
        <v>191</v>
      </c>
    </row>
    <row r="105" spans="1:18" s="4" customFormat="1" x14ac:dyDescent="0.15">
      <c r="A105" s="3"/>
      <c r="B105" s="3" t="s">
        <v>902</v>
      </c>
      <c r="C105" s="12">
        <v>1239</v>
      </c>
      <c r="D105" s="12">
        <v>1975</v>
      </c>
      <c r="E105" s="12">
        <v>1019</v>
      </c>
      <c r="F105" s="12">
        <v>956</v>
      </c>
      <c r="G105" s="12">
        <v>68</v>
      </c>
      <c r="H105" s="12">
        <v>174</v>
      </c>
      <c r="I105" s="12">
        <v>183</v>
      </c>
      <c r="J105" s="12">
        <v>143</v>
      </c>
      <c r="K105" s="12">
        <v>315</v>
      </c>
      <c r="L105" s="12">
        <v>327</v>
      </c>
      <c r="M105" s="12">
        <v>284</v>
      </c>
      <c r="N105" s="12">
        <v>481</v>
      </c>
      <c r="O105" s="12">
        <v>0</v>
      </c>
      <c r="P105" s="12">
        <v>159</v>
      </c>
      <c r="Q105" s="12">
        <v>1177</v>
      </c>
      <c r="R105" s="12">
        <v>639</v>
      </c>
    </row>
    <row r="106" spans="1:18" s="4" customFormat="1" x14ac:dyDescent="0.15">
      <c r="A106" s="3"/>
      <c r="B106" s="3" t="s">
        <v>903</v>
      </c>
      <c r="C106" s="12">
        <v>138</v>
      </c>
      <c r="D106" s="12">
        <v>303</v>
      </c>
      <c r="E106" s="12">
        <v>142</v>
      </c>
      <c r="F106" s="12">
        <v>161</v>
      </c>
      <c r="G106" s="12">
        <v>26</v>
      </c>
      <c r="H106" s="12">
        <v>33</v>
      </c>
      <c r="I106" s="12">
        <v>20</v>
      </c>
      <c r="J106" s="12">
        <v>24</v>
      </c>
      <c r="K106" s="12">
        <v>56</v>
      </c>
      <c r="L106" s="12">
        <v>40</v>
      </c>
      <c r="M106" s="12">
        <v>25</v>
      </c>
      <c r="N106" s="12">
        <v>79</v>
      </c>
      <c r="O106" s="12">
        <v>0</v>
      </c>
      <c r="P106" s="12">
        <v>43</v>
      </c>
      <c r="Q106" s="12">
        <v>166</v>
      </c>
      <c r="R106" s="12">
        <v>94</v>
      </c>
    </row>
    <row r="107" spans="1:18" s="4" customFormat="1" x14ac:dyDescent="0.15">
      <c r="A107" s="3"/>
      <c r="B107" s="3" t="s">
        <v>904</v>
      </c>
      <c r="C107" s="12">
        <v>459</v>
      </c>
      <c r="D107" s="12">
        <v>1140</v>
      </c>
      <c r="E107" s="12">
        <v>561</v>
      </c>
      <c r="F107" s="12">
        <v>579</v>
      </c>
      <c r="G107" s="12">
        <v>107</v>
      </c>
      <c r="H107" s="12">
        <v>112</v>
      </c>
      <c r="I107" s="12">
        <v>111</v>
      </c>
      <c r="J107" s="12">
        <v>122</v>
      </c>
      <c r="K107" s="12">
        <v>182</v>
      </c>
      <c r="L107" s="12">
        <v>159</v>
      </c>
      <c r="M107" s="12">
        <v>128</v>
      </c>
      <c r="N107" s="12">
        <v>219</v>
      </c>
      <c r="O107" s="12">
        <v>0</v>
      </c>
      <c r="P107" s="12">
        <v>160</v>
      </c>
      <c r="Q107" s="12">
        <v>701</v>
      </c>
      <c r="R107" s="12">
        <v>279</v>
      </c>
    </row>
    <row r="108" spans="1:18" s="4" customFormat="1" x14ac:dyDescent="0.15">
      <c r="A108" s="3"/>
      <c r="B108" s="3" t="s">
        <v>905</v>
      </c>
      <c r="C108" s="12">
        <v>1934</v>
      </c>
      <c r="D108" s="12">
        <v>4557</v>
      </c>
      <c r="E108" s="12">
        <v>2183</v>
      </c>
      <c r="F108" s="12">
        <v>2374</v>
      </c>
      <c r="G108" s="12">
        <v>533</v>
      </c>
      <c r="H108" s="12">
        <v>438</v>
      </c>
      <c r="I108" s="12">
        <v>395</v>
      </c>
      <c r="J108" s="12">
        <v>589</v>
      </c>
      <c r="K108" s="12">
        <v>713</v>
      </c>
      <c r="L108" s="12">
        <v>690</v>
      </c>
      <c r="M108" s="12">
        <v>540</v>
      </c>
      <c r="N108" s="12">
        <v>659</v>
      </c>
      <c r="O108" s="12">
        <v>0</v>
      </c>
      <c r="P108" s="12">
        <v>743</v>
      </c>
      <c r="Q108" s="12">
        <v>2908</v>
      </c>
      <c r="R108" s="12">
        <v>906</v>
      </c>
    </row>
    <row r="109" spans="1:18" s="4" customFormat="1" x14ac:dyDescent="0.15">
      <c r="A109" s="3"/>
      <c r="B109" s="3" t="s">
        <v>906</v>
      </c>
      <c r="C109" s="12">
        <v>1399</v>
      </c>
      <c r="D109" s="12">
        <v>2600</v>
      </c>
      <c r="E109" s="12">
        <v>1313</v>
      </c>
      <c r="F109" s="12">
        <v>1287</v>
      </c>
      <c r="G109" s="12">
        <v>221</v>
      </c>
      <c r="H109" s="12">
        <v>205</v>
      </c>
      <c r="I109" s="12">
        <v>354</v>
      </c>
      <c r="J109" s="12">
        <v>367</v>
      </c>
      <c r="K109" s="12">
        <v>470</v>
      </c>
      <c r="L109" s="12">
        <v>357</v>
      </c>
      <c r="M109" s="12">
        <v>270</v>
      </c>
      <c r="N109" s="12">
        <v>356</v>
      </c>
      <c r="O109" s="12">
        <v>0</v>
      </c>
      <c r="P109" s="12">
        <v>330</v>
      </c>
      <c r="Q109" s="12">
        <v>1782</v>
      </c>
      <c r="R109" s="12">
        <v>488</v>
      </c>
    </row>
    <row r="110" spans="1:18" s="4" customFormat="1" x14ac:dyDescent="0.15">
      <c r="A110" s="3"/>
      <c r="B110" s="3" t="s">
        <v>907</v>
      </c>
      <c r="C110" s="12">
        <v>428</v>
      </c>
      <c r="D110" s="12">
        <v>890</v>
      </c>
      <c r="E110" s="12">
        <v>413</v>
      </c>
      <c r="F110" s="12">
        <v>477</v>
      </c>
      <c r="G110" s="12">
        <v>62</v>
      </c>
      <c r="H110" s="12">
        <v>71</v>
      </c>
      <c r="I110" s="12">
        <v>80</v>
      </c>
      <c r="J110" s="12">
        <v>101</v>
      </c>
      <c r="K110" s="12">
        <v>118</v>
      </c>
      <c r="L110" s="12">
        <v>105</v>
      </c>
      <c r="M110" s="12">
        <v>105</v>
      </c>
      <c r="N110" s="12">
        <v>248</v>
      </c>
      <c r="O110" s="12">
        <v>0</v>
      </c>
      <c r="P110" s="12">
        <v>96</v>
      </c>
      <c r="Q110" s="12">
        <v>490</v>
      </c>
      <c r="R110" s="12">
        <v>304</v>
      </c>
    </row>
    <row r="111" spans="1:18" s="4" customFormat="1" x14ac:dyDescent="0.15">
      <c r="A111" s="3"/>
      <c r="B111" s="3" t="s">
        <v>908</v>
      </c>
      <c r="C111" s="12">
        <v>234</v>
      </c>
      <c r="D111" s="12">
        <v>479</v>
      </c>
      <c r="E111" s="12">
        <v>216</v>
      </c>
      <c r="F111" s="12">
        <v>263</v>
      </c>
      <c r="G111" s="12">
        <v>70</v>
      </c>
      <c r="H111" s="12">
        <v>27</v>
      </c>
      <c r="I111" s="12">
        <v>62</v>
      </c>
      <c r="J111" s="12">
        <v>88</v>
      </c>
      <c r="K111" s="12">
        <v>75</v>
      </c>
      <c r="L111" s="12">
        <v>60</v>
      </c>
      <c r="M111" s="12">
        <v>43</v>
      </c>
      <c r="N111" s="12">
        <v>54</v>
      </c>
      <c r="O111" s="12">
        <v>0</v>
      </c>
      <c r="P111" s="12">
        <v>87</v>
      </c>
      <c r="Q111" s="12">
        <v>319</v>
      </c>
      <c r="R111" s="12">
        <v>73</v>
      </c>
    </row>
    <row r="112" spans="1:18" s="4" customFormat="1" x14ac:dyDescent="0.15">
      <c r="A112" s="3"/>
      <c r="B112" s="3" t="s">
        <v>909</v>
      </c>
      <c r="C112" s="12">
        <v>262</v>
      </c>
      <c r="D112" s="12">
        <v>719</v>
      </c>
      <c r="E112" s="12">
        <v>345</v>
      </c>
      <c r="F112" s="12">
        <v>374</v>
      </c>
      <c r="G112" s="12">
        <v>69</v>
      </c>
      <c r="H112" s="12">
        <v>104</v>
      </c>
      <c r="I112" s="12">
        <v>53</v>
      </c>
      <c r="J112" s="12">
        <v>73</v>
      </c>
      <c r="K112" s="12">
        <v>126</v>
      </c>
      <c r="L112" s="12">
        <v>106</v>
      </c>
      <c r="M112" s="12">
        <v>63</v>
      </c>
      <c r="N112" s="12">
        <v>125</v>
      </c>
      <c r="O112" s="12">
        <v>0</v>
      </c>
      <c r="P112" s="12">
        <v>120</v>
      </c>
      <c r="Q112" s="12">
        <v>445</v>
      </c>
      <c r="R112" s="12">
        <v>154</v>
      </c>
    </row>
    <row r="113" spans="1:18" s="4" customFormat="1" x14ac:dyDescent="0.15">
      <c r="A113" s="3"/>
      <c r="B113" s="3"/>
      <c r="C113" s="12"/>
      <c r="D113" s="12"/>
      <c r="E113" s="12"/>
      <c r="F113" s="12"/>
      <c r="G113" s="12"/>
      <c r="H113" s="12"/>
      <c r="I113" s="12"/>
      <c r="J113" s="12"/>
      <c r="K113" s="12"/>
      <c r="L113" s="12"/>
      <c r="M113" s="12"/>
      <c r="N113" s="12"/>
      <c r="O113" s="12"/>
      <c r="P113" s="12"/>
      <c r="Q113" s="12"/>
      <c r="R113" s="12"/>
    </row>
  </sheetData>
  <mergeCells count="16">
    <mergeCell ref="R3:R4"/>
    <mergeCell ref="Q2:R2"/>
    <mergeCell ref="A3:B4"/>
    <mergeCell ref="C3:C4"/>
    <mergeCell ref="D3:F3"/>
    <mergeCell ref="G3:G4"/>
    <mergeCell ref="H3:H4"/>
    <mergeCell ref="I3:I4"/>
    <mergeCell ref="J3:J4"/>
    <mergeCell ref="K3:K4"/>
    <mergeCell ref="L3:L4"/>
    <mergeCell ref="M3:M4"/>
    <mergeCell ref="N3:N4"/>
    <mergeCell ref="O3:O4"/>
    <mergeCell ref="P3:P4"/>
    <mergeCell ref="Q3:Q4"/>
  </mergeCells>
  <phoneticPr fontId="1"/>
  <pageMargins left="0.39370078740157483" right="0.39370078740157483" top="0.78740157480314965" bottom="0.78740157480314965" header="0.51181102362204722" footer="0.51181102362204722"/>
  <pageSetup paperSize="9" orientation="landscape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34</vt:i4>
      </vt:variant>
    </vt:vector>
  </HeadingPairs>
  <TitlesOfParts>
    <vt:vector size="51" baseType="lpstr">
      <vt:lpstr>全市</vt:lpstr>
      <vt:lpstr>千種区</vt:lpstr>
      <vt:lpstr>東区</vt:lpstr>
      <vt:lpstr>北区</vt:lpstr>
      <vt:lpstr>西区</vt:lpstr>
      <vt:lpstr>中村区</vt:lpstr>
      <vt:lpstr>中区</vt:lpstr>
      <vt:lpstr>昭和区</vt:lpstr>
      <vt:lpstr>瑞穂区</vt:lpstr>
      <vt:lpstr>熱田区</vt:lpstr>
      <vt:lpstr>中川区</vt:lpstr>
      <vt:lpstr>港区</vt:lpstr>
      <vt:lpstr>南区</vt:lpstr>
      <vt:lpstr>守山区</vt:lpstr>
      <vt:lpstr>緑区</vt:lpstr>
      <vt:lpstr>名東区</vt:lpstr>
      <vt:lpstr>天白区</vt:lpstr>
      <vt:lpstr>港区!Print_Area</vt:lpstr>
      <vt:lpstr>守山区!Print_Area</vt:lpstr>
      <vt:lpstr>昭和区!Print_Area</vt:lpstr>
      <vt:lpstr>瑞穂区!Print_Area</vt:lpstr>
      <vt:lpstr>西区!Print_Area</vt:lpstr>
      <vt:lpstr>千種区!Print_Area</vt:lpstr>
      <vt:lpstr>全市!Print_Area</vt:lpstr>
      <vt:lpstr>中区!Print_Area</vt:lpstr>
      <vt:lpstr>中川区!Print_Area</vt:lpstr>
      <vt:lpstr>中村区!Print_Area</vt:lpstr>
      <vt:lpstr>天白区!Print_Area</vt:lpstr>
      <vt:lpstr>東区!Print_Area</vt:lpstr>
      <vt:lpstr>南区!Print_Area</vt:lpstr>
      <vt:lpstr>熱田区!Print_Area</vt:lpstr>
      <vt:lpstr>北区!Print_Area</vt:lpstr>
      <vt:lpstr>名東区!Print_Area</vt:lpstr>
      <vt:lpstr>緑区!Print_Area</vt:lpstr>
      <vt:lpstr>港区!Print_Titles</vt:lpstr>
      <vt:lpstr>守山区!Print_Titles</vt:lpstr>
      <vt:lpstr>昭和区!Print_Titles</vt:lpstr>
      <vt:lpstr>瑞穂区!Print_Titles</vt:lpstr>
      <vt:lpstr>西区!Print_Titles</vt:lpstr>
      <vt:lpstr>千種区!Print_Titles</vt:lpstr>
      <vt:lpstr>全市!Print_Titles</vt:lpstr>
      <vt:lpstr>中区!Print_Titles</vt:lpstr>
      <vt:lpstr>中川区!Print_Titles</vt:lpstr>
      <vt:lpstr>中村区!Print_Titles</vt:lpstr>
      <vt:lpstr>天白区!Print_Titles</vt:lpstr>
      <vt:lpstr>東区!Print_Titles</vt:lpstr>
      <vt:lpstr>南区!Print_Titles</vt:lpstr>
      <vt:lpstr>熱田区!Print_Titles</vt:lpstr>
      <vt:lpstr>北区!Print_Titles</vt:lpstr>
      <vt:lpstr>名東区!Print_Titles</vt:lpstr>
      <vt:lpstr>緑区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小林　希久子</cp:lastModifiedBy>
  <dcterms:modified xsi:type="dcterms:W3CDTF">2021-04-15T01:56:01Z</dcterms:modified>
</cp:coreProperties>
</file>